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介護保険事業状況報告\02_月報HP\R4年度\"/>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L$41</definedName>
    <definedName name="_xlnm.Print_Area" localSheetId="2">'第２-2表'!$A$1:$KL$41</definedName>
    <definedName name="_xlnm.Print_Area" localSheetId="3">'第２-3表'!$A$1:$KL$41</definedName>
    <definedName name="_xlnm.Print_Area" localSheetId="8">'第3-3-1表'!$A$1:$CV$40</definedName>
    <definedName name="_xlnm.Print_Area" localSheetId="9">'第3-3-2表'!$A$1:$CV$40</definedName>
    <definedName name="_xlnm.Print_Area" localSheetId="10">'第3-3-3表 '!$A$1:$CV$40</definedName>
    <definedName name="_xlnm.Print_Titles" localSheetId="1">'第２-1表'!$A:$A,'第２-1表'!$1:$2</definedName>
    <definedName name="_xlnm.Print_Titles" localSheetId="2">'第２-2表'!$A:$A,'第２-2表'!$1:$2</definedName>
    <definedName name="_xlnm.Print_Titles" localSheetId="3">'第２-3表'!$A:$A,'第２-3表'!$1:$2</definedName>
    <definedName name="_xlnm.Print_Titles" localSheetId="4">'第３-1表'!$A:$A</definedName>
    <definedName name="_xlnm.Print_Titles" localSheetId="5">'第３-2-1表'!$A:$A,'第３-2-1表'!$1:$2</definedName>
    <definedName name="_xlnm.Print_Titles" localSheetId="6">'第３-2-2表'!$A:$A,'第３-2-2表'!$1:$2</definedName>
    <definedName name="_xlnm.Print_Titles" localSheetId="7">'第３-2-3表 '!$A:$A,'第３-2-3表 '!$1:$2</definedName>
    <definedName name="_xlnm.Print_Titles" localSheetId="11">'第４-1表'!$A:$A</definedName>
    <definedName name="_xlnm.Print_Titles" localSheetId="18">'第5-1表'!$A:$A</definedName>
    <definedName name="_xlnm.Print_Titles" localSheetId="19">'第5-2表'!$A:$A</definedName>
    <definedName name="_xlnm.Print_Titles" localSheetId="20">'第5-3表'!$A:$A</definedName>
    <definedName name="_xlnm.Print_Titles" localSheetId="21">'第６-1表'!$A:$A</definedName>
    <definedName name="_xlnm.Print_Titles" localSheetId="22">'第６-2表'!$A:$A</definedName>
    <definedName name="_xlnm.Print_Titles" localSheetId="23">'第６-3表 '!$A:$A</definedName>
    <definedName name="_xlnm.Print_Titles" localSheetId="24">第7表!$A:$A</definedName>
  </definedNames>
  <calcPr calcId="152511"/>
</workbook>
</file>

<file path=xl/calcChain.xml><?xml version="1.0" encoding="utf-8"?>
<calcChain xmlns="http://schemas.openxmlformats.org/spreadsheetml/2006/main">
  <c r="H1" i="29" l="1"/>
  <c r="E1" i="33" l="1"/>
  <c r="F1" i="33" s="1"/>
  <c r="D1" i="33"/>
  <c r="E1" i="25" l="1"/>
  <c r="F1" i="25" s="1"/>
  <c r="D1" i="25"/>
  <c r="E1" i="34" l="1"/>
  <c r="F1" i="34" s="1"/>
  <c r="D1" i="34"/>
  <c r="I1" i="32" l="1"/>
  <c r="J1" i="32" s="1"/>
  <c r="G1" i="32"/>
  <c r="J1" i="31"/>
  <c r="K1" i="31" s="1"/>
  <c r="H1" i="31"/>
  <c r="K1" i="30"/>
  <c r="L1" i="30" s="1"/>
  <c r="I1" i="30"/>
  <c r="J1" i="29"/>
  <c r="K1" i="29" s="1"/>
  <c r="G1" i="28"/>
  <c r="H1" i="28" s="1"/>
  <c r="E1" i="28"/>
  <c r="D1" i="18" l="1"/>
  <c r="D1" i="26"/>
  <c r="F1" i="6"/>
  <c r="D1" i="5"/>
  <c r="G1" i="24"/>
  <c r="G1" i="14"/>
  <c r="H1" i="23"/>
  <c r="H1" i="13"/>
  <c r="G1" i="4"/>
  <c r="I1" i="22"/>
  <c r="I1" i="11"/>
  <c r="H1" i="21"/>
  <c r="H1" i="10"/>
  <c r="F1" i="9"/>
  <c r="E1" i="19"/>
  <c r="E1" i="8"/>
  <c r="E1" i="18" l="1"/>
  <c r="E1" i="26"/>
  <c r="G1" i="6"/>
  <c r="E1" i="5"/>
  <c r="I1" i="24"/>
  <c r="I1" i="14"/>
  <c r="J1" i="23"/>
  <c r="J1" i="13"/>
  <c r="I1" i="4"/>
  <c r="K1" i="22"/>
  <c r="K1" i="11"/>
  <c r="J1" i="21"/>
  <c r="J1" i="10"/>
  <c r="H1" i="9"/>
  <c r="G1" i="19"/>
  <c r="G1" i="8"/>
  <c r="I1" i="9" l="1"/>
  <c r="F1" i="26"/>
  <c r="J1" i="24"/>
  <c r="K1" i="23"/>
  <c r="L1" i="22"/>
  <c r="K1" i="21"/>
  <c r="H1" i="19"/>
  <c r="F1" i="18"/>
  <c r="J1" i="14"/>
  <c r="K1" i="13"/>
  <c r="L1" i="11"/>
  <c r="K1" i="10"/>
  <c r="H1" i="6"/>
  <c r="F1" i="5"/>
  <c r="J1" i="4"/>
  <c r="H1" i="8"/>
  <c r="H4" i="1"/>
</calcChain>
</file>

<file path=xl/sharedStrings.xml><?xml version="1.0" encoding="utf-8"?>
<sst xmlns="http://schemas.openxmlformats.org/spreadsheetml/2006/main" count="5575" uniqueCount="164">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訪問介護、通所介護及び通所リハビリテーションについては、介護予防サービスを除く。</t>
    <rPh sb="1" eb="3">
      <t>ホウモン</t>
    </rPh>
    <rPh sb="3" eb="5">
      <t>カイゴ</t>
    </rPh>
    <rPh sb="6" eb="8">
      <t>ツウショ</t>
    </rPh>
    <rPh sb="8" eb="10">
      <t>カイゴ</t>
    </rPh>
    <rPh sb="10" eb="11">
      <t>オヨ</t>
    </rPh>
    <rPh sb="12" eb="14">
      <t>ツウショ</t>
    </rPh>
    <rPh sb="29" eb="31">
      <t>カイゴ</t>
    </rPh>
    <rPh sb="31" eb="33">
      <t>ヨボウ</t>
    </rPh>
    <rPh sb="38" eb="39">
      <t>ノゾ</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i>
    <t xml:space="preserve">要介護（要支援）認定者数（人） </t>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4">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76">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176" fontId="3" fillId="0" borderId="8" xfId="0" applyNumberFormat="1" applyFont="1" applyBorder="1" applyAlignment="1">
      <alignment horizontal="center" vertical="center"/>
    </xf>
    <xf numFmtId="176" fontId="3" fillId="0" borderId="9" xfId="0" applyNumberFormat="1" applyFont="1" applyBorder="1" applyAlignment="1">
      <alignment horizontal="center" vertical="center"/>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3"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176" fontId="3" fillId="0" borderId="7" xfId="0" applyNumberFormat="1" applyFont="1" applyBorder="1" applyAlignment="1">
      <alignment horizontal="center" vertical="center"/>
    </xf>
    <xf numFmtId="176" fontId="3" fillId="0" borderId="14" xfId="0" applyNumberFormat="1"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3"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176" fontId="2" fillId="0" borderId="7" xfId="0" applyNumberFormat="1" applyFont="1" applyBorder="1" applyAlignment="1">
      <alignment horizontal="center" vertical="center"/>
    </xf>
    <xf numFmtId="176" fontId="2" fillId="0" borderId="14" xfId="0" applyNumberFormat="1"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176" fontId="3" fillId="0" borderId="32" xfId="0" applyNumberFormat="1" applyFont="1" applyBorder="1" applyAlignment="1">
      <alignment horizontal="center" vertical="center"/>
    </xf>
    <xf numFmtId="176" fontId="3" fillId="0" borderId="19" xfId="0" applyNumberFormat="1"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5" xfId="0" applyNumberFormat="1" applyFont="1" applyBorder="1"/>
    <xf numFmtId="179" fontId="2" fillId="0" borderId="51" xfId="0" applyNumberFormat="1" applyFont="1" applyBorder="1"/>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1" xfId="2" applyNumberFormat="1" applyFont="1" applyBorder="1">
      <alignment vertical="center"/>
    </xf>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0" fontId="2" fillId="0" borderId="31" xfId="0" applyFont="1" applyBorder="1" applyAlignment="1">
      <alignment horizontal="center" vertical="center"/>
    </xf>
    <xf numFmtId="176" fontId="2" fillId="0" borderId="32" xfId="0" applyNumberFormat="1" applyFont="1" applyBorder="1" applyAlignment="1">
      <alignment horizontal="center" vertical="center"/>
    </xf>
    <xf numFmtId="176" fontId="2" fillId="0" borderId="19" xfId="0" applyNumberFormat="1" applyFont="1" applyBorder="1" applyAlignment="1">
      <alignment horizontal="center" vertical="center"/>
    </xf>
    <xf numFmtId="180" fontId="2" fillId="0" borderId="3" xfId="2" applyNumberFormat="1" applyFont="1" applyBorder="1">
      <alignment vertical="center"/>
    </xf>
    <xf numFmtId="180" fontId="2" fillId="0" borderId="35" xfId="2" applyNumberFormat="1" applyFont="1" applyBorder="1">
      <alignment vertical="center"/>
    </xf>
    <xf numFmtId="180" fontId="2" fillId="0" borderId="57" xfId="2" applyNumberFormat="1" applyFont="1" applyBorder="1">
      <alignment vertical="center"/>
    </xf>
    <xf numFmtId="180" fontId="2" fillId="0" borderId="52" xfId="2" applyNumberFormat="1" applyFont="1" applyBorder="1">
      <alignment vertical="center"/>
    </xf>
    <xf numFmtId="180" fontId="2" fillId="0" borderId="58" xfId="2" applyNumberFormat="1" applyFont="1" applyBorder="1">
      <alignment vertical="center"/>
    </xf>
    <xf numFmtId="180" fontId="2" fillId="0" borderId="43" xfId="2" applyNumberFormat="1" applyFont="1" applyBorder="1">
      <alignment vertical="center"/>
    </xf>
    <xf numFmtId="180" fontId="2" fillId="0" borderId="59" xfId="2" applyNumberFormat="1" applyFont="1" applyBorder="1">
      <alignment vertical="center"/>
    </xf>
    <xf numFmtId="180" fontId="2" fillId="0" borderId="60" xfId="1" applyNumberFormat="1" applyFont="1" applyFill="1" applyBorder="1" applyAlignment="1">
      <alignment vertical="center"/>
    </xf>
    <xf numFmtId="180" fontId="2" fillId="0" borderId="35" xfId="0" applyNumberFormat="1" applyFont="1" applyBorder="1"/>
    <xf numFmtId="180" fontId="2" fillId="0" borderId="36" xfId="0" applyNumberFormat="1" applyFont="1" applyBorder="1"/>
    <xf numFmtId="180" fontId="2" fillId="0" borderId="34" xfId="0" applyNumberFormat="1" applyFont="1" applyBorder="1"/>
    <xf numFmtId="180" fontId="2" fillId="0" borderId="51" xfId="0" applyNumberFormat="1" applyFont="1" applyBorder="1"/>
    <xf numFmtId="180" fontId="2" fillId="0" borderId="43" xfId="0" applyNumberFormat="1" applyFont="1" applyBorder="1"/>
    <xf numFmtId="180" fontId="2" fillId="0" borderId="58" xfId="0" applyNumberFormat="1" applyFont="1" applyBorder="1"/>
    <xf numFmtId="180" fontId="2" fillId="0" borderId="45" xfId="0" applyNumberFormat="1" applyFont="1" applyBorder="1"/>
    <xf numFmtId="180" fontId="2" fillId="0" borderId="62" xfId="0" applyNumberFormat="1" applyFont="1" applyBorder="1"/>
    <xf numFmtId="180" fontId="2" fillId="0" borderId="63" xfId="1" applyNumberFormat="1" applyFont="1" applyFill="1" applyBorder="1" applyAlignment="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81" xfId="0" applyNumberFormat="1" applyFont="1" applyBorder="1"/>
    <xf numFmtId="179" fontId="2" fillId="0" borderId="57" xfId="0" applyNumberFormat="1" applyFont="1" applyBorder="1"/>
    <xf numFmtId="179" fontId="2" fillId="0" borderId="37" xfId="0" applyNumberFormat="1" applyFont="1" applyBorder="1"/>
    <xf numFmtId="179" fontId="2" fillId="0" borderId="43" xfId="0" applyNumberFormat="1" applyFont="1" applyBorder="1"/>
    <xf numFmtId="179" fontId="2" fillId="0" borderId="35" xfId="0" applyNumberFormat="1" applyFont="1" applyBorder="1"/>
    <xf numFmtId="179" fontId="2" fillId="0" borderId="34" xfId="0" applyNumberFormat="1" applyFont="1" applyBorder="1"/>
    <xf numFmtId="179" fontId="2" fillId="0" borderId="61" xfId="0" applyNumberFormat="1" applyFont="1" applyBorder="1"/>
    <xf numFmtId="179" fontId="2" fillId="0" borderId="52" xfId="0" applyNumberFormat="1" applyFont="1" applyBorder="1"/>
    <xf numFmtId="179" fontId="2" fillId="0" borderId="44" xfId="0" applyNumberFormat="1" applyFont="1" applyBorder="1"/>
    <xf numFmtId="179" fontId="2" fillId="0" borderId="58" xfId="0" applyNumberFormat="1" applyFont="1" applyBorder="1"/>
    <xf numFmtId="179" fontId="2" fillId="0" borderId="2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2" xfId="0" applyNumberFormat="1" applyFont="1" applyBorder="1"/>
    <xf numFmtId="180" fontId="2" fillId="0" borderId="54" xfId="0" applyNumberFormat="1" applyFont="1" applyBorder="1"/>
    <xf numFmtId="180" fontId="2" fillId="0" borderId="33" xfId="0" applyNumberFormat="1" applyFont="1" applyBorder="1"/>
    <xf numFmtId="180" fontId="2" fillId="0" borderId="34" xfId="1" applyNumberFormat="1" applyFont="1" applyFill="1" applyBorder="1" applyAlignment="1">
      <alignment vertical="center"/>
    </xf>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34" xfId="1" applyNumberFormat="1" applyFont="1" applyFill="1" applyBorder="1" applyAlignment="1"/>
    <xf numFmtId="180" fontId="2" fillId="0" borderId="8" xfId="1" applyNumberFormat="1" applyFont="1" applyFill="1" applyBorder="1" applyAlignment="1"/>
    <xf numFmtId="180" fontId="2" fillId="0" borderId="9" xfId="1" applyNumberFormat="1" applyFont="1" applyFill="1" applyBorder="1" applyAlignment="1"/>
    <xf numFmtId="180" fontId="2" fillId="0" borderId="35" xfId="1" applyNumberFormat="1" applyFont="1" applyFill="1" applyBorder="1" applyAlignment="1">
      <alignment vertical="center"/>
    </xf>
    <xf numFmtId="180" fontId="2" fillId="0" borderId="43" xfId="1" applyNumberFormat="1" applyFont="1" applyFill="1" applyBorder="1" applyAlignment="1">
      <alignment vertical="center"/>
    </xf>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79" fontId="2" fillId="0" borderId="36" xfId="0" applyNumberFormat="1" applyFont="1" applyBorder="1"/>
    <xf numFmtId="179" fontId="2" fillId="0" borderId="82" xfId="0" applyNumberFormat="1" applyFont="1" applyBorder="1"/>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3" fontId="8"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8" xfId="3" applyFont="1" applyBorder="1">
      <alignment vertical="center"/>
    </xf>
    <xf numFmtId="0" fontId="9" fillId="0" borderId="9" xfId="3" applyFont="1" applyBorder="1">
      <alignment vertical="center"/>
    </xf>
    <xf numFmtId="0" fontId="9" fillId="0" borderId="49" xfId="3" applyFont="1" applyBorder="1">
      <alignment vertical="center"/>
    </xf>
    <xf numFmtId="0" fontId="9" fillId="0" borderId="12" xfId="3" applyFont="1" applyBorder="1" applyAlignment="1">
      <alignment horizontal="center" vertical="center"/>
    </xf>
    <xf numFmtId="0" fontId="9" fillId="0" borderId="3" xfId="3" applyFont="1" applyBorder="1">
      <alignment vertical="center"/>
    </xf>
    <xf numFmtId="0" fontId="9" fillId="0" borderId="7" xfId="3" applyFont="1" applyBorder="1">
      <alignment vertical="center"/>
    </xf>
    <xf numFmtId="0" fontId="9" fillId="0" borderId="14" xfId="3" applyFont="1" applyBorder="1">
      <alignment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0" fontId="0" fillId="0" borderId="7" xfId="0" applyBorder="1" applyAlignment="1">
      <alignment vertical="center"/>
    </xf>
    <xf numFmtId="0" fontId="0" fillId="0" borderId="14" xfId="0" applyBorder="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7"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59" xfId="0" applyNumberFormat="1" applyFont="1" applyBorder="1"/>
    <xf numFmtId="179" fontId="2" fillId="0" borderId="48" xfId="0" applyNumberFormat="1" applyFont="1" applyBorder="1"/>
    <xf numFmtId="179" fontId="2" fillId="0" borderId="30" xfId="0" applyNumberFormat="1" applyFont="1" applyBorder="1"/>
    <xf numFmtId="180" fontId="2" fillId="0" borderId="37"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0" xfId="0" applyNumberFormat="1" applyFont="1" applyBorder="1"/>
    <xf numFmtId="179" fontId="2" fillId="0" borderId="101" xfId="0" applyNumberFormat="1" applyFont="1" applyBorder="1"/>
    <xf numFmtId="179" fontId="2" fillId="0" borderId="102" xfId="0" applyNumberFormat="1" applyFont="1" applyBorder="1"/>
    <xf numFmtId="179" fontId="2" fillId="0" borderId="103" xfId="0" applyNumberFormat="1" applyFont="1" applyBorder="1"/>
    <xf numFmtId="179" fontId="2" fillId="0" borderId="104" xfId="0" applyNumberFormat="1" applyFont="1" applyBorder="1"/>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3" fillId="0" borderId="7" xfId="0" applyFont="1" applyBorder="1" applyAlignment="1">
      <alignment horizontal="center"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2" xfId="0" applyNumberFormat="1" applyFont="1" applyBorder="1"/>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31"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31" xfId="0"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3" xfId="0" applyBorder="1" applyAlignment="1">
      <alignment vertical="center"/>
    </xf>
    <xf numFmtId="180" fontId="0" fillId="0" borderId="49" xfId="1" applyNumberFormat="1" applyFont="1" applyBorder="1" applyAlignment="1">
      <alignment vertical="center"/>
    </xf>
    <xf numFmtId="180" fontId="0" fillId="0" borderId="42" xfId="1" applyNumberFormat="1" applyFont="1" applyBorder="1" applyAlignment="1">
      <alignment vertical="center"/>
    </xf>
    <xf numFmtId="180" fontId="0" fillId="0" borderId="4" xfId="1" applyNumberFormat="1" applyFont="1" applyBorder="1" applyAlignment="1">
      <alignment vertical="center"/>
    </xf>
    <xf numFmtId="180" fontId="0" fillId="0" borderId="97" xfId="1" applyNumberFormat="1" applyFont="1" applyBorder="1" applyAlignment="1">
      <alignment vertical="center"/>
    </xf>
    <xf numFmtId="180" fontId="0" fillId="0" borderId="80" xfId="1" applyNumberFormat="1" applyFont="1" applyBorder="1" applyAlignment="1">
      <alignment vertical="center"/>
    </xf>
    <xf numFmtId="180" fontId="0" fillId="0" borderId="59" xfId="1" applyNumberFormat="1" applyFont="1" applyBorder="1" applyAlignment="1">
      <alignment vertical="center"/>
    </xf>
    <xf numFmtId="180" fontId="0" fillId="0" borderId="60" xfId="1" applyNumberFormat="1" applyFont="1" applyBorder="1" applyAlignment="1">
      <alignment vertical="center"/>
    </xf>
    <xf numFmtId="180" fontId="0" fillId="0" borderId="57" xfId="1" applyNumberFormat="1" applyFont="1" applyBorder="1" applyAlignment="1">
      <alignmen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0" fontId="3" fillId="0" borderId="31" xfId="0" applyFont="1" applyBorder="1" applyAlignment="1">
      <alignment horizontal="center" vertical="center" shrinkToFit="1"/>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0" fontId="3" fillId="0" borderId="0" xfId="0" applyFont="1" applyAlignment="1">
      <alignment vertical="center" shrinkToFit="1"/>
    </xf>
    <xf numFmtId="176" fontId="3" fillId="0" borderId="32" xfId="0" applyNumberFormat="1" applyFont="1" applyBorder="1" applyAlignment="1">
      <alignment horizontal="center"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8"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7"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8"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68"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180" fontId="2" fillId="0" borderId="70" xfId="1" applyNumberFormat="1" applyFont="1" applyFill="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2" fillId="0" borderId="28" xfId="0" applyFont="1" applyBorder="1" applyAlignment="1">
      <alignment horizontal="center" vertical="center"/>
    </xf>
    <xf numFmtId="185" fontId="2" fillId="0" borderId="0" xfId="0" applyNumberFormat="1" applyFont="1" applyBorder="1" applyAlignment="1">
      <alignment horizontal="center" vertical="center"/>
    </xf>
    <xf numFmtId="186" fontId="5" fillId="0" borderId="0" xfId="0" applyNumberFormat="1" applyFont="1" applyBorder="1" applyAlignment="1">
      <alignment horizontal="right"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2" fontId="2" fillId="0" borderId="0" xfId="0" applyNumberFormat="1" applyFont="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51"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43"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55"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6"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49"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0" fillId="0" borderId="84" xfId="0" applyBorder="1" applyAlignment="1"/>
    <xf numFmtId="0" fontId="0" fillId="0" borderId="10" xfId="0" applyBorder="1" applyAlignment="1"/>
    <xf numFmtId="0" fontId="3" fillId="0" borderId="57" xfId="0" applyFont="1" applyBorder="1" applyAlignment="1">
      <alignment horizontal="center" vertical="center" wrapText="1"/>
    </xf>
    <xf numFmtId="0" fontId="3" fillId="0" borderId="96" xfId="0" applyFont="1" applyBorder="1" applyAlignment="1">
      <alignment horizontal="center" vertical="center"/>
    </xf>
    <xf numFmtId="0" fontId="3" fillId="0" borderId="90"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39" xfId="0"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182" fontId="3" fillId="0" borderId="0" xfId="0" applyNumberFormat="1"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71" xfId="0" applyFont="1" applyBorder="1" applyAlignment="1">
      <alignment horizontal="center" vertical="center"/>
    </xf>
    <xf numFmtId="182" fontId="2" fillId="0" borderId="0" xfId="0" applyNumberFormat="1" applyFont="1" applyBorder="1" applyAlignment="1">
      <alignment horizontal="center" vertical="center"/>
    </xf>
    <xf numFmtId="0" fontId="3" fillId="0" borderId="30" xfId="0" applyFont="1" applyBorder="1" applyAlignment="1">
      <alignment horizontal="center" vertical="center"/>
    </xf>
    <xf numFmtId="0" fontId="3" fillId="0" borderId="40"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48" xfId="0" applyFont="1" applyBorder="1" applyAlignment="1">
      <alignment horizontal="center"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99"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59" xfId="0" applyFont="1" applyFill="1" applyBorder="1" applyAlignment="1">
      <alignment horizontal="center" vertical="center"/>
    </xf>
    <xf numFmtId="0" fontId="2" fillId="0" borderId="56" xfId="0" applyFont="1" applyBorder="1" applyAlignment="1">
      <alignment horizontal="center" vertical="center"/>
    </xf>
    <xf numFmtId="0" fontId="2" fillId="0" borderId="69" xfId="0" applyFont="1" applyBorder="1" applyAlignment="1">
      <alignment horizontal="center" vertical="center"/>
    </xf>
    <xf numFmtId="0" fontId="2" fillId="0" borderId="78" xfId="0" applyFont="1" applyBorder="1" applyAlignment="1">
      <alignment horizontal="center" vertical="center"/>
    </xf>
    <xf numFmtId="0" fontId="2" fillId="0" borderId="7" xfId="0" applyFont="1" applyBorder="1" applyAlignment="1">
      <alignment horizontal="center" vertical="center"/>
    </xf>
    <xf numFmtId="0" fontId="2" fillId="0" borderId="47" xfId="0" applyFont="1" applyBorder="1" applyAlignment="1">
      <alignment horizontal="center" vertical="center"/>
    </xf>
    <xf numFmtId="0" fontId="2" fillId="0" borderId="97" xfId="0" applyFont="1" applyBorder="1" applyAlignment="1">
      <alignment horizontal="center" vertical="center"/>
    </xf>
    <xf numFmtId="0" fontId="2" fillId="0" borderId="42" xfId="0" applyFont="1" applyBorder="1" applyAlignment="1">
      <alignment horizontal="center" vertical="center"/>
    </xf>
    <xf numFmtId="0" fontId="2" fillId="0" borderId="80"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82" xfId="0" applyFont="1" applyBorder="1" applyAlignment="1">
      <alignment horizontal="center" vertical="center"/>
    </xf>
    <xf numFmtId="0" fontId="2" fillId="0" borderId="81" xfId="0" applyFont="1" applyBorder="1" applyAlignment="1">
      <alignment horizontal="center" vertical="center"/>
    </xf>
    <xf numFmtId="0" fontId="2" fillId="0" borderId="30" xfId="0" applyFont="1" applyBorder="1" applyAlignment="1">
      <alignment horizontal="center" vertical="center"/>
    </xf>
    <xf numFmtId="0" fontId="2" fillId="0" borderId="49" xfId="0" applyFont="1" applyBorder="1" applyAlignment="1">
      <alignment horizontal="center" vertical="center"/>
    </xf>
    <xf numFmtId="0" fontId="2" fillId="0" borderId="4"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96"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0" fontId="2" fillId="0" borderId="71" xfId="0" applyFont="1" applyBorder="1" applyAlignment="1">
      <alignment horizontal="center" vertical="center"/>
    </xf>
    <xf numFmtId="0" fontId="0" fillId="0" borderId="30" xfId="0" applyBorder="1" applyAlignment="1">
      <alignment horizontal="center"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xf numFmtId="182" fontId="3" fillId="0" borderId="0" xfId="0" applyNumberFormat="1" applyFont="1" applyBorder="1" applyAlignment="1">
      <alignment horizontal="left"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48"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22" xfId="0" applyBorder="1" applyAlignment="1">
      <alignment horizontal="center" vertical="center"/>
    </xf>
    <xf numFmtId="0" fontId="0" fillId="0" borderId="10" xfId="0" applyBorder="1" applyAlignment="1">
      <alignment horizontal="left"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D23" sqref="D23"/>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1.6640625" style="1" customWidth="1"/>
    <col min="6" max="6" width="13.109375" style="1" customWidth="1"/>
    <col min="7" max="9" width="12.44140625" style="1" customWidth="1"/>
    <col min="10" max="10" width="9.77734375" style="1" customWidth="1"/>
    <col min="11" max="16384" width="9" style="1"/>
  </cols>
  <sheetData>
    <row r="1" spans="1:13" x14ac:dyDescent="0.2">
      <c r="B1" s="2"/>
      <c r="C1" s="2"/>
      <c r="D1" s="2"/>
      <c r="E1" s="522" t="s">
        <v>0</v>
      </c>
      <c r="F1" s="522"/>
      <c r="G1" s="522"/>
      <c r="H1" s="522"/>
      <c r="I1" s="2"/>
      <c r="J1" s="2"/>
      <c r="K1" s="2"/>
      <c r="L1" s="2"/>
    </row>
    <row r="2" spans="1:13" ht="13.5" customHeight="1" x14ac:dyDescent="0.2">
      <c r="A2" s="2"/>
      <c r="B2" s="2"/>
      <c r="C2" s="2"/>
      <c r="D2" s="2"/>
      <c r="E2" s="2"/>
      <c r="F2" s="410">
        <v>4</v>
      </c>
      <c r="G2" s="280">
        <v>4</v>
      </c>
      <c r="H2" s="2"/>
      <c r="I2" s="2"/>
      <c r="J2" s="2"/>
      <c r="K2" s="2"/>
      <c r="L2" s="2"/>
      <c r="M2" s="2"/>
    </row>
    <row r="3" spans="1:13" ht="26.25" customHeight="1" x14ac:dyDescent="0.2"/>
    <row r="4" spans="1:13" ht="20.25" customHeight="1" x14ac:dyDescent="0.2">
      <c r="D4" s="3"/>
      <c r="E4" s="4" t="s">
        <v>1</v>
      </c>
      <c r="F4" s="3"/>
      <c r="H4" s="288">
        <f>G2</f>
        <v>4</v>
      </c>
    </row>
    <row r="5" spans="1:13" ht="10.5" customHeight="1" thickBot="1" x14ac:dyDescent="0.25">
      <c r="E5" s="5"/>
    </row>
    <row r="6" spans="1:13" ht="17.25" customHeight="1" x14ac:dyDescent="0.2">
      <c r="E6" s="384"/>
      <c r="F6" s="523" t="s">
        <v>2</v>
      </c>
      <c r="G6" s="524"/>
      <c r="H6" s="524"/>
      <c r="I6" s="525"/>
    </row>
    <row r="7" spans="1:13" ht="17.25" customHeight="1" x14ac:dyDescent="0.2">
      <c r="E7" s="7"/>
      <c r="F7" s="8"/>
      <c r="G7" s="9" t="s">
        <v>3</v>
      </c>
      <c r="H7" s="387" t="s">
        <v>150</v>
      </c>
      <c r="I7" s="388" t="s">
        <v>149</v>
      </c>
    </row>
    <row r="8" spans="1:13" ht="16.5" customHeight="1" x14ac:dyDescent="0.2">
      <c r="E8" s="385" t="s">
        <v>4</v>
      </c>
      <c r="F8" s="417">
        <v>2338856</v>
      </c>
      <c r="G8" s="417">
        <v>1096986</v>
      </c>
      <c r="H8" s="417">
        <v>856014</v>
      </c>
      <c r="I8" s="418">
        <v>385856</v>
      </c>
    </row>
    <row r="9" spans="1:13" ht="16.5" customHeight="1" x14ac:dyDescent="0.2">
      <c r="E9" s="10" t="s">
        <v>5</v>
      </c>
      <c r="F9" s="419">
        <v>932647</v>
      </c>
      <c r="G9" s="419">
        <v>434689</v>
      </c>
      <c r="H9" s="419">
        <v>337629</v>
      </c>
      <c r="I9" s="420">
        <v>160329</v>
      </c>
    </row>
    <row r="10" spans="1:13" ht="16.5" customHeight="1" x14ac:dyDescent="0.2">
      <c r="E10" s="10" t="s">
        <v>6</v>
      </c>
      <c r="F10" s="419">
        <v>306575</v>
      </c>
      <c r="G10" s="419">
        <v>148553</v>
      </c>
      <c r="H10" s="419">
        <v>107270</v>
      </c>
      <c r="I10" s="420">
        <v>50752</v>
      </c>
    </row>
    <row r="11" spans="1:13" ht="16.5" customHeight="1" x14ac:dyDescent="0.2">
      <c r="E11" s="10" t="s">
        <v>14</v>
      </c>
      <c r="F11" s="419">
        <v>187900</v>
      </c>
      <c r="G11" s="419">
        <v>89745</v>
      </c>
      <c r="H11" s="419">
        <v>71109</v>
      </c>
      <c r="I11" s="420">
        <v>27046</v>
      </c>
    </row>
    <row r="12" spans="1:13" ht="16.5" customHeight="1" x14ac:dyDescent="0.2">
      <c r="E12" s="10" t="s">
        <v>7</v>
      </c>
      <c r="F12" s="419">
        <v>126094</v>
      </c>
      <c r="G12" s="419">
        <v>56569</v>
      </c>
      <c r="H12" s="419">
        <v>47722</v>
      </c>
      <c r="I12" s="420">
        <v>21803</v>
      </c>
    </row>
    <row r="13" spans="1:13" ht="16.5" customHeight="1" x14ac:dyDescent="0.2">
      <c r="E13" s="10" t="s">
        <v>8</v>
      </c>
      <c r="F13" s="419">
        <v>73087</v>
      </c>
      <c r="G13" s="419">
        <v>35054</v>
      </c>
      <c r="H13" s="419">
        <v>26645</v>
      </c>
      <c r="I13" s="420">
        <v>11388</v>
      </c>
    </row>
    <row r="14" spans="1:13" ht="16.5" customHeight="1" x14ac:dyDescent="0.2">
      <c r="E14" s="10" t="s">
        <v>9</v>
      </c>
      <c r="F14" s="419">
        <v>53863</v>
      </c>
      <c r="G14" s="419">
        <v>22014</v>
      </c>
      <c r="H14" s="419">
        <v>20244</v>
      </c>
      <c r="I14" s="420">
        <v>11605</v>
      </c>
    </row>
    <row r="15" spans="1:13" ht="16.5" customHeight="1" x14ac:dyDescent="0.2">
      <c r="E15" s="10" t="s">
        <v>10</v>
      </c>
      <c r="F15" s="419">
        <v>108073</v>
      </c>
      <c r="G15" s="419">
        <v>49597</v>
      </c>
      <c r="H15" s="419">
        <v>39950</v>
      </c>
      <c r="I15" s="420">
        <v>18526</v>
      </c>
    </row>
    <row r="16" spans="1:13" ht="16.5" customHeight="1" x14ac:dyDescent="0.2">
      <c r="E16" s="10" t="s">
        <v>11</v>
      </c>
      <c r="F16" s="419">
        <v>57374</v>
      </c>
      <c r="G16" s="419">
        <v>27027</v>
      </c>
      <c r="H16" s="419">
        <v>20539</v>
      </c>
      <c r="I16" s="420">
        <v>9808</v>
      </c>
    </row>
    <row r="17" spans="5:13" ht="16.5" customHeight="1" x14ac:dyDescent="0.2">
      <c r="E17" s="10" t="s">
        <v>12</v>
      </c>
      <c r="F17" s="419">
        <v>65356</v>
      </c>
      <c r="G17" s="419">
        <v>29956</v>
      </c>
      <c r="H17" s="419">
        <v>24320</v>
      </c>
      <c r="I17" s="420">
        <v>11080</v>
      </c>
    </row>
    <row r="18" spans="5:13" ht="16.5" customHeight="1" x14ac:dyDescent="0.2">
      <c r="E18" s="10" t="s">
        <v>13</v>
      </c>
      <c r="F18" s="419">
        <v>18692</v>
      </c>
      <c r="G18" s="419">
        <v>7597</v>
      </c>
      <c r="H18" s="419">
        <v>7105</v>
      </c>
      <c r="I18" s="420">
        <v>3990</v>
      </c>
      <c r="M18" s="1" t="s">
        <v>87</v>
      </c>
    </row>
    <row r="19" spans="5:13" ht="16.5" customHeight="1" x14ac:dyDescent="0.2">
      <c r="E19" s="10" t="s">
        <v>15</v>
      </c>
      <c r="F19" s="419">
        <v>16307</v>
      </c>
      <c r="G19" s="419">
        <v>7664</v>
      </c>
      <c r="H19" s="419">
        <v>5853</v>
      </c>
      <c r="I19" s="420">
        <v>2790</v>
      </c>
    </row>
    <row r="20" spans="5:13" ht="16.5" customHeight="1" x14ac:dyDescent="0.2">
      <c r="E20" s="10" t="s">
        <v>16</v>
      </c>
      <c r="F20" s="419">
        <v>49280</v>
      </c>
      <c r="G20" s="419">
        <v>24814</v>
      </c>
      <c r="H20" s="419">
        <v>17694</v>
      </c>
      <c r="I20" s="420">
        <v>6772</v>
      </c>
    </row>
    <row r="21" spans="5:13" ht="16.5" customHeight="1" x14ac:dyDescent="0.2">
      <c r="E21" s="10" t="s">
        <v>17</v>
      </c>
      <c r="F21" s="419">
        <v>58439</v>
      </c>
      <c r="G21" s="419">
        <v>29148</v>
      </c>
      <c r="H21" s="419">
        <v>21679</v>
      </c>
      <c r="I21" s="420">
        <v>7612</v>
      </c>
    </row>
    <row r="22" spans="5:13" ht="16.5" customHeight="1" x14ac:dyDescent="0.2">
      <c r="E22" s="10" t="s">
        <v>18</v>
      </c>
      <c r="F22" s="419">
        <v>57956</v>
      </c>
      <c r="G22" s="419">
        <v>27236</v>
      </c>
      <c r="H22" s="419">
        <v>22231</v>
      </c>
      <c r="I22" s="420">
        <v>8489</v>
      </c>
    </row>
    <row r="23" spans="5:13" ht="16.5" customHeight="1" x14ac:dyDescent="0.2">
      <c r="E23" s="10" t="s">
        <v>19</v>
      </c>
      <c r="F23" s="419">
        <v>26634</v>
      </c>
      <c r="G23" s="419">
        <v>12697</v>
      </c>
      <c r="H23" s="419">
        <v>9997</v>
      </c>
      <c r="I23" s="420">
        <v>3940</v>
      </c>
    </row>
    <row r="24" spans="5:13" ht="16.5" customHeight="1" x14ac:dyDescent="0.2">
      <c r="E24" s="10" t="s">
        <v>20</v>
      </c>
      <c r="F24" s="419">
        <v>33892</v>
      </c>
      <c r="G24" s="419">
        <v>16547</v>
      </c>
      <c r="H24" s="419">
        <v>12819</v>
      </c>
      <c r="I24" s="420">
        <v>4526</v>
      </c>
    </row>
    <row r="25" spans="5:13" ht="16.5" customHeight="1" x14ac:dyDescent="0.2">
      <c r="E25" s="10" t="s">
        <v>21</v>
      </c>
      <c r="F25" s="419">
        <v>34173</v>
      </c>
      <c r="G25" s="419">
        <v>16427</v>
      </c>
      <c r="H25" s="419">
        <v>12947</v>
      </c>
      <c r="I25" s="420">
        <v>4799</v>
      </c>
    </row>
    <row r="26" spans="5:13" ht="16.5" customHeight="1" x14ac:dyDescent="0.2">
      <c r="E26" s="10" t="s">
        <v>22</v>
      </c>
      <c r="F26" s="419">
        <v>13644</v>
      </c>
      <c r="G26" s="419">
        <v>6152</v>
      </c>
      <c r="H26" s="419">
        <v>5180</v>
      </c>
      <c r="I26" s="420">
        <v>2312</v>
      </c>
    </row>
    <row r="27" spans="5:13" ht="16.5" customHeight="1" x14ac:dyDescent="0.2">
      <c r="E27" s="10" t="s">
        <v>23</v>
      </c>
      <c r="F27" s="419">
        <v>23060</v>
      </c>
      <c r="G27" s="419">
        <v>10599</v>
      </c>
      <c r="H27" s="419">
        <v>9484</v>
      </c>
      <c r="I27" s="420">
        <v>2977</v>
      </c>
    </row>
    <row r="28" spans="5:13" ht="16.5" customHeight="1" x14ac:dyDescent="0.2">
      <c r="E28" s="10" t="s">
        <v>24</v>
      </c>
      <c r="F28" s="419">
        <v>10260</v>
      </c>
      <c r="G28" s="419">
        <v>4284</v>
      </c>
      <c r="H28" s="419">
        <v>3971</v>
      </c>
      <c r="I28" s="420">
        <v>2005</v>
      </c>
    </row>
    <row r="29" spans="5:13" ht="16.5" customHeight="1" x14ac:dyDescent="0.2">
      <c r="E29" s="10" t="s">
        <v>25</v>
      </c>
      <c r="F29" s="419">
        <v>13453</v>
      </c>
      <c r="G29" s="419">
        <v>6634</v>
      </c>
      <c r="H29" s="419">
        <v>5057</v>
      </c>
      <c r="I29" s="420">
        <v>1762</v>
      </c>
    </row>
    <row r="30" spans="5:13" ht="16.5" customHeight="1" x14ac:dyDescent="0.2">
      <c r="E30" s="10" t="s">
        <v>26</v>
      </c>
      <c r="F30" s="419">
        <v>11141</v>
      </c>
      <c r="G30" s="419">
        <v>5092</v>
      </c>
      <c r="H30" s="419">
        <v>4190</v>
      </c>
      <c r="I30" s="420">
        <v>1859</v>
      </c>
    </row>
    <row r="31" spans="5:13" ht="16.5" customHeight="1" x14ac:dyDescent="0.2">
      <c r="E31" s="10" t="s">
        <v>27</v>
      </c>
      <c r="F31" s="419">
        <v>9888</v>
      </c>
      <c r="G31" s="419">
        <v>4267</v>
      </c>
      <c r="H31" s="419">
        <v>3811</v>
      </c>
      <c r="I31" s="420">
        <v>1810</v>
      </c>
    </row>
    <row r="32" spans="5:13" ht="16.5" customHeight="1" x14ac:dyDescent="0.2">
      <c r="E32" s="10" t="s">
        <v>28</v>
      </c>
      <c r="F32" s="419">
        <v>3228</v>
      </c>
      <c r="G32" s="419">
        <v>1619</v>
      </c>
      <c r="H32" s="419">
        <v>1177</v>
      </c>
      <c r="I32" s="420">
        <v>432</v>
      </c>
    </row>
    <row r="33" spans="5:9" ht="16.5" customHeight="1" x14ac:dyDescent="0.2">
      <c r="E33" s="10" t="s">
        <v>29</v>
      </c>
      <c r="F33" s="419">
        <v>4978</v>
      </c>
      <c r="G33" s="419">
        <v>2398</v>
      </c>
      <c r="H33" s="419">
        <v>1872</v>
      </c>
      <c r="I33" s="420">
        <v>708</v>
      </c>
    </row>
    <row r="34" spans="5:9" ht="16.5" customHeight="1" x14ac:dyDescent="0.2">
      <c r="E34" s="10" t="s">
        <v>30</v>
      </c>
      <c r="F34" s="419">
        <v>3738</v>
      </c>
      <c r="G34" s="419">
        <v>1713</v>
      </c>
      <c r="H34" s="419">
        <v>1349</v>
      </c>
      <c r="I34" s="420">
        <v>676</v>
      </c>
    </row>
    <row r="35" spans="5:9" ht="16.5" customHeight="1" x14ac:dyDescent="0.2">
      <c r="E35" s="10" t="s">
        <v>31</v>
      </c>
      <c r="F35" s="419">
        <v>4042</v>
      </c>
      <c r="G35" s="419">
        <v>1995</v>
      </c>
      <c r="H35" s="419">
        <v>1277</v>
      </c>
      <c r="I35" s="420">
        <v>770</v>
      </c>
    </row>
    <row r="36" spans="5:9" ht="16.5" customHeight="1" x14ac:dyDescent="0.2">
      <c r="E36" s="10" t="s">
        <v>32</v>
      </c>
      <c r="F36" s="419">
        <v>4555</v>
      </c>
      <c r="G36" s="419">
        <v>2100</v>
      </c>
      <c r="H36" s="419">
        <v>1721</v>
      </c>
      <c r="I36" s="420">
        <v>734</v>
      </c>
    </row>
    <row r="37" spans="5:9" ht="16.5" customHeight="1" x14ac:dyDescent="0.2">
      <c r="E37" s="10" t="s">
        <v>33</v>
      </c>
      <c r="F37" s="419">
        <v>4175</v>
      </c>
      <c r="G37" s="419">
        <v>1950</v>
      </c>
      <c r="H37" s="419">
        <v>1529</v>
      </c>
      <c r="I37" s="420">
        <v>696</v>
      </c>
    </row>
    <row r="38" spans="5:9" ht="16.5" customHeight="1" x14ac:dyDescent="0.2">
      <c r="E38" s="10" t="s">
        <v>34</v>
      </c>
      <c r="F38" s="419">
        <v>3022</v>
      </c>
      <c r="G38" s="419">
        <v>1376</v>
      </c>
      <c r="H38" s="419">
        <v>1122</v>
      </c>
      <c r="I38" s="420">
        <v>524</v>
      </c>
    </row>
    <row r="39" spans="5:9" ht="16.5" customHeight="1" x14ac:dyDescent="0.2">
      <c r="E39" s="10" t="s">
        <v>35</v>
      </c>
      <c r="F39" s="419">
        <v>9924</v>
      </c>
      <c r="G39" s="419">
        <v>4416</v>
      </c>
      <c r="H39" s="419">
        <v>3770</v>
      </c>
      <c r="I39" s="420">
        <v>1738</v>
      </c>
    </row>
    <row r="40" spans="5:9" ht="16.5" customHeight="1" x14ac:dyDescent="0.2">
      <c r="E40" s="10" t="s">
        <v>36</v>
      </c>
      <c r="F40" s="419">
        <v>12339</v>
      </c>
      <c r="G40" s="419">
        <v>6478</v>
      </c>
      <c r="H40" s="419">
        <v>4410</v>
      </c>
      <c r="I40" s="420">
        <v>1451</v>
      </c>
    </row>
    <row r="41" spans="5:9" ht="16.5" customHeight="1" thickBot="1" x14ac:dyDescent="0.25">
      <c r="E41" s="11" t="s">
        <v>37</v>
      </c>
      <c r="F41" s="421">
        <v>1067</v>
      </c>
      <c r="G41" s="421">
        <v>579</v>
      </c>
      <c r="H41" s="421">
        <v>341</v>
      </c>
      <c r="I41" s="422">
        <v>147</v>
      </c>
    </row>
  </sheetData>
  <mergeCells count="2">
    <mergeCell ref="E1:H1"/>
    <mergeCell ref="F6:I6"/>
  </mergeCells>
  <phoneticPr fontId="4"/>
  <pageMargins left="0.78740157480314965" right="0.78740157480314965" top="0.98425196850393704" bottom="0.98425196850393704" header="0.51181102362204722" footer="0.51181102362204722"/>
  <pageSetup paperSize="9"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G40"/>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4" width="9" style="290"/>
    <col min="5" max="5" width="7.77734375" style="290" customWidth="1"/>
    <col min="6" max="6" width="9" style="290"/>
    <col min="7" max="7" width="10.6640625" style="290" customWidth="1"/>
    <col min="8" max="15" width="9" style="290"/>
    <col min="16" max="16" width="7.88671875" style="290" customWidth="1"/>
    <col min="17" max="26" width="9" style="290"/>
    <col min="27" max="27" width="7.77734375" style="290" customWidth="1"/>
    <col min="28" max="37" width="9" style="290"/>
    <col min="38" max="38" width="6.77734375" style="290" customWidth="1"/>
    <col min="39" max="48" width="9" style="290"/>
    <col min="49" max="49" width="7.77734375" style="290" customWidth="1"/>
    <col min="50" max="59" width="9" style="290"/>
    <col min="60" max="60" width="7.44140625" style="290" customWidth="1"/>
    <col min="61" max="70" width="9" style="290"/>
    <col min="71" max="71" width="7.33203125" style="290" customWidth="1"/>
    <col min="72" max="81" width="9" style="290"/>
    <col min="82" max="82" width="7.44140625" style="290" customWidth="1"/>
    <col min="83" max="92" width="9" style="290"/>
    <col min="93" max="93" width="7.6640625" style="290" customWidth="1"/>
    <col min="94" max="16384" width="9" style="290"/>
  </cols>
  <sheetData>
    <row r="1" spans="1:111" ht="20.25" customHeight="1" x14ac:dyDescent="0.2">
      <c r="A1" s="325" t="s">
        <v>123</v>
      </c>
      <c r="I1" s="545">
        <f>第１表!F2</f>
        <v>4</v>
      </c>
      <c r="J1" s="545"/>
      <c r="K1" s="282">
        <f>第１表!G2</f>
        <v>4</v>
      </c>
      <c r="L1" s="549">
        <f>IF(K1&lt;3,K1+12-2,K1-2)</f>
        <v>2</v>
      </c>
      <c r="M1" s="549"/>
    </row>
    <row r="2" spans="1:111" ht="18.75" customHeight="1" thickBot="1" x14ac:dyDescent="0.25">
      <c r="A2" s="325" t="s">
        <v>131</v>
      </c>
    </row>
    <row r="3" spans="1:111" ht="13.8" thickBot="1" x14ac:dyDescent="0.25">
      <c r="A3" s="569"/>
      <c r="B3" s="572" t="s">
        <v>112</v>
      </c>
      <c r="C3" s="572"/>
      <c r="D3" s="572"/>
      <c r="E3" s="572"/>
      <c r="F3" s="572"/>
      <c r="G3" s="572"/>
      <c r="H3" s="572"/>
      <c r="I3" s="572"/>
      <c r="J3" s="572"/>
      <c r="K3" s="572"/>
      <c r="L3" s="573"/>
      <c r="M3" s="567" t="s">
        <v>111</v>
      </c>
      <c r="N3" s="567"/>
      <c r="O3" s="567"/>
      <c r="P3" s="567"/>
      <c r="Q3" s="567"/>
      <c r="R3" s="567"/>
      <c r="S3" s="567"/>
      <c r="T3" s="567"/>
      <c r="U3" s="567"/>
      <c r="V3" s="567"/>
      <c r="W3" s="568"/>
      <c r="X3" s="566" t="s">
        <v>110</v>
      </c>
      <c r="Y3" s="567"/>
      <c r="Z3" s="567"/>
      <c r="AA3" s="567"/>
      <c r="AB3" s="567"/>
      <c r="AC3" s="567"/>
      <c r="AD3" s="567"/>
      <c r="AE3" s="567"/>
      <c r="AF3" s="567"/>
      <c r="AG3" s="567"/>
      <c r="AH3" s="568"/>
      <c r="AI3" s="566" t="s">
        <v>109</v>
      </c>
      <c r="AJ3" s="567"/>
      <c r="AK3" s="567"/>
      <c r="AL3" s="567"/>
      <c r="AM3" s="567"/>
      <c r="AN3" s="567"/>
      <c r="AO3" s="567"/>
      <c r="AP3" s="567"/>
      <c r="AQ3" s="567"/>
      <c r="AR3" s="567"/>
      <c r="AS3" s="568"/>
      <c r="AT3" s="566" t="s">
        <v>108</v>
      </c>
      <c r="AU3" s="567"/>
      <c r="AV3" s="567"/>
      <c r="AW3" s="567"/>
      <c r="AX3" s="567"/>
      <c r="AY3" s="567"/>
      <c r="AZ3" s="567"/>
      <c r="BA3" s="567"/>
      <c r="BB3" s="567"/>
      <c r="BC3" s="567"/>
      <c r="BD3" s="568"/>
      <c r="BE3" s="566" t="s">
        <v>107</v>
      </c>
      <c r="BF3" s="567"/>
      <c r="BG3" s="567"/>
      <c r="BH3" s="567"/>
      <c r="BI3" s="567"/>
      <c r="BJ3" s="567"/>
      <c r="BK3" s="567"/>
      <c r="BL3" s="567"/>
      <c r="BM3" s="567"/>
      <c r="BN3" s="567"/>
      <c r="BO3" s="568"/>
      <c r="BP3" s="566" t="s">
        <v>106</v>
      </c>
      <c r="BQ3" s="567"/>
      <c r="BR3" s="567"/>
      <c r="BS3" s="567"/>
      <c r="BT3" s="567"/>
      <c r="BU3" s="567"/>
      <c r="BV3" s="567"/>
      <c r="BW3" s="567"/>
      <c r="BX3" s="567"/>
      <c r="BY3" s="567"/>
      <c r="BZ3" s="568"/>
      <c r="CA3" s="566" t="s">
        <v>128</v>
      </c>
      <c r="CB3" s="567"/>
      <c r="CC3" s="567"/>
      <c r="CD3" s="567"/>
      <c r="CE3" s="567"/>
      <c r="CF3" s="567"/>
      <c r="CG3" s="567"/>
      <c r="CH3" s="567"/>
      <c r="CI3" s="567"/>
      <c r="CJ3" s="567"/>
      <c r="CK3" s="568"/>
      <c r="CL3" s="566" t="s">
        <v>161</v>
      </c>
      <c r="CM3" s="567"/>
      <c r="CN3" s="567"/>
      <c r="CO3" s="567"/>
      <c r="CP3" s="567"/>
      <c r="CQ3" s="567"/>
      <c r="CR3" s="567"/>
      <c r="CS3" s="567"/>
      <c r="CT3" s="567"/>
      <c r="CU3" s="567"/>
      <c r="CV3" s="568"/>
      <c r="CW3" s="566" t="s">
        <v>157</v>
      </c>
      <c r="CX3" s="567"/>
      <c r="CY3" s="567"/>
      <c r="CZ3" s="567"/>
      <c r="DA3" s="567"/>
      <c r="DB3" s="567"/>
      <c r="DC3" s="567"/>
      <c r="DD3" s="567"/>
      <c r="DE3" s="567"/>
      <c r="DF3" s="567"/>
      <c r="DG3" s="568"/>
    </row>
    <row r="4" spans="1:111" x14ac:dyDescent="0.2">
      <c r="A4" s="570"/>
      <c r="B4" s="574" t="s">
        <v>61</v>
      </c>
      <c r="C4" s="557"/>
      <c r="D4" s="558"/>
      <c r="E4" s="556" t="s">
        <v>62</v>
      </c>
      <c r="F4" s="557"/>
      <c r="G4" s="557"/>
      <c r="H4" s="557"/>
      <c r="I4" s="557"/>
      <c r="J4" s="557"/>
      <c r="K4" s="565"/>
      <c r="L4" s="559" t="s">
        <v>52</v>
      </c>
      <c r="M4" s="574" t="s">
        <v>61</v>
      </c>
      <c r="N4" s="557"/>
      <c r="O4" s="558"/>
      <c r="P4" s="556" t="s">
        <v>62</v>
      </c>
      <c r="Q4" s="557"/>
      <c r="R4" s="557"/>
      <c r="S4" s="557"/>
      <c r="T4" s="557"/>
      <c r="U4" s="557"/>
      <c r="V4" s="558"/>
      <c r="W4" s="559" t="s">
        <v>52</v>
      </c>
      <c r="X4" s="561" t="s">
        <v>61</v>
      </c>
      <c r="Y4" s="557"/>
      <c r="Z4" s="565"/>
      <c r="AA4" s="556" t="s">
        <v>62</v>
      </c>
      <c r="AB4" s="557"/>
      <c r="AC4" s="557"/>
      <c r="AD4" s="557"/>
      <c r="AE4" s="557"/>
      <c r="AF4" s="557"/>
      <c r="AG4" s="558"/>
      <c r="AH4" s="559" t="s">
        <v>52</v>
      </c>
      <c r="AI4" s="561" t="s">
        <v>61</v>
      </c>
      <c r="AJ4" s="557"/>
      <c r="AK4" s="558"/>
      <c r="AL4" s="556" t="s">
        <v>62</v>
      </c>
      <c r="AM4" s="557"/>
      <c r="AN4" s="557"/>
      <c r="AO4" s="557"/>
      <c r="AP4" s="557"/>
      <c r="AQ4" s="557"/>
      <c r="AR4" s="558"/>
      <c r="AS4" s="559" t="s">
        <v>52</v>
      </c>
      <c r="AT4" s="561" t="s">
        <v>61</v>
      </c>
      <c r="AU4" s="557"/>
      <c r="AV4" s="565"/>
      <c r="AW4" s="556" t="s">
        <v>62</v>
      </c>
      <c r="AX4" s="557"/>
      <c r="AY4" s="557"/>
      <c r="AZ4" s="557"/>
      <c r="BA4" s="557"/>
      <c r="BB4" s="557"/>
      <c r="BC4" s="565"/>
      <c r="BD4" s="559" t="s">
        <v>52</v>
      </c>
      <c r="BE4" s="561" t="s">
        <v>61</v>
      </c>
      <c r="BF4" s="557"/>
      <c r="BG4" s="558"/>
      <c r="BH4" s="556" t="s">
        <v>62</v>
      </c>
      <c r="BI4" s="557"/>
      <c r="BJ4" s="557"/>
      <c r="BK4" s="557"/>
      <c r="BL4" s="557"/>
      <c r="BM4" s="557"/>
      <c r="BN4" s="558"/>
      <c r="BO4" s="559" t="s">
        <v>52</v>
      </c>
      <c r="BP4" s="561" t="s">
        <v>61</v>
      </c>
      <c r="BQ4" s="557"/>
      <c r="BR4" s="558"/>
      <c r="BS4" s="556" t="s">
        <v>62</v>
      </c>
      <c r="BT4" s="557"/>
      <c r="BU4" s="557"/>
      <c r="BV4" s="557"/>
      <c r="BW4" s="557"/>
      <c r="BX4" s="557"/>
      <c r="BY4" s="558"/>
      <c r="BZ4" s="559" t="s">
        <v>52</v>
      </c>
      <c r="CA4" s="561" t="s">
        <v>61</v>
      </c>
      <c r="CB4" s="557"/>
      <c r="CC4" s="558"/>
      <c r="CD4" s="556" t="s">
        <v>62</v>
      </c>
      <c r="CE4" s="557"/>
      <c r="CF4" s="557"/>
      <c r="CG4" s="557"/>
      <c r="CH4" s="557"/>
      <c r="CI4" s="557"/>
      <c r="CJ4" s="558"/>
      <c r="CK4" s="559" t="s">
        <v>52</v>
      </c>
      <c r="CL4" s="561" t="s">
        <v>61</v>
      </c>
      <c r="CM4" s="557"/>
      <c r="CN4" s="558"/>
      <c r="CO4" s="556" t="s">
        <v>62</v>
      </c>
      <c r="CP4" s="557"/>
      <c r="CQ4" s="557"/>
      <c r="CR4" s="557"/>
      <c r="CS4" s="557"/>
      <c r="CT4" s="557"/>
      <c r="CU4" s="558"/>
      <c r="CV4" s="559" t="s">
        <v>52</v>
      </c>
      <c r="CW4" s="561" t="s">
        <v>61</v>
      </c>
      <c r="CX4" s="557"/>
      <c r="CY4" s="558"/>
      <c r="CZ4" s="556" t="s">
        <v>62</v>
      </c>
      <c r="DA4" s="557"/>
      <c r="DB4" s="557"/>
      <c r="DC4" s="557"/>
      <c r="DD4" s="557"/>
      <c r="DE4" s="557"/>
      <c r="DF4" s="558"/>
      <c r="DG4" s="559" t="s">
        <v>52</v>
      </c>
    </row>
    <row r="5" spans="1:111" ht="28.5" customHeight="1" thickBot="1" x14ac:dyDescent="0.25">
      <c r="A5" s="571"/>
      <c r="B5" s="299" t="s">
        <v>43</v>
      </c>
      <c r="C5" s="294" t="s">
        <v>44</v>
      </c>
      <c r="D5" s="435" t="s">
        <v>45</v>
      </c>
      <c r="E5" s="302" t="s">
        <v>83</v>
      </c>
      <c r="F5" s="294" t="s">
        <v>47</v>
      </c>
      <c r="G5" s="294" t="s">
        <v>48</v>
      </c>
      <c r="H5" s="294" t="s">
        <v>49</v>
      </c>
      <c r="I5" s="294" t="s">
        <v>50</v>
      </c>
      <c r="J5" s="294" t="s">
        <v>51</v>
      </c>
      <c r="K5" s="303" t="s">
        <v>45</v>
      </c>
      <c r="L5" s="560"/>
      <c r="M5" s="299" t="s">
        <v>43</v>
      </c>
      <c r="N5" s="294" t="s">
        <v>44</v>
      </c>
      <c r="O5" s="300" t="s">
        <v>45</v>
      </c>
      <c r="P5" s="302" t="s">
        <v>83</v>
      </c>
      <c r="Q5" s="294" t="s">
        <v>47</v>
      </c>
      <c r="R5" s="294" t="s">
        <v>48</v>
      </c>
      <c r="S5" s="294" t="s">
        <v>49</v>
      </c>
      <c r="T5" s="294" t="s">
        <v>50</v>
      </c>
      <c r="U5" s="294" t="s">
        <v>51</v>
      </c>
      <c r="V5" s="300" t="s">
        <v>45</v>
      </c>
      <c r="W5" s="560"/>
      <c r="X5" s="360" t="s">
        <v>43</v>
      </c>
      <c r="Y5" s="294" t="s">
        <v>44</v>
      </c>
      <c r="Z5" s="303" t="s">
        <v>45</v>
      </c>
      <c r="AA5" s="302" t="s">
        <v>83</v>
      </c>
      <c r="AB5" s="294" t="s">
        <v>47</v>
      </c>
      <c r="AC5" s="294" t="s">
        <v>48</v>
      </c>
      <c r="AD5" s="294" t="s">
        <v>49</v>
      </c>
      <c r="AE5" s="294" t="s">
        <v>50</v>
      </c>
      <c r="AF5" s="294" t="s">
        <v>51</v>
      </c>
      <c r="AG5" s="300" t="s">
        <v>45</v>
      </c>
      <c r="AH5" s="560"/>
      <c r="AI5" s="360" t="s">
        <v>43</v>
      </c>
      <c r="AJ5" s="294" t="s">
        <v>44</v>
      </c>
      <c r="AK5" s="300" t="s">
        <v>45</v>
      </c>
      <c r="AL5" s="302" t="s">
        <v>83</v>
      </c>
      <c r="AM5" s="294" t="s">
        <v>47</v>
      </c>
      <c r="AN5" s="294" t="s">
        <v>48</v>
      </c>
      <c r="AO5" s="294" t="s">
        <v>49</v>
      </c>
      <c r="AP5" s="294" t="s">
        <v>50</v>
      </c>
      <c r="AQ5" s="294" t="s">
        <v>51</v>
      </c>
      <c r="AR5" s="300" t="s">
        <v>45</v>
      </c>
      <c r="AS5" s="560"/>
      <c r="AT5" s="360" t="s">
        <v>43</v>
      </c>
      <c r="AU5" s="294" t="s">
        <v>44</v>
      </c>
      <c r="AV5" s="303" t="s">
        <v>45</v>
      </c>
      <c r="AW5" s="302" t="s">
        <v>83</v>
      </c>
      <c r="AX5" s="294" t="s">
        <v>47</v>
      </c>
      <c r="AY5" s="294" t="s">
        <v>48</v>
      </c>
      <c r="AZ5" s="294" t="s">
        <v>49</v>
      </c>
      <c r="BA5" s="294" t="s">
        <v>50</v>
      </c>
      <c r="BB5" s="294" t="s">
        <v>51</v>
      </c>
      <c r="BC5" s="303" t="s">
        <v>45</v>
      </c>
      <c r="BD5" s="560"/>
      <c r="BE5" s="360" t="s">
        <v>43</v>
      </c>
      <c r="BF5" s="294" t="s">
        <v>44</v>
      </c>
      <c r="BG5" s="300" t="s">
        <v>45</v>
      </c>
      <c r="BH5" s="302" t="s">
        <v>83</v>
      </c>
      <c r="BI5" s="294" t="s">
        <v>47</v>
      </c>
      <c r="BJ5" s="294" t="s">
        <v>48</v>
      </c>
      <c r="BK5" s="294" t="s">
        <v>49</v>
      </c>
      <c r="BL5" s="294" t="s">
        <v>50</v>
      </c>
      <c r="BM5" s="294" t="s">
        <v>51</v>
      </c>
      <c r="BN5" s="300" t="s">
        <v>45</v>
      </c>
      <c r="BO5" s="560"/>
      <c r="BP5" s="360" t="s">
        <v>43</v>
      </c>
      <c r="BQ5" s="294" t="s">
        <v>44</v>
      </c>
      <c r="BR5" s="300" t="s">
        <v>45</v>
      </c>
      <c r="BS5" s="302" t="s">
        <v>83</v>
      </c>
      <c r="BT5" s="294" t="s">
        <v>47</v>
      </c>
      <c r="BU5" s="294" t="s">
        <v>48</v>
      </c>
      <c r="BV5" s="294" t="s">
        <v>49</v>
      </c>
      <c r="BW5" s="294" t="s">
        <v>50</v>
      </c>
      <c r="BX5" s="294" t="s">
        <v>51</v>
      </c>
      <c r="BY5" s="300" t="s">
        <v>45</v>
      </c>
      <c r="BZ5" s="560"/>
      <c r="CA5" s="360" t="s">
        <v>43</v>
      </c>
      <c r="CB5" s="294" t="s">
        <v>44</v>
      </c>
      <c r="CC5" s="300" t="s">
        <v>45</v>
      </c>
      <c r="CD5" s="302" t="s">
        <v>83</v>
      </c>
      <c r="CE5" s="294" t="s">
        <v>47</v>
      </c>
      <c r="CF5" s="294" t="s">
        <v>48</v>
      </c>
      <c r="CG5" s="294" t="s">
        <v>49</v>
      </c>
      <c r="CH5" s="294" t="s">
        <v>50</v>
      </c>
      <c r="CI5" s="294" t="s">
        <v>51</v>
      </c>
      <c r="CJ5" s="300" t="s">
        <v>45</v>
      </c>
      <c r="CK5" s="560"/>
      <c r="CL5" s="360" t="s">
        <v>43</v>
      </c>
      <c r="CM5" s="294" t="s">
        <v>44</v>
      </c>
      <c r="CN5" s="300" t="s">
        <v>45</v>
      </c>
      <c r="CO5" s="302" t="s">
        <v>83</v>
      </c>
      <c r="CP5" s="294" t="s">
        <v>47</v>
      </c>
      <c r="CQ5" s="294" t="s">
        <v>48</v>
      </c>
      <c r="CR5" s="294" t="s">
        <v>49</v>
      </c>
      <c r="CS5" s="294" t="s">
        <v>50</v>
      </c>
      <c r="CT5" s="294" t="s">
        <v>51</v>
      </c>
      <c r="CU5" s="300" t="s">
        <v>45</v>
      </c>
      <c r="CV5" s="560"/>
      <c r="CW5" s="409" t="s">
        <v>43</v>
      </c>
      <c r="CX5" s="294" t="s">
        <v>44</v>
      </c>
      <c r="CY5" s="300" t="s">
        <v>45</v>
      </c>
      <c r="CZ5" s="302" t="s">
        <v>83</v>
      </c>
      <c r="DA5" s="294" t="s">
        <v>47</v>
      </c>
      <c r="DB5" s="294" t="s">
        <v>48</v>
      </c>
      <c r="DC5" s="294" t="s">
        <v>49</v>
      </c>
      <c r="DD5" s="294" t="s">
        <v>50</v>
      </c>
      <c r="DE5" s="294" t="s">
        <v>51</v>
      </c>
      <c r="DF5" s="300" t="s">
        <v>45</v>
      </c>
      <c r="DG5" s="560"/>
    </row>
    <row r="6" spans="1:111" ht="18.75" customHeight="1" x14ac:dyDescent="0.2">
      <c r="A6" s="295" t="s">
        <v>4</v>
      </c>
      <c r="B6" s="304">
        <v>0</v>
      </c>
      <c r="C6" s="308">
        <v>0</v>
      </c>
      <c r="D6" s="436">
        <v>0</v>
      </c>
      <c r="E6" s="307">
        <v>0</v>
      </c>
      <c r="F6" s="308">
        <v>12586</v>
      </c>
      <c r="G6" s="308">
        <v>18606</v>
      </c>
      <c r="H6" s="308">
        <v>18553</v>
      </c>
      <c r="I6" s="308">
        <v>20040</v>
      </c>
      <c r="J6" s="308">
        <v>17551</v>
      </c>
      <c r="K6" s="309">
        <v>87336</v>
      </c>
      <c r="L6" s="310">
        <v>87336</v>
      </c>
      <c r="M6" s="304">
        <v>0</v>
      </c>
      <c r="N6" s="308">
        <v>4</v>
      </c>
      <c r="O6" s="305">
        <v>4</v>
      </c>
      <c r="P6" s="307">
        <v>0</v>
      </c>
      <c r="Q6" s="308">
        <v>44</v>
      </c>
      <c r="R6" s="308">
        <v>119</v>
      </c>
      <c r="S6" s="308">
        <v>225</v>
      </c>
      <c r="T6" s="308">
        <v>578</v>
      </c>
      <c r="U6" s="308">
        <v>983</v>
      </c>
      <c r="V6" s="305">
        <v>1949</v>
      </c>
      <c r="W6" s="310">
        <v>1953</v>
      </c>
      <c r="X6" s="304">
        <v>978</v>
      </c>
      <c r="Y6" s="308">
        <v>2426</v>
      </c>
      <c r="Z6" s="305">
        <v>3404</v>
      </c>
      <c r="AA6" s="307">
        <v>0</v>
      </c>
      <c r="AB6" s="308">
        <v>7482</v>
      </c>
      <c r="AC6" s="308">
        <v>10444</v>
      </c>
      <c r="AD6" s="308">
        <v>6334</v>
      </c>
      <c r="AE6" s="308">
        <v>5752</v>
      </c>
      <c r="AF6" s="308">
        <v>4092</v>
      </c>
      <c r="AG6" s="305">
        <v>34104</v>
      </c>
      <c r="AH6" s="310">
        <v>37508</v>
      </c>
      <c r="AI6" s="304">
        <v>212</v>
      </c>
      <c r="AJ6" s="308">
        <v>574</v>
      </c>
      <c r="AK6" s="305">
        <v>786</v>
      </c>
      <c r="AL6" s="307">
        <v>0</v>
      </c>
      <c r="AM6" s="308">
        <v>828</v>
      </c>
      <c r="AN6" s="308">
        <v>1170</v>
      </c>
      <c r="AO6" s="308">
        <v>876</v>
      </c>
      <c r="AP6" s="308">
        <v>796</v>
      </c>
      <c r="AQ6" s="308">
        <v>425</v>
      </c>
      <c r="AR6" s="305">
        <v>4095</v>
      </c>
      <c r="AS6" s="310">
        <v>4881</v>
      </c>
      <c r="AT6" s="304">
        <v>0</v>
      </c>
      <c r="AU6" s="308">
        <v>0</v>
      </c>
      <c r="AV6" s="305">
        <v>0</v>
      </c>
      <c r="AW6" s="307">
        <v>0</v>
      </c>
      <c r="AX6" s="308">
        <v>11151</v>
      </c>
      <c r="AY6" s="308">
        <v>10220</v>
      </c>
      <c r="AZ6" s="308">
        <v>6755</v>
      </c>
      <c r="BA6" s="308">
        <v>2935</v>
      </c>
      <c r="BB6" s="308">
        <v>1256</v>
      </c>
      <c r="BC6" s="309">
        <v>32317</v>
      </c>
      <c r="BD6" s="310">
        <v>32317</v>
      </c>
      <c r="BE6" s="304">
        <v>0</v>
      </c>
      <c r="BF6" s="308">
        <v>0</v>
      </c>
      <c r="BG6" s="305">
        <v>0</v>
      </c>
      <c r="BH6" s="307">
        <v>0</v>
      </c>
      <c r="BI6" s="308">
        <v>2156</v>
      </c>
      <c r="BJ6" s="308">
        <v>3038</v>
      </c>
      <c r="BK6" s="308">
        <v>1976</v>
      </c>
      <c r="BL6" s="308">
        <v>1243</v>
      </c>
      <c r="BM6" s="308">
        <v>265</v>
      </c>
      <c r="BN6" s="305">
        <v>8678</v>
      </c>
      <c r="BO6" s="310">
        <v>8678</v>
      </c>
      <c r="BP6" s="304">
        <v>5</v>
      </c>
      <c r="BQ6" s="308">
        <v>69</v>
      </c>
      <c r="BR6" s="305">
        <v>74</v>
      </c>
      <c r="BS6" s="307">
        <v>0</v>
      </c>
      <c r="BT6" s="308">
        <v>1288</v>
      </c>
      <c r="BU6" s="308">
        <v>1935</v>
      </c>
      <c r="BV6" s="308">
        <v>3278</v>
      </c>
      <c r="BW6" s="308">
        <v>2593</v>
      </c>
      <c r="BX6" s="308">
        <v>823</v>
      </c>
      <c r="BY6" s="305">
        <v>9917</v>
      </c>
      <c r="BZ6" s="310">
        <v>9991</v>
      </c>
      <c r="CA6" s="304">
        <v>0</v>
      </c>
      <c r="CB6" s="308">
        <v>7</v>
      </c>
      <c r="CC6" s="305">
        <v>7</v>
      </c>
      <c r="CD6" s="307">
        <v>0</v>
      </c>
      <c r="CE6" s="308">
        <v>166</v>
      </c>
      <c r="CF6" s="308">
        <v>242</v>
      </c>
      <c r="CG6" s="308">
        <v>288</v>
      </c>
      <c r="CH6" s="308">
        <v>183</v>
      </c>
      <c r="CI6" s="308">
        <v>185</v>
      </c>
      <c r="CJ6" s="305">
        <v>1064</v>
      </c>
      <c r="CK6" s="310">
        <v>1071</v>
      </c>
      <c r="CL6" s="304">
        <v>0</v>
      </c>
      <c r="CM6" s="308">
        <v>0</v>
      </c>
      <c r="CN6" s="305">
        <v>0</v>
      </c>
      <c r="CO6" s="307">
        <v>0</v>
      </c>
      <c r="CP6" s="308">
        <v>0</v>
      </c>
      <c r="CQ6" s="308">
        <v>0</v>
      </c>
      <c r="CR6" s="308">
        <v>0</v>
      </c>
      <c r="CS6" s="308">
        <v>0</v>
      </c>
      <c r="CT6" s="308">
        <v>0</v>
      </c>
      <c r="CU6" s="305">
        <v>0</v>
      </c>
      <c r="CV6" s="310">
        <v>0</v>
      </c>
      <c r="CW6" s="304">
        <v>0</v>
      </c>
      <c r="CX6" s="308">
        <v>0</v>
      </c>
      <c r="CY6" s="305">
        <v>0</v>
      </c>
      <c r="CZ6" s="307">
        <v>0</v>
      </c>
      <c r="DA6" s="308">
        <v>0</v>
      </c>
      <c r="DB6" s="308">
        <v>0</v>
      </c>
      <c r="DC6" s="308">
        <v>0</v>
      </c>
      <c r="DD6" s="308">
        <v>0</v>
      </c>
      <c r="DE6" s="308">
        <v>0</v>
      </c>
      <c r="DF6" s="305">
        <v>0</v>
      </c>
      <c r="DG6" s="310">
        <v>0</v>
      </c>
    </row>
    <row r="7" spans="1:111" ht="18.75" customHeight="1" x14ac:dyDescent="0.2">
      <c r="A7" s="296" t="s">
        <v>5</v>
      </c>
      <c r="B7" s="311">
        <v>0</v>
      </c>
      <c r="C7" s="315">
        <v>0</v>
      </c>
      <c r="D7" s="437">
        <v>0</v>
      </c>
      <c r="E7" s="314">
        <v>0</v>
      </c>
      <c r="F7" s="315">
        <v>4729</v>
      </c>
      <c r="G7" s="315">
        <v>8493</v>
      </c>
      <c r="H7" s="315">
        <v>7913</v>
      </c>
      <c r="I7" s="315">
        <v>7831</v>
      </c>
      <c r="J7" s="315">
        <v>6785</v>
      </c>
      <c r="K7" s="316">
        <v>35751</v>
      </c>
      <c r="L7" s="317">
        <v>35751</v>
      </c>
      <c r="M7" s="311">
        <v>0</v>
      </c>
      <c r="N7" s="315">
        <v>4</v>
      </c>
      <c r="O7" s="312">
        <v>4</v>
      </c>
      <c r="P7" s="314">
        <v>0</v>
      </c>
      <c r="Q7" s="315">
        <v>10</v>
      </c>
      <c r="R7" s="315">
        <v>76</v>
      </c>
      <c r="S7" s="315">
        <v>108</v>
      </c>
      <c r="T7" s="315">
        <v>213</v>
      </c>
      <c r="U7" s="315">
        <v>421</v>
      </c>
      <c r="V7" s="312">
        <v>828</v>
      </c>
      <c r="W7" s="317">
        <v>832</v>
      </c>
      <c r="X7" s="311">
        <v>486</v>
      </c>
      <c r="Y7" s="315">
        <v>1460</v>
      </c>
      <c r="Z7" s="312">
        <v>1946</v>
      </c>
      <c r="AA7" s="314">
        <v>0</v>
      </c>
      <c r="AB7" s="315">
        <v>2817</v>
      </c>
      <c r="AC7" s="315">
        <v>5907</v>
      </c>
      <c r="AD7" s="315">
        <v>3418</v>
      </c>
      <c r="AE7" s="315">
        <v>2753</v>
      </c>
      <c r="AF7" s="315">
        <v>1840</v>
      </c>
      <c r="AG7" s="312">
        <v>16735</v>
      </c>
      <c r="AH7" s="317">
        <v>18681</v>
      </c>
      <c r="AI7" s="311">
        <v>100</v>
      </c>
      <c r="AJ7" s="315">
        <v>341</v>
      </c>
      <c r="AK7" s="312">
        <v>441</v>
      </c>
      <c r="AL7" s="314">
        <v>0</v>
      </c>
      <c r="AM7" s="315">
        <v>141</v>
      </c>
      <c r="AN7" s="315">
        <v>585</v>
      </c>
      <c r="AO7" s="315">
        <v>368</v>
      </c>
      <c r="AP7" s="315">
        <v>306</v>
      </c>
      <c r="AQ7" s="315">
        <v>165</v>
      </c>
      <c r="AR7" s="312">
        <v>1565</v>
      </c>
      <c r="AS7" s="317">
        <v>2006</v>
      </c>
      <c r="AT7" s="311">
        <v>0</v>
      </c>
      <c r="AU7" s="315">
        <v>0</v>
      </c>
      <c r="AV7" s="312">
        <v>0</v>
      </c>
      <c r="AW7" s="314">
        <v>0</v>
      </c>
      <c r="AX7" s="315">
        <v>3989</v>
      </c>
      <c r="AY7" s="315">
        <v>4488</v>
      </c>
      <c r="AZ7" s="315">
        <v>2776</v>
      </c>
      <c r="BA7" s="315">
        <v>1011</v>
      </c>
      <c r="BB7" s="315">
        <v>434</v>
      </c>
      <c r="BC7" s="316">
        <v>12698</v>
      </c>
      <c r="BD7" s="317">
        <v>12698</v>
      </c>
      <c r="BE7" s="311">
        <v>0</v>
      </c>
      <c r="BF7" s="315">
        <v>0</v>
      </c>
      <c r="BG7" s="312">
        <v>0</v>
      </c>
      <c r="BH7" s="314">
        <v>0</v>
      </c>
      <c r="BI7" s="315">
        <v>809</v>
      </c>
      <c r="BJ7" s="315">
        <v>1420</v>
      </c>
      <c r="BK7" s="315">
        <v>1010</v>
      </c>
      <c r="BL7" s="315">
        <v>481</v>
      </c>
      <c r="BM7" s="315">
        <v>110</v>
      </c>
      <c r="BN7" s="312">
        <v>3830</v>
      </c>
      <c r="BO7" s="317">
        <v>3830</v>
      </c>
      <c r="BP7" s="311">
        <v>3</v>
      </c>
      <c r="BQ7" s="315">
        <v>42</v>
      </c>
      <c r="BR7" s="312">
        <v>45</v>
      </c>
      <c r="BS7" s="314">
        <v>0</v>
      </c>
      <c r="BT7" s="315">
        <v>413</v>
      </c>
      <c r="BU7" s="315">
        <v>761</v>
      </c>
      <c r="BV7" s="315">
        <v>1348</v>
      </c>
      <c r="BW7" s="315">
        <v>1115</v>
      </c>
      <c r="BX7" s="315">
        <v>249</v>
      </c>
      <c r="BY7" s="312">
        <v>3886</v>
      </c>
      <c r="BZ7" s="317">
        <v>3931</v>
      </c>
      <c r="CA7" s="311">
        <v>0</v>
      </c>
      <c r="CB7" s="315">
        <v>7</v>
      </c>
      <c r="CC7" s="312">
        <v>7</v>
      </c>
      <c r="CD7" s="314">
        <v>0</v>
      </c>
      <c r="CE7" s="315">
        <v>125</v>
      </c>
      <c r="CF7" s="315">
        <v>156</v>
      </c>
      <c r="CG7" s="315">
        <v>180</v>
      </c>
      <c r="CH7" s="315">
        <v>88</v>
      </c>
      <c r="CI7" s="315">
        <v>120</v>
      </c>
      <c r="CJ7" s="312">
        <v>669</v>
      </c>
      <c r="CK7" s="317">
        <v>676</v>
      </c>
      <c r="CL7" s="311">
        <v>0</v>
      </c>
      <c r="CM7" s="315">
        <v>0</v>
      </c>
      <c r="CN7" s="312">
        <v>0</v>
      </c>
      <c r="CO7" s="314">
        <v>0</v>
      </c>
      <c r="CP7" s="315">
        <v>0</v>
      </c>
      <c r="CQ7" s="315">
        <v>0</v>
      </c>
      <c r="CR7" s="315">
        <v>0</v>
      </c>
      <c r="CS7" s="315">
        <v>0</v>
      </c>
      <c r="CT7" s="315">
        <v>0</v>
      </c>
      <c r="CU7" s="312">
        <v>0</v>
      </c>
      <c r="CV7" s="317">
        <v>0</v>
      </c>
      <c r="CW7" s="311">
        <v>0</v>
      </c>
      <c r="CX7" s="315">
        <v>0</v>
      </c>
      <c r="CY7" s="312">
        <v>0</v>
      </c>
      <c r="CZ7" s="314">
        <v>0</v>
      </c>
      <c r="DA7" s="315">
        <v>0</v>
      </c>
      <c r="DB7" s="315">
        <v>0</v>
      </c>
      <c r="DC7" s="315">
        <v>0</v>
      </c>
      <c r="DD7" s="315">
        <v>0</v>
      </c>
      <c r="DE7" s="315">
        <v>0</v>
      </c>
      <c r="DF7" s="312">
        <v>0</v>
      </c>
      <c r="DG7" s="317">
        <v>0</v>
      </c>
    </row>
    <row r="8" spans="1:111" ht="18.75" customHeight="1" x14ac:dyDescent="0.2">
      <c r="A8" s="296" t="s">
        <v>6</v>
      </c>
      <c r="B8" s="311">
        <v>0</v>
      </c>
      <c r="C8" s="315">
        <v>0</v>
      </c>
      <c r="D8" s="437">
        <v>0</v>
      </c>
      <c r="E8" s="314">
        <v>0</v>
      </c>
      <c r="F8" s="315">
        <v>1599</v>
      </c>
      <c r="G8" s="315">
        <v>1890</v>
      </c>
      <c r="H8" s="315">
        <v>1928</v>
      </c>
      <c r="I8" s="315">
        <v>2758</v>
      </c>
      <c r="J8" s="315">
        <v>2439</v>
      </c>
      <c r="K8" s="316">
        <v>10614</v>
      </c>
      <c r="L8" s="317">
        <v>10614</v>
      </c>
      <c r="M8" s="311">
        <v>0</v>
      </c>
      <c r="N8" s="315">
        <v>0</v>
      </c>
      <c r="O8" s="312">
        <v>0</v>
      </c>
      <c r="P8" s="314">
        <v>0</v>
      </c>
      <c r="Q8" s="315">
        <v>3</v>
      </c>
      <c r="R8" s="315">
        <v>11</v>
      </c>
      <c r="S8" s="315">
        <v>17</v>
      </c>
      <c r="T8" s="315">
        <v>99</v>
      </c>
      <c r="U8" s="315">
        <v>119</v>
      </c>
      <c r="V8" s="312">
        <v>249</v>
      </c>
      <c r="W8" s="317">
        <v>249</v>
      </c>
      <c r="X8" s="311">
        <v>132</v>
      </c>
      <c r="Y8" s="315">
        <v>293</v>
      </c>
      <c r="Z8" s="312">
        <v>425</v>
      </c>
      <c r="AA8" s="314">
        <v>0</v>
      </c>
      <c r="AB8" s="315">
        <v>1221</v>
      </c>
      <c r="AC8" s="315">
        <v>1177</v>
      </c>
      <c r="AD8" s="315">
        <v>705</v>
      </c>
      <c r="AE8" s="315">
        <v>1015</v>
      </c>
      <c r="AF8" s="315">
        <v>675</v>
      </c>
      <c r="AG8" s="312">
        <v>4793</v>
      </c>
      <c r="AH8" s="317">
        <v>5218</v>
      </c>
      <c r="AI8" s="311">
        <v>12</v>
      </c>
      <c r="AJ8" s="315">
        <v>12</v>
      </c>
      <c r="AK8" s="312">
        <v>24</v>
      </c>
      <c r="AL8" s="314">
        <v>0</v>
      </c>
      <c r="AM8" s="315">
        <v>107</v>
      </c>
      <c r="AN8" s="315">
        <v>116</v>
      </c>
      <c r="AO8" s="315">
        <v>34</v>
      </c>
      <c r="AP8" s="315">
        <v>101</v>
      </c>
      <c r="AQ8" s="315">
        <v>88</v>
      </c>
      <c r="AR8" s="312">
        <v>446</v>
      </c>
      <c r="AS8" s="317">
        <v>470</v>
      </c>
      <c r="AT8" s="311">
        <v>0</v>
      </c>
      <c r="AU8" s="315">
        <v>0</v>
      </c>
      <c r="AV8" s="312">
        <v>0</v>
      </c>
      <c r="AW8" s="314">
        <v>0</v>
      </c>
      <c r="AX8" s="315">
        <v>1515</v>
      </c>
      <c r="AY8" s="315">
        <v>1121</v>
      </c>
      <c r="AZ8" s="315">
        <v>759</v>
      </c>
      <c r="BA8" s="315">
        <v>435</v>
      </c>
      <c r="BB8" s="315">
        <v>184</v>
      </c>
      <c r="BC8" s="316">
        <v>4014</v>
      </c>
      <c r="BD8" s="317">
        <v>4014</v>
      </c>
      <c r="BE8" s="311">
        <v>0</v>
      </c>
      <c r="BF8" s="315">
        <v>0</v>
      </c>
      <c r="BG8" s="312">
        <v>0</v>
      </c>
      <c r="BH8" s="314">
        <v>0</v>
      </c>
      <c r="BI8" s="315">
        <v>252</v>
      </c>
      <c r="BJ8" s="315">
        <v>312</v>
      </c>
      <c r="BK8" s="315">
        <v>140</v>
      </c>
      <c r="BL8" s="315">
        <v>125</v>
      </c>
      <c r="BM8" s="315">
        <v>80</v>
      </c>
      <c r="BN8" s="312">
        <v>909</v>
      </c>
      <c r="BO8" s="317">
        <v>909</v>
      </c>
      <c r="BP8" s="311">
        <v>0</v>
      </c>
      <c r="BQ8" s="315">
        <v>3</v>
      </c>
      <c r="BR8" s="312">
        <v>3</v>
      </c>
      <c r="BS8" s="314">
        <v>0</v>
      </c>
      <c r="BT8" s="315">
        <v>102</v>
      </c>
      <c r="BU8" s="315">
        <v>197</v>
      </c>
      <c r="BV8" s="315">
        <v>172</v>
      </c>
      <c r="BW8" s="315">
        <v>254</v>
      </c>
      <c r="BX8" s="315">
        <v>89</v>
      </c>
      <c r="BY8" s="312">
        <v>814</v>
      </c>
      <c r="BZ8" s="317">
        <v>817</v>
      </c>
      <c r="CA8" s="311">
        <v>0</v>
      </c>
      <c r="CB8" s="315">
        <v>0</v>
      </c>
      <c r="CC8" s="312">
        <v>0</v>
      </c>
      <c r="CD8" s="314">
        <v>0</v>
      </c>
      <c r="CE8" s="315">
        <v>4</v>
      </c>
      <c r="CF8" s="315">
        <v>14</v>
      </c>
      <c r="CG8" s="315">
        <v>24</v>
      </c>
      <c r="CH8" s="315">
        <v>57</v>
      </c>
      <c r="CI8" s="315">
        <v>52</v>
      </c>
      <c r="CJ8" s="312">
        <v>151</v>
      </c>
      <c r="CK8" s="317">
        <v>151</v>
      </c>
      <c r="CL8" s="311">
        <v>0</v>
      </c>
      <c r="CM8" s="315">
        <v>0</v>
      </c>
      <c r="CN8" s="312">
        <v>0</v>
      </c>
      <c r="CO8" s="314">
        <v>0</v>
      </c>
      <c r="CP8" s="315">
        <v>0</v>
      </c>
      <c r="CQ8" s="315">
        <v>0</v>
      </c>
      <c r="CR8" s="315">
        <v>0</v>
      </c>
      <c r="CS8" s="315">
        <v>0</v>
      </c>
      <c r="CT8" s="315">
        <v>0</v>
      </c>
      <c r="CU8" s="312">
        <v>0</v>
      </c>
      <c r="CV8" s="317">
        <v>0</v>
      </c>
      <c r="CW8" s="311">
        <v>0</v>
      </c>
      <c r="CX8" s="315">
        <v>0</v>
      </c>
      <c r="CY8" s="312">
        <v>0</v>
      </c>
      <c r="CZ8" s="314">
        <v>0</v>
      </c>
      <c r="DA8" s="315">
        <v>0</v>
      </c>
      <c r="DB8" s="315">
        <v>0</v>
      </c>
      <c r="DC8" s="315">
        <v>0</v>
      </c>
      <c r="DD8" s="315">
        <v>0</v>
      </c>
      <c r="DE8" s="315">
        <v>0</v>
      </c>
      <c r="DF8" s="312">
        <v>0</v>
      </c>
      <c r="DG8" s="317">
        <v>0</v>
      </c>
    </row>
    <row r="9" spans="1:111" ht="18.75" customHeight="1" x14ac:dyDescent="0.2">
      <c r="A9" s="296" t="s">
        <v>14</v>
      </c>
      <c r="B9" s="311">
        <v>0</v>
      </c>
      <c r="C9" s="315">
        <v>0</v>
      </c>
      <c r="D9" s="437">
        <v>0</v>
      </c>
      <c r="E9" s="314">
        <v>0</v>
      </c>
      <c r="F9" s="315">
        <v>956</v>
      </c>
      <c r="G9" s="315">
        <v>1348</v>
      </c>
      <c r="H9" s="315">
        <v>938</v>
      </c>
      <c r="I9" s="315">
        <v>722</v>
      </c>
      <c r="J9" s="315">
        <v>1013</v>
      </c>
      <c r="K9" s="316">
        <v>4977</v>
      </c>
      <c r="L9" s="317">
        <v>4977</v>
      </c>
      <c r="M9" s="311">
        <v>0</v>
      </c>
      <c r="N9" s="315">
        <v>0</v>
      </c>
      <c r="O9" s="312">
        <v>0</v>
      </c>
      <c r="P9" s="314">
        <v>0</v>
      </c>
      <c r="Q9" s="315">
        <v>0</v>
      </c>
      <c r="R9" s="315">
        <v>1</v>
      </c>
      <c r="S9" s="315">
        <v>8</v>
      </c>
      <c r="T9" s="315">
        <v>32</v>
      </c>
      <c r="U9" s="315">
        <v>45</v>
      </c>
      <c r="V9" s="312">
        <v>86</v>
      </c>
      <c r="W9" s="317">
        <v>86</v>
      </c>
      <c r="X9" s="311">
        <v>23</v>
      </c>
      <c r="Y9" s="315">
        <v>179</v>
      </c>
      <c r="Z9" s="312">
        <v>202</v>
      </c>
      <c r="AA9" s="314">
        <v>0</v>
      </c>
      <c r="AB9" s="315">
        <v>458</v>
      </c>
      <c r="AC9" s="315">
        <v>654</v>
      </c>
      <c r="AD9" s="315">
        <v>502</v>
      </c>
      <c r="AE9" s="315">
        <v>445</v>
      </c>
      <c r="AF9" s="315">
        <v>234</v>
      </c>
      <c r="AG9" s="312">
        <v>2293</v>
      </c>
      <c r="AH9" s="317">
        <v>2495</v>
      </c>
      <c r="AI9" s="311">
        <v>8</v>
      </c>
      <c r="AJ9" s="315">
        <v>37</v>
      </c>
      <c r="AK9" s="312">
        <v>45</v>
      </c>
      <c r="AL9" s="314">
        <v>0</v>
      </c>
      <c r="AM9" s="315">
        <v>3</v>
      </c>
      <c r="AN9" s="315">
        <v>6</v>
      </c>
      <c r="AO9" s="315">
        <v>28</v>
      </c>
      <c r="AP9" s="315">
        <v>26</v>
      </c>
      <c r="AQ9" s="315">
        <v>14</v>
      </c>
      <c r="AR9" s="312">
        <v>77</v>
      </c>
      <c r="AS9" s="317">
        <v>122</v>
      </c>
      <c r="AT9" s="311">
        <v>0</v>
      </c>
      <c r="AU9" s="315">
        <v>0</v>
      </c>
      <c r="AV9" s="312">
        <v>0</v>
      </c>
      <c r="AW9" s="314">
        <v>0</v>
      </c>
      <c r="AX9" s="315">
        <v>767</v>
      </c>
      <c r="AY9" s="315">
        <v>761</v>
      </c>
      <c r="AZ9" s="315">
        <v>593</v>
      </c>
      <c r="BA9" s="315">
        <v>376</v>
      </c>
      <c r="BB9" s="315">
        <v>100</v>
      </c>
      <c r="BC9" s="316">
        <v>2597</v>
      </c>
      <c r="BD9" s="317">
        <v>2597</v>
      </c>
      <c r="BE9" s="311">
        <v>0</v>
      </c>
      <c r="BF9" s="315">
        <v>0</v>
      </c>
      <c r="BG9" s="312">
        <v>0</v>
      </c>
      <c r="BH9" s="314">
        <v>0</v>
      </c>
      <c r="BI9" s="315">
        <v>39</v>
      </c>
      <c r="BJ9" s="315">
        <v>176</v>
      </c>
      <c r="BK9" s="315">
        <v>124</v>
      </c>
      <c r="BL9" s="315">
        <v>42</v>
      </c>
      <c r="BM9" s="315">
        <v>17</v>
      </c>
      <c r="BN9" s="312">
        <v>398</v>
      </c>
      <c r="BO9" s="317">
        <v>398</v>
      </c>
      <c r="BP9" s="311">
        <v>0</v>
      </c>
      <c r="BQ9" s="315">
        <v>0</v>
      </c>
      <c r="BR9" s="312">
        <v>0</v>
      </c>
      <c r="BS9" s="314">
        <v>0</v>
      </c>
      <c r="BT9" s="315">
        <v>113</v>
      </c>
      <c r="BU9" s="315">
        <v>62</v>
      </c>
      <c r="BV9" s="315">
        <v>266</v>
      </c>
      <c r="BW9" s="315">
        <v>202</v>
      </c>
      <c r="BX9" s="315">
        <v>115</v>
      </c>
      <c r="BY9" s="312">
        <v>758</v>
      </c>
      <c r="BZ9" s="317">
        <v>758</v>
      </c>
      <c r="CA9" s="311">
        <v>0</v>
      </c>
      <c r="CB9" s="315">
        <v>0</v>
      </c>
      <c r="CC9" s="312">
        <v>0</v>
      </c>
      <c r="CD9" s="314">
        <v>0</v>
      </c>
      <c r="CE9" s="315">
        <v>13</v>
      </c>
      <c r="CF9" s="315">
        <v>0</v>
      </c>
      <c r="CG9" s="315">
        <v>7</v>
      </c>
      <c r="CH9" s="315">
        <v>0</v>
      </c>
      <c r="CI9" s="315">
        <v>0</v>
      </c>
      <c r="CJ9" s="312">
        <v>20</v>
      </c>
      <c r="CK9" s="317">
        <v>20</v>
      </c>
      <c r="CL9" s="311">
        <v>0</v>
      </c>
      <c r="CM9" s="315">
        <v>0</v>
      </c>
      <c r="CN9" s="312">
        <v>0</v>
      </c>
      <c r="CO9" s="314">
        <v>0</v>
      </c>
      <c r="CP9" s="315">
        <v>0</v>
      </c>
      <c r="CQ9" s="315">
        <v>0</v>
      </c>
      <c r="CR9" s="315">
        <v>0</v>
      </c>
      <c r="CS9" s="315">
        <v>0</v>
      </c>
      <c r="CT9" s="315">
        <v>0</v>
      </c>
      <c r="CU9" s="312">
        <v>0</v>
      </c>
      <c r="CV9" s="317">
        <v>0</v>
      </c>
      <c r="CW9" s="311">
        <v>0</v>
      </c>
      <c r="CX9" s="315">
        <v>0</v>
      </c>
      <c r="CY9" s="312">
        <v>0</v>
      </c>
      <c r="CZ9" s="314">
        <v>0</v>
      </c>
      <c r="DA9" s="315">
        <v>0</v>
      </c>
      <c r="DB9" s="315">
        <v>0</v>
      </c>
      <c r="DC9" s="315">
        <v>0</v>
      </c>
      <c r="DD9" s="315">
        <v>0</v>
      </c>
      <c r="DE9" s="315">
        <v>0</v>
      </c>
      <c r="DF9" s="312">
        <v>0</v>
      </c>
      <c r="DG9" s="317">
        <v>0</v>
      </c>
    </row>
    <row r="10" spans="1:111" ht="18.75" customHeight="1" x14ac:dyDescent="0.2">
      <c r="A10" s="296" t="s">
        <v>7</v>
      </c>
      <c r="B10" s="311">
        <v>0</v>
      </c>
      <c r="C10" s="315">
        <v>0</v>
      </c>
      <c r="D10" s="437">
        <v>0</v>
      </c>
      <c r="E10" s="314">
        <v>0</v>
      </c>
      <c r="F10" s="315">
        <v>1278</v>
      </c>
      <c r="G10" s="315">
        <v>1316</v>
      </c>
      <c r="H10" s="315">
        <v>1646</v>
      </c>
      <c r="I10" s="315">
        <v>1119</v>
      </c>
      <c r="J10" s="315">
        <v>957</v>
      </c>
      <c r="K10" s="316">
        <v>6316</v>
      </c>
      <c r="L10" s="317">
        <v>6316</v>
      </c>
      <c r="M10" s="311">
        <v>0</v>
      </c>
      <c r="N10" s="315">
        <v>0</v>
      </c>
      <c r="O10" s="312">
        <v>0</v>
      </c>
      <c r="P10" s="314">
        <v>0</v>
      </c>
      <c r="Q10" s="315">
        <v>8</v>
      </c>
      <c r="R10" s="315">
        <v>7</v>
      </c>
      <c r="S10" s="315">
        <v>32</v>
      </c>
      <c r="T10" s="315">
        <v>36</v>
      </c>
      <c r="U10" s="315">
        <v>63</v>
      </c>
      <c r="V10" s="312">
        <v>146</v>
      </c>
      <c r="W10" s="317">
        <v>146</v>
      </c>
      <c r="X10" s="311">
        <v>4</v>
      </c>
      <c r="Y10" s="315">
        <v>20</v>
      </c>
      <c r="Z10" s="312">
        <v>24</v>
      </c>
      <c r="AA10" s="314">
        <v>0</v>
      </c>
      <c r="AB10" s="315">
        <v>272</v>
      </c>
      <c r="AC10" s="315">
        <v>274</v>
      </c>
      <c r="AD10" s="315">
        <v>278</v>
      </c>
      <c r="AE10" s="315">
        <v>161</v>
      </c>
      <c r="AF10" s="315">
        <v>150</v>
      </c>
      <c r="AG10" s="312">
        <v>1135</v>
      </c>
      <c r="AH10" s="317">
        <v>1159</v>
      </c>
      <c r="AI10" s="311">
        <v>0</v>
      </c>
      <c r="AJ10" s="315">
        <v>12</v>
      </c>
      <c r="AK10" s="312">
        <v>12</v>
      </c>
      <c r="AL10" s="314">
        <v>0</v>
      </c>
      <c r="AM10" s="315">
        <v>8</v>
      </c>
      <c r="AN10" s="315">
        <v>16</v>
      </c>
      <c r="AO10" s="315">
        <v>24</v>
      </c>
      <c r="AP10" s="315">
        <v>46</v>
      </c>
      <c r="AQ10" s="315">
        <v>0</v>
      </c>
      <c r="AR10" s="312">
        <v>94</v>
      </c>
      <c r="AS10" s="317">
        <v>106</v>
      </c>
      <c r="AT10" s="311">
        <v>0</v>
      </c>
      <c r="AU10" s="315">
        <v>0</v>
      </c>
      <c r="AV10" s="312">
        <v>0</v>
      </c>
      <c r="AW10" s="314">
        <v>0</v>
      </c>
      <c r="AX10" s="315">
        <v>862</v>
      </c>
      <c r="AY10" s="315">
        <v>727</v>
      </c>
      <c r="AZ10" s="315">
        <v>456</v>
      </c>
      <c r="BA10" s="315">
        <v>173</v>
      </c>
      <c r="BB10" s="315">
        <v>35</v>
      </c>
      <c r="BC10" s="316">
        <v>2253</v>
      </c>
      <c r="BD10" s="317">
        <v>2253</v>
      </c>
      <c r="BE10" s="311">
        <v>0</v>
      </c>
      <c r="BF10" s="315">
        <v>0</v>
      </c>
      <c r="BG10" s="312">
        <v>0</v>
      </c>
      <c r="BH10" s="314">
        <v>0</v>
      </c>
      <c r="BI10" s="315">
        <v>151</v>
      </c>
      <c r="BJ10" s="315">
        <v>87</v>
      </c>
      <c r="BK10" s="315">
        <v>117</v>
      </c>
      <c r="BL10" s="315">
        <v>40</v>
      </c>
      <c r="BM10" s="315">
        <v>7</v>
      </c>
      <c r="BN10" s="312">
        <v>402</v>
      </c>
      <c r="BO10" s="317">
        <v>402</v>
      </c>
      <c r="BP10" s="311">
        <v>0</v>
      </c>
      <c r="BQ10" s="315">
        <v>4</v>
      </c>
      <c r="BR10" s="312">
        <v>4</v>
      </c>
      <c r="BS10" s="314">
        <v>0</v>
      </c>
      <c r="BT10" s="315">
        <v>133</v>
      </c>
      <c r="BU10" s="315">
        <v>180</v>
      </c>
      <c r="BV10" s="315">
        <v>163</v>
      </c>
      <c r="BW10" s="315">
        <v>75</v>
      </c>
      <c r="BX10" s="315">
        <v>67</v>
      </c>
      <c r="BY10" s="312">
        <v>618</v>
      </c>
      <c r="BZ10" s="317">
        <v>622</v>
      </c>
      <c r="CA10" s="311">
        <v>0</v>
      </c>
      <c r="CB10" s="315">
        <v>0</v>
      </c>
      <c r="CC10" s="312">
        <v>0</v>
      </c>
      <c r="CD10" s="314">
        <v>0</v>
      </c>
      <c r="CE10" s="315">
        <v>4</v>
      </c>
      <c r="CF10" s="315">
        <v>0</v>
      </c>
      <c r="CG10" s="315">
        <v>0</v>
      </c>
      <c r="CH10" s="315">
        <v>8</v>
      </c>
      <c r="CI10" s="315">
        <v>0</v>
      </c>
      <c r="CJ10" s="312">
        <v>12</v>
      </c>
      <c r="CK10" s="317">
        <v>12</v>
      </c>
      <c r="CL10" s="311">
        <v>0</v>
      </c>
      <c r="CM10" s="315">
        <v>0</v>
      </c>
      <c r="CN10" s="312">
        <v>0</v>
      </c>
      <c r="CO10" s="314">
        <v>0</v>
      </c>
      <c r="CP10" s="315">
        <v>0</v>
      </c>
      <c r="CQ10" s="315">
        <v>0</v>
      </c>
      <c r="CR10" s="315">
        <v>0</v>
      </c>
      <c r="CS10" s="315">
        <v>0</v>
      </c>
      <c r="CT10" s="315">
        <v>0</v>
      </c>
      <c r="CU10" s="312">
        <v>0</v>
      </c>
      <c r="CV10" s="317">
        <v>0</v>
      </c>
      <c r="CW10" s="311">
        <v>0</v>
      </c>
      <c r="CX10" s="315">
        <v>0</v>
      </c>
      <c r="CY10" s="312">
        <v>0</v>
      </c>
      <c r="CZ10" s="314">
        <v>0</v>
      </c>
      <c r="DA10" s="315">
        <v>0</v>
      </c>
      <c r="DB10" s="315">
        <v>0</v>
      </c>
      <c r="DC10" s="315">
        <v>0</v>
      </c>
      <c r="DD10" s="315">
        <v>0</v>
      </c>
      <c r="DE10" s="315">
        <v>0</v>
      </c>
      <c r="DF10" s="312">
        <v>0</v>
      </c>
      <c r="DG10" s="317">
        <v>0</v>
      </c>
    </row>
    <row r="11" spans="1:111" ht="18.75" customHeight="1" x14ac:dyDescent="0.2">
      <c r="A11" s="296" t="s">
        <v>8</v>
      </c>
      <c r="B11" s="311">
        <v>0</v>
      </c>
      <c r="C11" s="315">
        <v>0</v>
      </c>
      <c r="D11" s="437">
        <v>0</v>
      </c>
      <c r="E11" s="314">
        <v>0</v>
      </c>
      <c r="F11" s="315">
        <v>323</v>
      </c>
      <c r="G11" s="315">
        <v>580</v>
      </c>
      <c r="H11" s="315">
        <v>559</v>
      </c>
      <c r="I11" s="315">
        <v>252</v>
      </c>
      <c r="J11" s="315">
        <v>616</v>
      </c>
      <c r="K11" s="316">
        <v>2330</v>
      </c>
      <c r="L11" s="317">
        <v>2330</v>
      </c>
      <c r="M11" s="311">
        <v>0</v>
      </c>
      <c r="N11" s="315">
        <v>0</v>
      </c>
      <c r="O11" s="312">
        <v>0</v>
      </c>
      <c r="P11" s="314">
        <v>0</v>
      </c>
      <c r="Q11" s="315">
        <v>0</v>
      </c>
      <c r="R11" s="315">
        <v>4</v>
      </c>
      <c r="S11" s="315">
        <v>7</v>
      </c>
      <c r="T11" s="315">
        <v>17</v>
      </c>
      <c r="U11" s="315">
        <v>41</v>
      </c>
      <c r="V11" s="312">
        <v>69</v>
      </c>
      <c r="W11" s="317">
        <v>69</v>
      </c>
      <c r="X11" s="311">
        <v>8</v>
      </c>
      <c r="Y11" s="315">
        <v>30</v>
      </c>
      <c r="Z11" s="312">
        <v>38</v>
      </c>
      <c r="AA11" s="314">
        <v>0</v>
      </c>
      <c r="AB11" s="315">
        <v>102</v>
      </c>
      <c r="AC11" s="315">
        <v>108</v>
      </c>
      <c r="AD11" s="315">
        <v>146</v>
      </c>
      <c r="AE11" s="315">
        <v>116</v>
      </c>
      <c r="AF11" s="315">
        <v>78</v>
      </c>
      <c r="AG11" s="312">
        <v>550</v>
      </c>
      <c r="AH11" s="317">
        <v>588</v>
      </c>
      <c r="AI11" s="311">
        <v>0</v>
      </c>
      <c r="AJ11" s="315">
        <v>8</v>
      </c>
      <c r="AK11" s="312">
        <v>8</v>
      </c>
      <c r="AL11" s="314">
        <v>0</v>
      </c>
      <c r="AM11" s="315">
        <v>21</v>
      </c>
      <c r="AN11" s="315">
        <v>28</v>
      </c>
      <c r="AO11" s="315">
        <v>73</v>
      </c>
      <c r="AP11" s="315">
        <v>45</v>
      </c>
      <c r="AQ11" s="315">
        <v>8</v>
      </c>
      <c r="AR11" s="312">
        <v>175</v>
      </c>
      <c r="AS11" s="317">
        <v>183</v>
      </c>
      <c r="AT11" s="311">
        <v>0</v>
      </c>
      <c r="AU11" s="315">
        <v>0</v>
      </c>
      <c r="AV11" s="312">
        <v>0</v>
      </c>
      <c r="AW11" s="314">
        <v>0</v>
      </c>
      <c r="AX11" s="315">
        <v>195</v>
      </c>
      <c r="AY11" s="315">
        <v>318</v>
      </c>
      <c r="AZ11" s="315">
        <v>175</v>
      </c>
      <c r="BA11" s="315">
        <v>78</v>
      </c>
      <c r="BB11" s="315">
        <v>53</v>
      </c>
      <c r="BC11" s="316">
        <v>819</v>
      </c>
      <c r="BD11" s="317">
        <v>819</v>
      </c>
      <c r="BE11" s="311">
        <v>0</v>
      </c>
      <c r="BF11" s="315">
        <v>0</v>
      </c>
      <c r="BG11" s="312">
        <v>0</v>
      </c>
      <c r="BH11" s="314">
        <v>0</v>
      </c>
      <c r="BI11" s="315">
        <v>27</v>
      </c>
      <c r="BJ11" s="315">
        <v>39</v>
      </c>
      <c r="BK11" s="315">
        <v>33</v>
      </c>
      <c r="BL11" s="315">
        <v>35</v>
      </c>
      <c r="BM11" s="315">
        <v>0</v>
      </c>
      <c r="BN11" s="312">
        <v>134</v>
      </c>
      <c r="BO11" s="317">
        <v>134</v>
      </c>
      <c r="BP11" s="311">
        <v>0</v>
      </c>
      <c r="BQ11" s="315">
        <v>2</v>
      </c>
      <c r="BR11" s="312">
        <v>2</v>
      </c>
      <c r="BS11" s="314">
        <v>0</v>
      </c>
      <c r="BT11" s="315">
        <v>55</v>
      </c>
      <c r="BU11" s="315">
        <v>95</v>
      </c>
      <c r="BV11" s="315">
        <v>120</v>
      </c>
      <c r="BW11" s="315">
        <v>40</v>
      </c>
      <c r="BX11" s="315">
        <v>51</v>
      </c>
      <c r="BY11" s="312">
        <v>361</v>
      </c>
      <c r="BZ11" s="317">
        <v>363</v>
      </c>
      <c r="CA11" s="311">
        <v>0</v>
      </c>
      <c r="CB11" s="315">
        <v>0</v>
      </c>
      <c r="CC11" s="312">
        <v>0</v>
      </c>
      <c r="CD11" s="314">
        <v>0</v>
      </c>
      <c r="CE11" s="315">
        <v>0</v>
      </c>
      <c r="CF11" s="315">
        <v>0</v>
      </c>
      <c r="CG11" s="315">
        <v>10</v>
      </c>
      <c r="CH11" s="315">
        <v>0</v>
      </c>
      <c r="CI11" s="315">
        <v>0</v>
      </c>
      <c r="CJ11" s="312">
        <v>10</v>
      </c>
      <c r="CK11" s="317">
        <v>10</v>
      </c>
      <c r="CL11" s="311">
        <v>0</v>
      </c>
      <c r="CM11" s="315">
        <v>0</v>
      </c>
      <c r="CN11" s="312">
        <v>0</v>
      </c>
      <c r="CO11" s="314">
        <v>0</v>
      </c>
      <c r="CP11" s="315">
        <v>0</v>
      </c>
      <c r="CQ11" s="315">
        <v>0</v>
      </c>
      <c r="CR11" s="315">
        <v>0</v>
      </c>
      <c r="CS11" s="315">
        <v>0</v>
      </c>
      <c r="CT11" s="315">
        <v>0</v>
      </c>
      <c r="CU11" s="312">
        <v>0</v>
      </c>
      <c r="CV11" s="317">
        <v>0</v>
      </c>
      <c r="CW11" s="311">
        <v>0</v>
      </c>
      <c r="CX11" s="315">
        <v>0</v>
      </c>
      <c r="CY11" s="312">
        <v>0</v>
      </c>
      <c r="CZ11" s="314">
        <v>0</v>
      </c>
      <c r="DA11" s="315">
        <v>0</v>
      </c>
      <c r="DB11" s="315">
        <v>0</v>
      </c>
      <c r="DC11" s="315">
        <v>0</v>
      </c>
      <c r="DD11" s="315">
        <v>0</v>
      </c>
      <c r="DE11" s="315">
        <v>0</v>
      </c>
      <c r="DF11" s="312">
        <v>0</v>
      </c>
      <c r="DG11" s="317">
        <v>0</v>
      </c>
    </row>
    <row r="12" spans="1:111" ht="18.75" customHeight="1" x14ac:dyDescent="0.2">
      <c r="A12" s="296" t="s">
        <v>9</v>
      </c>
      <c r="B12" s="311">
        <v>0</v>
      </c>
      <c r="C12" s="315">
        <v>0</v>
      </c>
      <c r="D12" s="437">
        <v>0</v>
      </c>
      <c r="E12" s="314">
        <v>0</v>
      </c>
      <c r="F12" s="315">
        <v>529</v>
      </c>
      <c r="G12" s="315">
        <v>714</v>
      </c>
      <c r="H12" s="315">
        <v>695</v>
      </c>
      <c r="I12" s="315">
        <v>1137</v>
      </c>
      <c r="J12" s="315">
        <v>883</v>
      </c>
      <c r="K12" s="316">
        <v>3958</v>
      </c>
      <c r="L12" s="317">
        <v>3958</v>
      </c>
      <c r="M12" s="311">
        <v>0</v>
      </c>
      <c r="N12" s="315">
        <v>0</v>
      </c>
      <c r="O12" s="312">
        <v>0</v>
      </c>
      <c r="P12" s="314">
        <v>0</v>
      </c>
      <c r="Q12" s="315">
        <v>3</v>
      </c>
      <c r="R12" s="315">
        <v>0</v>
      </c>
      <c r="S12" s="315">
        <v>4</v>
      </c>
      <c r="T12" s="315">
        <v>7</v>
      </c>
      <c r="U12" s="315">
        <v>28</v>
      </c>
      <c r="V12" s="312">
        <v>42</v>
      </c>
      <c r="W12" s="317">
        <v>42</v>
      </c>
      <c r="X12" s="311">
        <v>1</v>
      </c>
      <c r="Y12" s="315">
        <v>39</v>
      </c>
      <c r="Z12" s="312">
        <v>40</v>
      </c>
      <c r="AA12" s="314">
        <v>0</v>
      </c>
      <c r="AB12" s="315">
        <v>335</v>
      </c>
      <c r="AC12" s="315">
        <v>252</v>
      </c>
      <c r="AD12" s="315">
        <v>220</v>
      </c>
      <c r="AE12" s="315">
        <v>177</v>
      </c>
      <c r="AF12" s="315">
        <v>171</v>
      </c>
      <c r="AG12" s="312">
        <v>1155</v>
      </c>
      <c r="AH12" s="317">
        <v>1195</v>
      </c>
      <c r="AI12" s="311">
        <v>6</v>
      </c>
      <c r="AJ12" s="315">
        <v>9</v>
      </c>
      <c r="AK12" s="312">
        <v>15</v>
      </c>
      <c r="AL12" s="314">
        <v>0</v>
      </c>
      <c r="AM12" s="315">
        <v>0</v>
      </c>
      <c r="AN12" s="315">
        <v>68</v>
      </c>
      <c r="AO12" s="315">
        <v>24</v>
      </c>
      <c r="AP12" s="315">
        <v>45</v>
      </c>
      <c r="AQ12" s="315">
        <v>20</v>
      </c>
      <c r="AR12" s="312">
        <v>157</v>
      </c>
      <c r="AS12" s="317">
        <v>172</v>
      </c>
      <c r="AT12" s="311">
        <v>0</v>
      </c>
      <c r="AU12" s="315">
        <v>0</v>
      </c>
      <c r="AV12" s="312">
        <v>0</v>
      </c>
      <c r="AW12" s="314">
        <v>0</v>
      </c>
      <c r="AX12" s="315">
        <v>406</v>
      </c>
      <c r="AY12" s="315">
        <v>270</v>
      </c>
      <c r="AZ12" s="315">
        <v>218</v>
      </c>
      <c r="BA12" s="315">
        <v>83</v>
      </c>
      <c r="BB12" s="315">
        <v>73</v>
      </c>
      <c r="BC12" s="316">
        <v>1050</v>
      </c>
      <c r="BD12" s="317">
        <v>1050</v>
      </c>
      <c r="BE12" s="311">
        <v>0</v>
      </c>
      <c r="BF12" s="315">
        <v>0</v>
      </c>
      <c r="BG12" s="312">
        <v>0</v>
      </c>
      <c r="BH12" s="314">
        <v>0</v>
      </c>
      <c r="BI12" s="315">
        <v>111</v>
      </c>
      <c r="BJ12" s="315">
        <v>121</v>
      </c>
      <c r="BK12" s="315">
        <v>84</v>
      </c>
      <c r="BL12" s="315">
        <v>72</v>
      </c>
      <c r="BM12" s="315">
        <v>0</v>
      </c>
      <c r="BN12" s="312">
        <v>388</v>
      </c>
      <c r="BO12" s="317">
        <v>388</v>
      </c>
      <c r="BP12" s="311">
        <v>0</v>
      </c>
      <c r="BQ12" s="315">
        <v>0</v>
      </c>
      <c r="BR12" s="312">
        <v>0</v>
      </c>
      <c r="BS12" s="314">
        <v>0</v>
      </c>
      <c r="BT12" s="315">
        <v>41</v>
      </c>
      <c r="BU12" s="315">
        <v>82</v>
      </c>
      <c r="BV12" s="315">
        <v>132</v>
      </c>
      <c r="BW12" s="315">
        <v>46</v>
      </c>
      <c r="BX12" s="315">
        <v>36</v>
      </c>
      <c r="BY12" s="312">
        <v>337</v>
      </c>
      <c r="BZ12" s="317">
        <v>337</v>
      </c>
      <c r="CA12" s="311">
        <v>0</v>
      </c>
      <c r="CB12" s="315">
        <v>0</v>
      </c>
      <c r="CC12" s="312">
        <v>0</v>
      </c>
      <c r="CD12" s="314">
        <v>0</v>
      </c>
      <c r="CE12" s="315">
        <v>6</v>
      </c>
      <c r="CF12" s="315">
        <v>27</v>
      </c>
      <c r="CG12" s="315">
        <v>0</v>
      </c>
      <c r="CH12" s="315">
        <v>8</v>
      </c>
      <c r="CI12" s="315">
        <v>0</v>
      </c>
      <c r="CJ12" s="312">
        <v>41</v>
      </c>
      <c r="CK12" s="317">
        <v>41</v>
      </c>
      <c r="CL12" s="311">
        <v>0</v>
      </c>
      <c r="CM12" s="315">
        <v>0</v>
      </c>
      <c r="CN12" s="312">
        <v>0</v>
      </c>
      <c r="CO12" s="314">
        <v>0</v>
      </c>
      <c r="CP12" s="315">
        <v>0</v>
      </c>
      <c r="CQ12" s="315">
        <v>0</v>
      </c>
      <c r="CR12" s="315">
        <v>0</v>
      </c>
      <c r="CS12" s="315">
        <v>0</v>
      </c>
      <c r="CT12" s="315">
        <v>0</v>
      </c>
      <c r="CU12" s="312">
        <v>0</v>
      </c>
      <c r="CV12" s="317">
        <v>0</v>
      </c>
      <c r="CW12" s="311">
        <v>0</v>
      </c>
      <c r="CX12" s="315">
        <v>0</v>
      </c>
      <c r="CY12" s="312">
        <v>0</v>
      </c>
      <c r="CZ12" s="314">
        <v>0</v>
      </c>
      <c r="DA12" s="315">
        <v>0</v>
      </c>
      <c r="DB12" s="315">
        <v>0</v>
      </c>
      <c r="DC12" s="315">
        <v>0</v>
      </c>
      <c r="DD12" s="315">
        <v>0</v>
      </c>
      <c r="DE12" s="315">
        <v>0</v>
      </c>
      <c r="DF12" s="312">
        <v>0</v>
      </c>
      <c r="DG12" s="317">
        <v>0</v>
      </c>
    </row>
    <row r="13" spans="1:111" ht="18.75" customHeight="1" x14ac:dyDescent="0.2">
      <c r="A13" s="296" t="s">
        <v>10</v>
      </c>
      <c r="B13" s="311">
        <v>0</v>
      </c>
      <c r="C13" s="315">
        <v>0</v>
      </c>
      <c r="D13" s="437">
        <v>0</v>
      </c>
      <c r="E13" s="314">
        <v>0</v>
      </c>
      <c r="F13" s="315">
        <v>983</v>
      </c>
      <c r="G13" s="315">
        <v>654</v>
      </c>
      <c r="H13" s="315">
        <v>1424</v>
      </c>
      <c r="I13" s="315">
        <v>967</v>
      </c>
      <c r="J13" s="315">
        <v>899</v>
      </c>
      <c r="K13" s="316">
        <v>4927</v>
      </c>
      <c r="L13" s="317">
        <v>4927</v>
      </c>
      <c r="M13" s="311">
        <v>0</v>
      </c>
      <c r="N13" s="315">
        <v>0</v>
      </c>
      <c r="O13" s="312">
        <v>0</v>
      </c>
      <c r="P13" s="314">
        <v>0</v>
      </c>
      <c r="Q13" s="315">
        <v>0</v>
      </c>
      <c r="R13" s="315">
        <v>5</v>
      </c>
      <c r="S13" s="315">
        <v>15</v>
      </c>
      <c r="T13" s="315">
        <v>35</v>
      </c>
      <c r="U13" s="315">
        <v>45</v>
      </c>
      <c r="V13" s="312">
        <v>100</v>
      </c>
      <c r="W13" s="317">
        <v>100</v>
      </c>
      <c r="X13" s="311">
        <v>90</v>
      </c>
      <c r="Y13" s="315">
        <v>134</v>
      </c>
      <c r="Z13" s="312">
        <v>224</v>
      </c>
      <c r="AA13" s="314">
        <v>0</v>
      </c>
      <c r="AB13" s="315">
        <v>641</v>
      </c>
      <c r="AC13" s="315">
        <v>433</v>
      </c>
      <c r="AD13" s="315">
        <v>178</v>
      </c>
      <c r="AE13" s="315">
        <v>265</v>
      </c>
      <c r="AF13" s="315">
        <v>283</v>
      </c>
      <c r="AG13" s="312">
        <v>1800</v>
      </c>
      <c r="AH13" s="317">
        <v>2024</v>
      </c>
      <c r="AI13" s="311">
        <v>6</v>
      </c>
      <c r="AJ13" s="315">
        <v>41</v>
      </c>
      <c r="AK13" s="312">
        <v>47</v>
      </c>
      <c r="AL13" s="314">
        <v>0</v>
      </c>
      <c r="AM13" s="315">
        <v>152</v>
      </c>
      <c r="AN13" s="315">
        <v>26</v>
      </c>
      <c r="AO13" s="315">
        <v>34</v>
      </c>
      <c r="AP13" s="315">
        <v>18</v>
      </c>
      <c r="AQ13" s="315">
        <v>23</v>
      </c>
      <c r="AR13" s="312">
        <v>253</v>
      </c>
      <c r="AS13" s="317">
        <v>300</v>
      </c>
      <c r="AT13" s="311">
        <v>0</v>
      </c>
      <c r="AU13" s="315">
        <v>0</v>
      </c>
      <c r="AV13" s="312">
        <v>0</v>
      </c>
      <c r="AW13" s="314">
        <v>0</v>
      </c>
      <c r="AX13" s="315">
        <v>915</v>
      </c>
      <c r="AY13" s="315">
        <v>522</v>
      </c>
      <c r="AZ13" s="315">
        <v>314</v>
      </c>
      <c r="BA13" s="315">
        <v>128</v>
      </c>
      <c r="BB13" s="315">
        <v>75</v>
      </c>
      <c r="BC13" s="316">
        <v>1954</v>
      </c>
      <c r="BD13" s="317">
        <v>1954</v>
      </c>
      <c r="BE13" s="311">
        <v>0</v>
      </c>
      <c r="BF13" s="315">
        <v>0</v>
      </c>
      <c r="BG13" s="312">
        <v>0</v>
      </c>
      <c r="BH13" s="314">
        <v>0</v>
      </c>
      <c r="BI13" s="315">
        <v>89</v>
      </c>
      <c r="BJ13" s="315">
        <v>47</v>
      </c>
      <c r="BK13" s="315">
        <v>64</v>
      </c>
      <c r="BL13" s="315">
        <v>28</v>
      </c>
      <c r="BM13" s="315">
        <v>6</v>
      </c>
      <c r="BN13" s="312">
        <v>234</v>
      </c>
      <c r="BO13" s="317">
        <v>234</v>
      </c>
      <c r="BP13" s="311">
        <v>0</v>
      </c>
      <c r="BQ13" s="315">
        <v>3</v>
      </c>
      <c r="BR13" s="312">
        <v>3</v>
      </c>
      <c r="BS13" s="314">
        <v>0</v>
      </c>
      <c r="BT13" s="315">
        <v>102</v>
      </c>
      <c r="BU13" s="315">
        <v>102</v>
      </c>
      <c r="BV13" s="315">
        <v>255</v>
      </c>
      <c r="BW13" s="315">
        <v>153</v>
      </c>
      <c r="BX13" s="315">
        <v>49</v>
      </c>
      <c r="BY13" s="312">
        <v>661</v>
      </c>
      <c r="BZ13" s="317">
        <v>664</v>
      </c>
      <c r="CA13" s="311">
        <v>0</v>
      </c>
      <c r="CB13" s="315">
        <v>0</v>
      </c>
      <c r="CC13" s="312">
        <v>0</v>
      </c>
      <c r="CD13" s="314">
        <v>0</v>
      </c>
      <c r="CE13" s="315">
        <v>0</v>
      </c>
      <c r="CF13" s="315">
        <v>3</v>
      </c>
      <c r="CG13" s="315">
        <v>9</v>
      </c>
      <c r="CH13" s="315">
        <v>0</v>
      </c>
      <c r="CI13" s="315">
        <v>0</v>
      </c>
      <c r="CJ13" s="312">
        <v>12</v>
      </c>
      <c r="CK13" s="317">
        <v>12</v>
      </c>
      <c r="CL13" s="311">
        <v>0</v>
      </c>
      <c r="CM13" s="315">
        <v>0</v>
      </c>
      <c r="CN13" s="312">
        <v>0</v>
      </c>
      <c r="CO13" s="314">
        <v>0</v>
      </c>
      <c r="CP13" s="315">
        <v>0</v>
      </c>
      <c r="CQ13" s="315">
        <v>0</v>
      </c>
      <c r="CR13" s="315">
        <v>0</v>
      </c>
      <c r="CS13" s="315">
        <v>0</v>
      </c>
      <c r="CT13" s="315">
        <v>0</v>
      </c>
      <c r="CU13" s="312">
        <v>0</v>
      </c>
      <c r="CV13" s="317">
        <v>0</v>
      </c>
      <c r="CW13" s="311">
        <v>0</v>
      </c>
      <c r="CX13" s="315">
        <v>0</v>
      </c>
      <c r="CY13" s="312">
        <v>0</v>
      </c>
      <c r="CZ13" s="314">
        <v>0</v>
      </c>
      <c r="DA13" s="315">
        <v>0</v>
      </c>
      <c r="DB13" s="315">
        <v>0</v>
      </c>
      <c r="DC13" s="315">
        <v>0</v>
      </c>
      <c r="DD13" s="315">
        <v>0</v>
      </c>
      <c r="DE13" s="315">
        <v>0</v>
      </c>
      <c r="DF13" s="312">
        <v>0</v>
      </c>
      <c r="DG13" s="317">
        <v>0</v>
      </c>
    </row>
    <row r="14" spans="1:111" ht="18.75" customHeight="1" x14ac:dyDescent="0.2">
      <c r="A14" s="296" t="s">
        <v>11</v>
      </c>
      <c r="B14" s="311">
        <v>0</v>
      </c>
      <c r="C14" s="315">
        <v>0</v>
      </c>
      <c r="D14" s="437">
        <v>0</v>
      </c>
      <c r="E14" s="314">
        <v>0</v>
      </c>
      <c r="F14" s="315">
        <v>169</v>
      </c>
      <c r="G14" s="315">
        <v>68</v>
      </c>
      <c r="H14" s="315">
        <v>516</v>
      </c>
      <c r="I14" s="315">
        <v>375</v>
      </c>
      <c r="J14" s="315">
        <v>542</v>
      </c>
      <c r="K14" s="316">
        <v>1670</v>
      </c>
      <c r="L14" s="317">
        <v>1670</v>
      </c>
      <c r="M14" s="311">
        <v>0</v>
      </c>
      <c r="N14" s="315">
        <v>0</v>
      </c>
      <c r="O14" s="312">
        <v>0</v>
      </c>
      <c r="P14" s="314">
        <v>0</v>
      </c>
      <c r="Q14" s="315">
        <v>0</v>
      </c>
      <c r="R14" s="315">
        <v>0</v>
      </c>
      <c r="S14" s="315">
        <v>16</v>
      </c>
      <c r="T14" s="315">
        <v>23</v>
      </c>
      <c r="U14" s="315">
        <v>17</v>
      </c>
      <c r="V14" s="312">
        <v>56</v>
      </c>
      <c r="W14" s="317">
        <v>56</v>
      </c>
      <c r="X14" s="311">
        <v>14</v>
      </c>
      <c r="Y14" s="315">
        <v>23</v>
      </c>
      <c r="Z14" s="312">
        <v>37</v>
      </c>
      <c r="AA14" s="314">
        <v>0</v>
      </c>
      <c r="AB14" s="315">
        <v>215</v>
      </c>
      <c r="AC14" s="315">
        <v>139</v>
      </c>
      <c r="AD14" s="315">
        <v>157</v>
      </c>
      <c r="AE14" s="315">
        <v>75</v>
      </c>
      <c r="AF14" s="315">
        <v>99</v>
      </c>
      <c r="AG14" s="312">
        <v>685</v>
      </c>
      <c r="AH14" s="317">
        <v>722</v>
      </c>
      <c r="AI14" s="311">
        <v>0</v>
      </c>
      <c r="AJ14" s="315">
        <v>6</v>
      </c>
      <c r="AK14" s="312">
        <v>6</v>
      </c>
      <c r="AL14" s="314">
        <v>0</v>
      </c>
      <c r="AM14" s="315">
        <v>24</v>
      </c>
      <c r="AN14" s="315">
        <v>15</v>
      </c>
      <c r="AO14" s="315">
        <v>30</v>
      </c>
      <c r="AP14" s="315">
        <v>79</v>
      </c>
      <c r="AQ14" s="315">
        <v>0</v>
      </c>
      <c r="AR14" s="312">
        <v>148</v>
      </c>
      <c r="AS14" s="317">
        <v>154</v>
      </c>
      <c r="AT14" s="311">
        <v>0</v>
      </c>
      <c r="AU14" s="315">
        <v>0</v>
      </c>
      <c r="AV14" s="312">
        <v>0</v>
      </c>
      <c r="AW14" s="314">
        <v>0</v>
      </c>
      <c r="AX14" s="315">
        <v>282</v>
      </c>
      <c r="AY14" s="315">
        <v>176</v>
      </c>
      <c r="AZ14" s="315">
        <v>168</v>
      </c>
      <c r="BA14" s="315">
        <v>120</v>
      </c>
      <c r="BB14" s="315">
        <v>20</v>
      </c>
      <c r="BC14" s="316">
        <v>766</v>
      </c>
      <c r="BD14" s="317">
        <v>766</v>
      </c>
      <c r="BE14" s="311">
        <v>0</v>
      </c>
      <c r="BF14" s="315">
        <v>0</v>
      </c>
      <c r="BG14" s="312">
        <v>0</v>
      </c>
      <c r="BH14" s="314">
        <v>0</v>
      </c>
      <c r="BI14" s="315">
        <v>103</v>
      </c>
      <c r="BJ14" s="315">
        <v>51</v>
      </c>
      <c r="BK14" s="315">
        <v>18</v>
      </c>
      <c r="BL14" s="315">
        <v>80</v>
      </c>
      <c r="BM14" s="315">
        <v>7</v>
      </c>
      <c r="BN14" s="312">
        <v>259</v>
      </c>
      <c r="BO14" s="317">
        <v>259</v>
      </c>
      <c r="BP14" s="311">
        <v>0</v>
      </c>
      <c r="BQ14" s="315">
        <v>0</v>
      </c>
      <c r="BR14" s="312">
        <v>0</v>
      </c>
      <c r="BS14" s="314">
        <v>0</v>
      </c>
      <c r="BT14" s="315">
        <v>47</v>
      </c>
      <c r="BU14" s="315">
        <v>6</v>
      </c>
      <c r="BV14" s="315">
        <v>98</v>
      </c>
      <c r="BW14" s="315">
        <v>73</v>
      </c>
      <c r="BX14" s="315">
        <v>3</v>
      </c>
      <c r="BY14" s="312">
        <v>227</v>
      </c>
      <c r="BZ14" s="317">
        <v>227</v>
      </c>
      <c r="CA14" s="311">
        <v>0</v>
      </c>
      <c r="CB14" s="315">
        <v>0</v>
      </c>
      <c r="CC14" s="312">
        <v>0</v>
      </c>
      <c r="CD14" s="314">
        <v>0</v>
      </c>
      <c r="CE14" s="315">
        <v>0</v>
      </c>
      <c r="CF14" s="315">
        <v>8</v>
      </c>
      <c r="CG14" s="315">
        <v>0</v>
      </c>
      <c r="CH14" s="315">
        <v>4</v>
      </c>
      <c r="CI14" s="315">
        <v>0</v>
      </c>
      <c r="CJ14" s="312">
        <v>12</v>
      </c>
      <c r="CK14" s="317">
        <v>12</v>
      </c>
      <c r="CL14" s="311">
        <v>0</v>
      </c>
      <c r="CM14" s="315">
        <v>0</v>
      </c>
      <c r="CN14" s="312">
        <v>0</v>
      </c>
      <c r="CO14" s="314">
        <v>0</v>
      </c>
      <c r="CP14" s="315">
        <v>0</v>
      </c>
      <c r="CQ14" s="315">
        <v>0</v>
      </c>
      <c r="CR14" s="315">
        <v>0</v>
      </c>
      <c r="CS14" s="315">
        <v>0</v>
      </c>
      <c r="CT14" s="315">
        <v>0</v>
      </c>
      <c r="CU14" s="312">
        <v>0</v>
      </c>
      <c r="CV14" s="317">
        <v>0</v>
      </c>
      <c r="CW14" s="311">
        <v>0</v>
      </c>
      <c r="CX14" s="315">
        <v>0</v>
      </c>
      <c r="CY14" s="312">
        <v>0</v>
      </c>
      <c r="CZ14" s="314">
        <v>0</v>
      </c>
      <c r="DA14" s="315">
        <v>0</v>
      </c>
      <c r="DB14" s="315">
        <v>0</v>
      </c>
      <c r="DC14" s="315">
        <v>0</v>
      </c>
      <c r="DD14" s="315">
        <v>0</v>
      </c>
      <c r="DE14" s="315">
        <v>0</v>
      </c>
      <c r="DF14" s="312">
        <v>0</v>
      </c>
      <c r="DG14" s="317">
        <v>0</v>
      </c>
    </row>
    <row r="15" spans="1:111" ht="18.75" customHeight="1" x14ac:dyDescent="0.2">
      <c r="A15" s="296" t="s">
        <v>12</v>
      </c>
      <c r="B15" s="311">
        <v>0</v>
      </c>
      <c r="C15" s="315">
        <v>0</v>
      </c>
      <c r="D15" s="437">
        <v>0</v>
      </c>
      <c r="E15" s="314">
        <v>0</v>
      </c>
      <c r="F15" s="315">
        <v>430</v>
      </c>
      <c r="G15" s="315">
        <v>729</v>
      </c>
      <c r="H15" s="315">
        <v>544</v>
      </c>
      <c r="I15" s="315">
        <v>908</v>
      </c>
      <c r="J15" s="315">
        <v>873</v>
      </c>
      <c r="K15" s="316">
        <v>3484</v>
      </c>
      <c r="L15" s="317">
        <v>3484</v>
      </c>
      <c r="M15" s="311">
        <v>0</v>
      </c>
      <c r="N15" s="315">
        <v>0</v>
      </c>
      <c r="O15" s="312">
        <v>0</v>
      </c>
      <c r="P15" s="314">
        <v>0</v>
      </c>
      <c r="Q15" s="315">
        <v>4</v>
      </c>
      <c r="R15" s="315">
        <v>0</v>
      </c>
      <c r="S15" s="315">
        <v>3</v>
      </c>
      <c r="T15" s="315">
        <v>7</v>
      </c>
      <c r="U15" s="315">
        <v>34</v>
      </c>
      <c r="V15" s="312">
        <v>48</v>
      </c>
      <c r="W15" s="317">
        <v>48</v>
      </c>
      <c r="X15" s="311">
        <v>66</v>
      </c>
      <c r="Y15" s="315">
        <v>79</v>
      </c>
      <c r="Z15" s="312">
        <v>145</v>
      </c>
      <c r="AA15" s="314">
        <v>0</v>
      </c>
      <c r="AB15" s="315">
        <v>191</v>
      </c>
      <c r="AC15" s="315">
        <v>201</v>
      </c>
      <c r="AD15" s="315">
        <v>123</v>
      </c>
      <c r="AE15" s="315">
        <v>71</v>
      </c>
      <c r="AF15" s="315">
        <v>75</v>
      </c>
      <c r="AG15" s="312">
        <v>661</v>
      </c>
      <c r="AH15" s="317">
        <v>806</v>
      </c>
      <c r="AI15" s="311">
        <v>0</v>
      </c>
      <c r="AJ15" s="315">
        <v>0</v>
      </c>
      <c r="AK15" s="312">
        <v>0</v>
      </c>
      <c r="AL15" s="314">
        <v>0</v>
      </c>
      <c r="AM15" s="315">
        <v>16</v>
      </c>
      <c r="AN15" s="315">
        <v>54</v>
      </c>
      <c r="AO15" s="315">
        <v>33</v>
      </c>
      <c r="AP15" s="315">
        <v>54</v>
      </c>
      <c r="AQ15" s="315">
        <v>15</v>
      </c>
      <c r="AR15" s="312">
        <v>172</v>
      </c>
      <c r="AS15" s="317">
        <v>172</v>
      </c>
      <c r="AT15" s="311">
        <v>0</v>
      </c>
      <c r="AU15" s="315">
        <v>0</v>
      </c>
      <c r="AV15" s="312">
        <v>0</v>
      </c>
      <c r="AW15" s="314">
        <v>0</v>
      </c>
      <c r="AX15" s="315">
        <v>427</v>
      </c>
      <c r="AY15" s="315">
        <v>161</v>
      </c>
      <c r="AZ15" s="315">
        <v>252</v>
      </c>
      <c r="BA15" s="315">
        <v>46</v>
      </c>
      <c r="BB15" s="315">
        <v>26</v>
      </c>
      <c r="BC15" s="316">
        <v>912</v>
      </c>
      <c r="BD15" s="317">
        <v>912</v>
      </c>
      <c r="BE15" s="311">
        <v>0</v>
      </c>
      <c r="BF15" s="315">
        <v>0</v>
      </c>
      <c r="BG15" s="312">
        <v>0</v>
      </c>
      <c r="BH15" s="314">
        <v>0</v>
      </c>
      <c r="BI15" s="315">
        <v>91</v>
      </c>
      <c r="BJ15" s="315">
        <v>79</v>
      </c>
      <c r="BK15" s="315">
        <v>66</v>
      </c>
      <c r="BL15" s="315">
        <v>49</v>
      </c>
      <c r="BM15" s="315">
        <v>2</v>
      </c>
      <c r="BN15" s="312">
        <v>287</v>
      </c>
      <c r="BO15" s="317">
        <v>287</v>
      </c>
      <c r="BP15" s="311">
        <v>0</v>
      </c>
      <c r="BQ15" s="315">
        <v>0</v>
      </c>
      <c r="BR15" s="312">
        <v>0</v>
      </c>
      <c r="BS15" s="314">
        <v>0</v>
      </c>
      <c r="BT15" s="315">
        <v>36</v>
      </c>
      <c r="BU15" s="315">
        <v>35</v>
      </c>
      <c r="BV15" s="315">
        <v>122</v>
      </c>
      <c r="BW15" s="315">
        <v>85</v>
      </c>
      <c r="BX15" s="315">
        <v>34</v>
      </c>
      <c r="BY15" s="312">
        <v>312</v>
      </c>
      <c r="BZ15" s="317">
        <v>312</v>
      </c>
      <c r="CA15" s="311">
        <v>0</v>
      </c>
      <c r="CB15" s="315">
        <v>0</v>
      </c>
      <c r="CC15" s="312">
        <v>0</v>
      </c>
      <c r="CD15" s="314">
        <v>0</v>
      </c>
      <c r="CE15" s="315">
        <v>0</v>
      </c>
      <c r="CF15" s="315">
        <v>7</v>
      </c>
      <c r="CG15" s="315">
        <v>10</v>
      </c>
      <c r="CH15" s="315">
        <v>0</v>
      </c>
      <c r="CI15" s="315">
        <v>0</v>
      </c>
      <c r="CJ15" s="312">
        <v>17</v>
      </c>
      <c r="CK15" s="317">
        <v>17</v>
      </c>
      <c r="CL15" s="311">
        <v>0</v>
      </c>
      <c r="CM15" s="315">
        <v>0</v>
      </c>
      <c r="CN15" s="312">
        <v>0</v>
      </c>
      <c r="CO15" s="314">
        <v>0</v>
      </c>
      <c r="CP15" s="315">
        <v>0</v>
      </c>
      <c r="CQ15" s="315">
        <v>0</v>
      </c>
      <c r="CR15" s="315">
        <v>0</v>
      </c>
      <c r="CS15" s="315">
        <v>0</v>
      </c>
      <c r="CT15" s="315">
        <v>0</v>
      </c>
      <c r="CU15" s="312">
        <v>0</v>
      </c>
      <c r="CV15" s="317">
        <v>0</v>
      </c>
      <c r="CW15" s="311">
        <v>0</v>
      </c>
      <c r="CX15" s="315">
        <v>0</v>
      </c>
      <c r="CY15" s="312">
        <v>0</v>
      </c>
      <c r="CZ15" s="314">
        <v>0</v>
      </c>
      <c r="DA15" s="315">
        <v>0</v>
      </c>
      <c r="DB15" s="315">
        <v>0</v>
      </c>
      <c r="DC15" s="315">
        <v>0</v>
      </c>
      <c r="DD15" s="315">
        <v>0</v>
      </c>
      <c r="DE15" s="315">
        <v>0</v>
      </c>
      <c r="DF15" s="312">
        <v>0</v>
      </c>
      <c r="DG15" s="317">
        <v>0</v>
      </c>
    </row>
    <row r="16" spans="1:111" ht="18.75" customHeight="1" x14ac:dyDescent="0.2">
      <c r="A16" s="296" t="s">
        <v>13</v>
      </c>
      <c r="B16" s="311">
        <v>0</v>
      </c>
      <c r="C16" s="315">
        <v>0</v>
      </c>
      <c r="D16" s="437">
        <v>0</v>
      </c>
      <c r="E16" s="314">
        <v>0</v>
      </c>
      <c r="F16" s="315">
        <v>190</v>
      </c>
      <c r="G16" s="315">
        <v>424</v>
      </c>
      <c r="H16" s="315">
        <v>221</v>
      </c>
      <c r="I16" s="315">
        <v>617</v>
      </c>
      <c r="J16" s="315">
        <v>359</v>
      </c>
      <c r="K16" s="316">
        <v>1811</v>
      </c>
      <c r="L16" s="317">
        <v>1811</v>
      </c>
      <c r="M16" s="311">
        <v>0</v>
      </c>
      <c r="N16" s="315">
        <v>0</v>
      </c>
      <c r="O16" s="312">
        <v>0</v>
      </c>
      <c r="P16" s="314">
        <v>0</v>
      </c>
      <c r="Q16" s="315">
        <v>0</v>
      </c>
      <c r="R16" s="315">
        <v>0</v>
      </c>
      <c r="S16" s="315">
        <v>0</v>
      </c>
      <c r="T16" s="315">
        <v>6</v>
      </c>
      <c r="U16" s="315">
        <v>19</v>
      </c>
      <c r="V16" s="312">
        <v>25</v>
      </c>
      <c r="W16" s="317">
        <v>25</v>
      </c>
      <c r="X16" s="311">
        <v>5</v>
      </c>
      <c r="Y16" s="315">
        <v>9</v>
      </c>
      <c r="Z16" s="312">
        <v>14</v>
      </c>
      <c r="AA16" s="314">
        <v>0</v>
      </c>
      <c r="AB16" s="315">
        <v>49</v>
      </c>
      <c r="AC16" s="315">
        <v>82</v>
      </c>
      <c r="AD16" s="315">
        <v>46</v>
      </c>
      <c r="AE16" s="315">
        <v>54</v>
      </c>
      <c r="AF16" s="315">
        <v>65</v>
      </c>
      <c r="AG16" s="312">
        <v>296</v>
      </c>
      <c r="AH16" s="317">
        <v>310</v>
      </c>
      <c r="AI16" s="311">
        <v>0</v>
      </c>
      <c r="AJ16" s="315">
        <v>0</v>
      </c>
      <c r="AK16" s="312">
        <v>0</v>
      </c>
      <c r="AL16" s="314">
        <v>0</v>
      </c>
      <c r="AM16" s="315">
        <v>0</v>
      </c>
      <c r="AN16" s="315">
        <v>9</v>
      </c>
      <c r="AO16" s="315">
        <v>0</v>
      </c>
      <c r="AP16" s="315">
        <v>23</v>
      </c>
      <c r="AQ16" s="315">
        <v>6</v>
      </c>
      <c r="AR16" s="312">
        <v>38</v>
      </c>
      <c r="AS16" s="317">
        <v>38</v>
      </c>
      <c r="AT16" s="311">
        <v>0</v>
      </c>
      <c r="AU16" s="315">
        <v>0</v>
      </c>
      <c r="AV16" s="312">
        <v>0</v>
      </c>
      <c r="AW16" s="314">
        <v>0</v>
      </c>
      <c r="AX16" s="315">
        <v>85</v>
      </c>
      <c r="AY16" s="315">
        <v>139</v>
      </c>
      <c r="AZ16" s="315">
        <v>95</v>
      </c>
      <c r="BA16" s="315">
        <v>28</v>
      </c>
      <c r="BB16" s="315">
        <v>42</v>
      </c>
      <c r="BC16" s="316">
        <v>389</v>
      </c>
      <c r="BD16" s="317">
        <v>389</v>
      </c>
      <c r="BE16" s="311">
        <v>0</v>
      </c>
      <c r="BF16" s="315">
        <v>0</v>
      </c>
      <c r="BG16" s="312">
        <v>0</v>
      </c>
      <c r="BH16" s="314">
        <v>0</v>
      </c>
      <c r="BI16" s="315">
        <v>11</v>
      </c>
      <c r="BJ16" s="315">
        <v>11</v>
      </c>
      <c r="BK16" s="315">
        <v>25</v>
      </c>
      <c r="BL16" s="315">
        <v>34</v>
      </c>
      <c r="BM16" s="315">
        <v>0</v>
      </c>
      <c r="BN16" s="312">
        <v>81</v>
      </c>
      <c r="BO16" s="317">
        <v>81</v>
      </c>
      <c r="BP16" s="311">
        <v>0</v>
      </c>
      <c r="BQ16" s="315">
        <v>0</v>
      </c>
      <c r="BR16" s="312">
        <v>0</v>
      </c>
      <c r="BS16" s="314">
        <v>0</v>
      </c>
      <c r="BT16" s="315">
        <v>24</v>
      </c>
      <c r="BU16" s="315">
        <v>31</v>
      </c>
      <c r="BV16" s="315">
        <v>20</v>
      </c>
      <c r="BW16" s="315">
        <v>83</v>
      </c>
      <c r="BX16" s="315">
        <v>47</v>
      </c>
      <c r="BY16" s="312">
        <v>205</v>
      </c>
      <c r="BZ16" s="317">
        <v>205</v>
      </c>
      <c r="CA16" s="311">
        <v>0</v>
      </c>
      <c r="CB16" s="315">
        <v>0</v>
      </c>
      <c r="CC16" s="312">
        <v>0</v>
      </c>
      <c r="CD16" s="314">
        <v>0</v>
      </c>
      <c r="CE16" s="315">
        <v>0</v>
      </c>
      <c r="CF16" s="315">
        <v>6</v>
      </c>
      <c r="CG16" s="315">
        <v>0</v>
      </c>
      <c r="CH16" s="315">
        <v>0</v>
      </c>
      <c r="CI16" s="315">
        <v>0</v>
      </c>
      <c r="CJ16" s="312">
        <v>6</v>
      </c>
      <c r="CK16" s="317">
        <v>6</v>
      </c>
      <c r="CL16" s="311">
        <v>0</v>
      </c>
      <c r="CM16" s="315">
        <v>0</v>
      </c>
      <c r="CN16" s="312">
        <v>0</v>
      </c>
      <c r="CO16" s="314">
        <v>0</v>
      </c>
      <c r="CP16" s="315">
        <v>0</v>
      </c>
      <c r="CQ16" s="315">
        <v>0</v>
      </c>
      <c r="CR16" s="315">
        <v>0</v>
      </c>
      <c r="CS16" s="315">
        <v>0</v>
      </c>
      <c r="CT16" s="315">
        <v>0</v>
      </c>
      <c r="CU16" s="312">
        <v>0</v>
      </c>
      <c r="CV16" s="317">
        <v>0</v>
      </c>
      <c r="CW16" s="311">
        <v>0</v>
      </c>
      <c r="CX16" s="315">
        <v>0</v>
      </c>
      <c r="CY16" s="312">
        <v>0</v>
      </c>
      <c r="CZ16" s="314">
        <v>0</v>
      </c>
      <c r="DA16" s="315">
        <v>0</v>
      </c>
      <c r="DB16" s="315">
        <v>0</v>
      </c>
      <c r="DC16" s="315">
        <v>0</v>
      </c>
      <c r="DD16" s="315">
        <v>0</v>
      </c>
      <c r="DE16" s="315">
        <v>0</v>
      </c>
      <c r="DF16" s="312">
        <v>0</v>
      </c>
      <c r="DG16" s="317">
        <v>0</v>
      </c>
    </row>
    <row r="17" spans="1:111" ht="18.75" customHeight="1" x14ac:dyDescent="0.2">
      <c r="A17" s="296" t="s">
        <v>15</v>
      </c>
      <c r="B17" s="311">
        <v>0</v>
      </c>
      <c r="C17" s="315">
        <v>0</v>
      </c>
      <c r="D17" s="437">
        <v>0</v>
      </c>
      <c r="E17" s="314">
        <v>0</v>
      </c>
      <c r="F17" s="315">
        <v>36</v>
      </c>
      <c r="G17" s="315">
        <v>120</v>
      </c>
      <c r="H17" s="315">
        <v>115</v>
      </c>
      <c r="I17" s="315">
        <v>74</v>
      </c>
      <c r="J17" s="315">
        <v>122</v>
      </c>
      <c r="K17" s="316">
        <v>467</v>
      </c>
      <c r="L17" s="317">
        <v>467</v>
      </c>
      <c r="M17" s="311">
        <v>0</v>
      </c>
      <c r="N17" s="315">
        <v>0</v>
      </c>
      <c r="O17" s="312">
        <v>0</v>
      </c>
      <c r="P17" s="314">
        <v>0</v>
      </c>
      <c r="Q17" s="315">
        <v>0</v>
      </c>
      <c r="R17" s="315">
        <v>0</v>
      </c>
      <c r="S17" s="315">
        <v>0</v>
      </c>
      <c r="T17" s="315">
        <v>20</v>
      </c>
      <c r="U17" s="315">
        <v>6</v>
      </c>
      <c r="V17" s="312">
        <v>26</v>
      </c>
      <c r="W17" s="317">
        <v>26</v>
      </c>
      <c r="X17" s="311">
        <v>13</v>
      </c>
      <c r="Y17" s="315">
        <v>0</v>
      </c>
      <c r="Z17" s="312">
        <v>13</v>
      </c>
      <c r="AA17" s="314">
        <v>0</v>
      </c>
      <c r="AB17" s="315">
        <v>10</v>
      </c>
      <c r="AC17" s="315">
        <v>57</v>
      </c>
      <c r="AD17" s="315">
        <v>0</v>
      </c>
      <c r="AE17" s="315">
        <v>26</v>
      </c>
      <c r="AF17" s="315">
        <v>3</v>
      </c>
      <c r="AG17" s="312">
        <v>96</v>
      </c>
      <c r="AH17" s="317">
        <v>109</v>
      </c>
      <c r="AI17" s="311">
        <v>0</v>
      </c>
      <c r="AJ17" s="315">
        <v>0</v>
      </c>
      <c r="AK17" s="312">
        <v>0</v>
      </c>
      <c r="AL17" s="314">
        <v>0</v>
      </c>
      <c r="AM17" s="315">
        <v>8</v>
      </c>
      <c r="AN17" s="315">
        <v>12</v>
      </c>
      <c r="AO17" s="315">
        <v>0</v>
      </c>
      <c r="AP17" s="315">
        <v>0</v>
      </c>
      <c r="AQ17" s="315">
        <v>18</v>
      </c>
      <c r="AR17" s="312">
        <v>38</v>
      </c>
      <c r="AS17" s="317">
        <v>38</v>
      </c>
      <c r="AT17" s="311">
        <v>0</v>
      </c>
      <c r="AU17" s="315">
        <v>0</v>
      </c>
      <c r="AV17" s="312">
        <v>0</v>
      </c>
      <c r="AW17" s="314">
        <v>0</v>
      </c>
      <c r="AX17" s="315">
        <v>8</v>
      </c>
      <c r="AY17" s="315">
        <v>34</v>
      </c>
      <c r="AZ17" s="315">
        <v>22</v>
      </c>
      <c r="BA17" s="315">
        <v>15</v>
      </c>
      <c r="BB17" s="315">
        <v>0</v>
      </c>
      <c r="BC17" s="316">
        <v>79</v>
      </c>
      <c r="BD17" s="317">
        <v>79</v>
      </c>
      <c r="BE17" s="311">
        <v>0</v>
      </c>
      <c r="BF17" s="315">
        <v>0</v>
      </c>
      <c r="BG17" s="312">
        <v>0</v>
      </c>
      <c r="BH17" s="314">
        <v>0</v>
      </c>
      <c r="BI17" s="315">
        <v>18</v>
      </c>
      <c r="BJ17" s="315">
        <v>3</v>
      </c>
      <c r="BK17" s="315">
        <v>8</v>
      </c>
      <c r="BL17" s="315">
        <v>1</v>
      </c>
      <c r="BM17" s="315">
        <v>0</v>
      </c>
      <c r="BN17" s="312">
        <v>30</v>
      </c>
      <c r="BO17" s="317">
        <v>30</v>
      </c>
      <c r="BP17" s="311">
        <v>0</v>
      </c>
      <c r="BQ17" s="315">
        <v>0</v>
      </c>
      <c r="BR17" s="312">
        <v>0</v>
      </c>
      <c r="BS17" s="314">
        <v>0</v>
      </c>
      <c r="BT17" s="315">
        <v>0</v>
      </c>
      <c r="BU17" s="315">
        <v>0</v>
      </c>
      <c r="BV17" s="315">
        <v>15</v>
      </c>
      <c r="BW17" s="315">
        <v>32</v>
      </c>
      <c r="BX17" s="315">
        <v>0</v>
      </c>
      <c r="BY17" s="312">
        <v>47</v>
      </c>
      <c r="BZ17" s="317">
        <v>47</v>
      </c>
      <c r="CA17" s="311">
        <v>0</v>
      </c>
      <c r="CB17" s="315">
        <v>0</v>
      </c>
      <c r="CC17" s="312">
        <v>0</v>
      </c>
      <c r="CD17" s="314">
        <v>0</v>
      </c>
      <c r="CE17" s="315">
        <v>0</v>
      </c>
      <c r="CF17" s="315">
        <v>0</v>
      </c>
      <c r="CG17" s="315">
        <v>0</v>
      </c>
      <c r="CH17" s="315">
        <v>0</v>
      </c>
      <c r="CI17" s="315">
        <v>0</v>
      </c>
      <c r="CJ17" s="312">
        <v>0</v>
      </c>
      <c r="CK17" s="317">
        <v>0</v>
      </c>
      <c r="CL17" s="311">
        <v>0</v>
      </c>
      <c r="CM17" s="315">
        <v>0</v>
      </c>
      <c r="CN17" s="312">
        <v>0</v>
      </c>
      <c r="CO17" s="314">
        <v>0</v>
      </c>
      <c r="CP17" s="315">
        <v>0</v>
      </c>
      <c r="CQ17" s="315">
        <v>0</v>
      </c>
      <c r="CR17" s="315">
        <v>0</v>
      </c>
      <c r="CS17" s="315">
        <v>0</v>
      </c>
      <c r="CT17" s="315">
        <v>0</v>
      </c>
      <c r="CU17" s="312">
        <v>0</v>
      </c>
      <c r="CV17" s="317">
        <v>0</v>
      </c>
      <c r="CW17" s="311">
        <v>0</v>
      </c>
      <c r="CX17" s="315">
        <v>0</v>
      </c>
      <c r="CY17" s="312">
        <v>0</v>
      </c>
      <c r="CZ17" s="314">
        <v>0</v>
      </c>
      <c r="DA17" s="315">
        <v>0</v>
      </c>
      <c r="DB17" s="315">
        <v>0</v>
      </c>
      <c r="DC17" s="315">
        <v>0</v>
      </c>
      <c r="DD17" s="315">
        <v>0</v>
      </c>
      <c r="DE17" s="315">
        <v>0</v>
      </c>
      <c r="DF17" s="312">
        <v>0</v>
      </c>
      <c r="DG17" s="317">
        <v>0</v>
      </c>
    </row>
    <row r="18" spans="1:111" ht="18.75" customHeight="1" x14ac:dyDescent="0.2">
      <c r="A18" s="296" t="s">
        <v>16</v>
      </c>
      <c r="B18" s="311">
        <v>0</v>
      </c>
      <c r="C18" s="315">
        <v>0</v>
      </c>
      <c r="D18" s="437">
        <v>0</v>
      </c>
      <c r="E18" s="314">
        <v>0</v>
      </c>
      <c r="F18" s="315">
        <v>68</v>
      </c>
      <c r="G18" s="315">
        <v>85</v>
      </c>
      <c r="H18" s="315">
        <v>119</v>
      </c>
      <c r="I18" s="315">
        <v>232</v>
      </c>
      <c r="J18" s="315">
        <v>125</v>
      </c>
      <c r="K18" s="316">
        <v>629</v>
      </c>
      <c r="L18" s="317">
        <v>629</v>
      </c>
      <c r="M18" s="311">
        <v>0</v>
      </c>
      <c r="N18" s="315">
        <v>0</v>
      </c>
      <c r="O18" s="312">
        <v>0</v>
      </c>
      <c r="P18" s="314">
        <v>0</v>
      </c>
      <c r="Q18" s="315">
        <v>0</v>
      </c>
      <c r="R18" s="315">
        <v>0</v>
      </c>
      <c r="S18" s="315">
        <v>0</v>
      </c>
      <c r="T18" s="315">
        <v>0</v>
      </c>
      <c r="U18" s="315">
        <v>15</v>
      </c>
      <c r="V18" s="312">
        <v>15</v>
      </c>
      <c r="W18" s="317">
        <v>15</v>
      </c>
      <c r="X18" s="311">
        <v>10</v>
      </c>
      <c r="Y18" s="315">
        <v>10</v>
      </c>
      <c r="Z18" s="312">
        <v>20</v>
      </c>
      <c r="AA18" s="314">
        <v>0</v>
      </c>
      <c r="AB18" s="315">
        <v>74</v>
      </c>
      <c r="AC18" s="315">
        <v>154</v>
      </c>
      <c r="AD18" s="315">
        <v>65</v>
      </c>
      <c r="AE18" s="315">
        <v>48</v>
      </c>
      <c r="AF18" s="315">
        <v>65</v>
      </c>
      <c r="AG18" s="312">
        <v>406</v>
      </c>
      <c r="AH18" s="317">
        <v>426</v>
      </c>
      <c r="AI18" s="311">
        <v>0</v>
      </c>
      <c r="AJ18" s="315">
        <v>0</v>
      </c>
      <c r="AK18" s="312">
        <v>0</v>
      </c>
      <c r="AL18" s="314">
        <v>0</v>
      </c>
      <c r="AM18" s="315">
        <v>0</v>
      </c>
      <c r="AN18" s="315">
        <v>12</v>
      </c>
      <c r="AO18" s="315">
        <v>21</v>
      </c>
      <c r="AP18" s="315">
        <v>0</v>
      </c>
      <c r="AQ18" s="315">
        <v>12</v>
      </c>
      <c r="AR18" s="312">
        <v>45</v>
      </c>
      <c r="AS18" s="317">
        <v>45</v>
      </c>
      <c r="AT18" s="311">
        <v>0</v>
      </c>
      <c r="AU18" s="315">
        <v>0</v>
      </c>
      <c r="AV18" s="312">
        <v>0</v>
      </c>
      <c r="AW18" s="314">
        <v>0</v>
      </c>
      <c r="AX18" s="315">
        <v>130</v>
      </c>
      <c r="AY18" s="315">
        <v>192</v>
      </c>
      <c r="AZ18" s="315">
        <v>95</v>
      </c>
      <c r="BA18" s="315">
        <v>81</v>
      </c>
      <c r="BB18" s="315">
        <v>22</v>
      </c>
      <c r="BC18" s="316">
        <v>520</v>
      </c>
      <c r="BD18" s="317">
        <v>520</v>
      </c>
      <c r="BE18" s="311">
        <v>0</v>
      </c>
      <c r="BF18" s="315">
        <v>0</v>
      </c>
      <c r="BG18" s="312">
        <v>0</v>
      </c>
      <c r="BH18" s="314">
        <v>0</v>
      </c>
      <c r="BI18" s="315">
        <v>97</v>
      </c>
      <c r="BJ18" s="315">
        <v>194</v>
      </c>
      <c r="BK18" s="315">
        <v>55</v>
      </c>
      <c r="BL18" s="315">
        <v>44</v>
      </c>
      <c r="BM18" s="315">
        <v>-4</v>
      </c>
      <c r="BN18" s="312">
        <v>386</v>
      </c>
      <c r="BO18" s="317">
        <v>386</v>
      </c>
      <c r="BP18" s="311">
        <v>0</v>
      </c>
      <c r="BQ18" s="315">
        <v>4</v>
      </c>
      <c r="BR18" s="312">
        <v>4</v>
      </c>
      <c r="BS18" s="314">
        <v>0</v>
      </c>
      <c r="BT18" s="315">
        <v>35</v>
      </c>
      <c r="BU18" s="315">
        <v>126</v>
      </c>
      <c r="BV18" s="315">
        <v>17</v>
      </c>
      <c r="BW18" s="315">
        <v>0</v>
      </c>
      <c r="BX18" s="315">
        <v>0</v>
      </c>
      <c r="BY18" s="312">
        <v>178</v>
      </c>
      <c r="BZ18" s="317">
        <v>182</v>
      </c>
      <c r="CA18" s="311">
        <v>0</v>
      </c>
      <c r="CB18" s="315">
        <v>0</v>
      </c>
      <c r="CC18" s="312">
        <v>0</v>
      </c>
      <c r="CD18" s="314">
        <v>0</v>
      </c>
      <c r="CE18" s="315">
        <v>0</v>
      </c>
      <c r="CF18" s="315">
        <v>4</v>
      </c>
      <c r="CG18" s="315">
        <v>0</v>
      </c>
      <c r="CH18" s="315">
        <v>3</v>
      </c>
      <c r="CI18" s="315">
        <v>0</v>
      </c>
      <c r="CJ18" s="312">
        <v>7</v>
      </c>
      <c r="CK18" s="317">
        <v>7</v>
      </c>
      <c r="CL18" s="311">
        <v>0</v>
      </c>
      <c r="CM18" s="315">
        <v>0</v>
      </c>
      <c r="CN18" s="312">
        <v>0</v>
      </c>
      <c r="CO18" s="314">
        <v>0</v>
      </c>
      <c r="CP18" s="315">
        <v>0</v>
      </c>
      <c r="CQ18" s="315">
        <v>0</v>
      </c>
      <c r="CR18" s="315">
        <v>0</v>
      </c>
      <c r="CS18" s="315">
        <v>0</v>
      </c>
      <c r="CT18" s="315">
        <v>0</v>
      </c>
      <c r="CU18" s="312">
        <v>0</v>
      </c>
      <c r="CV18" s="317">
        <v>0</v>
      </c>
      <c r="CW18" s="311">
        <v>0</v>
      </c>
      <c r="CX18" s="315">
        <v>0</v>
      </c>
      <c r="CY18" s="312">
        <v>0</v>
      </c>
      <c r="CZ18" s="314">
        <v>0</v>
      </c>
      <c r="DA18" s="315">
        <v>0</v>
      </c>
      <c r="DB18" s="315">
        <v>0</v>
      </c>
      <c r="DC18" s="315">
        <v>0</v>
      </c>
      <c r="DD18" s="315">
        <v>0</v>
      </c>
      <c r="DE18" s="315">
        <v>0</v>
      </c>
      <c r="DF18" s="312">
        <v>0</v>
      </c>
      <c r="DG18" s="317">
        <v>0</v>
      </c>
    </row>
    <row r="19" spans="1:111" ht="18.75" customHeight="1" x14ac:dyDescent="0.2">
      <c r="A19" s="296" t="s">
        <v>17</v>
      </c>
      <c r="B19" s="311">
        <v>0</v>
      </c>
      <c r="C19" s="315">
        <v>0</v>
      </c>
      <c r="D19" s="437">
        <v>0</v>
      </c>
      <c r="E19" s="314">
        <v>0</v>
      </c>
      <c r="F19" s="315">
        <v>56</v>
      </c>
      <c r="G19" s="315">
        <v>318</v>
      </c>
      <c r="H19" s="315">
        <v>308</v>
      </c>
      <c r="I19" s="315">
        <v>390</v>
      </c>
      <c r="J19" s="315">
        <v>724</v>
      </c>
      <c r="K19" s="316">
        <v>1796</v>
      </c>
      <c r="L19" s="317">
        <v>1796</v>
      </c>
      <c r="M19" s="311">
        <v>0</v>
      </c>
      <c r="N19" s="315">
        <v>0</v>
      </c>
      <c r="O19" s="312">
        <v>0</v>
      </c>
      <c r="P19" s="314">
        <v>0</v>
      </c>
      <c r="Q19" s="315">
        <v>0</v>
      </c>
      <c r="R19" s="315">
        <v>0</v>
      </c>
      <c r="S19" s="315">
        <v>0</v>
      </c>
      <c r="T19" s="315">
        <v>4</v>
      </c>
      <c r="U19" s="315">
        <v>26</v>
      </c>
      <c r="V19" s="312">
        <v>30</v>
      </c>
      <c r="W19" s="317">
        <v>30</v>
      </c>
      <c r="X19" s="311">
        <v>2</v>
      </c>
      <c r="Y19" s="315">
        <v>22</v>
      </c>
      <c r="Z19" s="312">
        <v>24</v>
      </c>
      <c r="AA19" s="314">
        <v>0</v>
      </c>
      <c r="AB19" s="315">
        <v>61</v>
      </c>
      <c r="AC19" s="315">
        <v>82</v>
      </c>
      <c r="AD19" s="315">
        <v>39</v>
      </c>
      <c r="AE19" s="315">
        <v>51</v>
      </c>
      <c r="AF19" s="315">
        <v>38</v>
      </c>
      <c r="AG19" s="312">
        <v>271</v>
      </c>
      <c r="AH19" s="317">
        <v>295</v>
      </c>
      <c r="AI19" s="311">
        <v>24</v>
      </c>
      <c r="AJ19" s="315">
        <v>0</v>
      </c>
      <c r="AK19" s="312">
        <v>24</v>
      </c>
      <c r="AL19" s="314">
        <v>0</v>
      </c>
      <c r="AM19" s="315">
        <v>0</v>
      </c>
      <c r="AN19" s="315">
        <v>23</v>
      </c>
      <c r="AO19" s="315">
        <v>9</v>
      </c>
      <c r="AP19" s="315">
        <v>0</v>
      </c>
      <c r="AQ19" s="315">
        <v>24</v>
      </c>
      <c r="AR19" s="312">
        <v>56</v>
      </c>
      <c r="AS19" s="317">
        <v>80</v>
      </c>
      <c r="AT19" s="311">
        <v>0</v>
      </c>
      <c r="AU19" s="315">
        <v>0</v>
      </c>
      <c r="AV19" s="312">
        <v>0</v>
      </c>
      <c r="AW19" s="314">
        <v>0</v>
      </c>
      <c r="AX19" s="315">
        <v>235</v>
      </c>
      <c r="AY19" s="315">
        <v>155</v>
      </c>
      <c r="AZ19" s="315">
        <v>136</v>
      </c>
      <c r="BA19" s="315">
        <v>70</v>
      </c>
      <c r="BB19" s="315">
        <v>32</v>
      </c>
      <c r="BC19" s="316">
        <v>628</v>
      </c>
      <c r="BD19" s="317">
        <v>628</v>
      </c>
      <c r="BE19" s="311">
        <v>0</v>
      </c>
      <c r="BF19" s="315">
        <v>0</v>
      </c>
      <c r="BG19" s="312">
        <v>0</v>
      </c>
      <c r="BH19" s="314">
        <v>0</v>
      </c>
      <c r="BI19" s="315">
        <v>27</v>
      </c>
      <c r="BJ19" s="315">
        <v>88</v>
      </c>
      <c r="BK19" s="315">
        <v>16</v>
      </c>
      <c r="BL19" s="315">
        <v>8</v>
      </c>
      <c r="BM19" s="315">
        <v>3</v>
      </c>
      <c r="BN19" s="312">
        <v>142</v>
      </c>
      <c r="BO19" s="317">
        <v>142</v>
      </c>
      <c r="BP19" s="311">
        <v>0</v>
      </c>
      <c r="BQ19" s="315">
        <v>5</v>
      </c>
      <c r="BR19" s="312">
        <v>5</v>
      </c>
      <c r="BS19" s="314">
        <v>0</v>
      </c>
      <c r="BT19" s="315">
        <v>61</v>
      </c>
      <c r="BU19" s="315">
        <v>47</v>
      </c>
      <c r="BV19" s="315">
        <v>118</v>
      </c>
      <c r="BW19" s="315">
        <v>47</v>
      </c>
      <c r="BX19" s="315">
        <v>47</v>
      </c>
      <c r="BY19" s="312">
        <v>320</v>
      </c>
      <c r="BZ19" s="317">
        <v>325</v>
      </c>
      <c r="CA19" s="311">
        <v>0</v>
      </c>
      <c r="CB19" s="315">
        <v>0</v>
      </c>
      <c r="CC19" s="312">
        <v>0</v>
      </c>
      <c r="CD19" s="314">
        <v>0</v>
      </c>
      <c r="CE19" s="315">
        <v>8</v>
      </c>
      <c r="CF19" s="315">
        <v>4</v>
      </c>
      <c r="CG19" s="315">
        <v>12</v>
      </c>
      <c r="CH19" s="315">
        <v>0</v>
      </c>
      <c r="CI19" s="315">
        <v>0</v>
      </c>
      <c r="CJ19" s="312">
        <v>24</v>
      </c>
      <c r="CK19" s="317">
        <v>24</v>
      </c>
      <c r="CL19" s="311">
        <v>0</v>
      </c>
      <c r="CM19" s="315">
        <v>0</v>
      </c>
      <c r="CN19" s="312">
        <v>0</v>
      </c>
      <c r="CO19" s="314">
        <v>0</v>
      </c>
      <c r="CP19" s="315">
        <v>0</v>
      </c>
      <c r="CQ19" s="315">
        <v>0</v>
      </c>
      <c r="CR19" s="315">
        <v>0</v>
      </c>
      <c r="CS19" s="315">
        <v>0</v>
      </c>
      <c r="CT19" s="315">
        <v>0</v>
      </c>
      <c r="CU19" s="312">
        <v>0</v>
      </c>
      <c r="CV19" s="317">
        <v>0</v>
      </c>
      <c r="CW19" s="311">
        <v>0</v>
      </c>
      <c r="CX19" s="315">
        <v>0</v>
      </c>
      <c r="CY19" s="312">
        <v>0</v>
      </c>
      <c r="CZ19" s="314">
        <v>0</v>
      </c>
      <c r="DA19" s="315">
        <v>0</v>
      </c>
      <c r="DB19" s="315">
        <v>0</v>
      </c>
      <c r="DC19" s="315">
        <v>0</v>
      </c>
      <c r="DD19" s="315">
        <v>0</v>
      </c>
      <c r="DE19" s="315">
        <v>0</v>
      </c>
      <c r="DF19" s="312">
        <v>0</v>
      </c>
      <c r="DG19" s="317">
        <v>0</v>
      </c>
    </row>
    <row r="20" spans="1:111" ht="18.75" customHeight="1" x14ac:dyDescent="0.2">
      <c r="A20" s="296" t="s">
        <v>18</v>
      </c>
      <c r="B20" s="311">
        <v>0</v>
      </c>
      <c r="C20" s="315">
        <v>0</v>
      </c>
      <c r="D20" s="437">
        <v>0</v>
      </c>
      <c r="E20" s="314">
        <v>0</v>
      </c>
      <c r="F20" s="315">
        <v>179</v>
      </c>
      <c r="G20" s="315">
        <v>666</v>
      </c>
      <c r="H20" s="315">
        <v>447</v>
      </c>
      <c r="I20" s="315">
        <v>568</v>
      </c>
      <c r="J20" s="315">
        <v>235</v>
      </c>
      <c r="K20" s="316">
        <v>2095</v>
      </c>
      <c r="L20" s="317">
        <v>2095</v>
      </c>
      <c r="M20" s="311">
        <v>0</v>
      </c>
      <c r="N20" s="315">
        <v>0</v>
      </c>
      <c r="O20" s="312">
        <v>0</v>
      </c>
      <c r="P20" s="314">
        <v>0</v>
      </c>
      <c r="Q20" s="315">
        <v>7</v>
      </c>
      <c r="R20" s="315">
        <v>1</v>
      </c>
      <c r="S20" s="315">
        <v>4</v>
      </c>
      <c r="T20" s="315">
        <v>18</v>
      </c>
      <c r="U20" s="315">
        <v>20</v>
      </c>
      <c r="V20" s="312">
        <v>50</v>
      </c>
      <c r="W20" s="317">
        <v>50</v>
      </c>
      <c r="X20" s="311">
        <v>22</v>
      </c>
      <c r="Y20" s="315">
        <v>18</v>
      </c>
      <c r="Z20" s="312">
        <v>40</v>
      </c>
      <c r="AA20" s="314">
        <v>0</v>
      </c>
      <c r="AB20" s="315">
        <v>142</v>
      </c>
      <c r="AC20" s="315">
        <v>118</v>
      </c>
      <c r="AD20" s="315">
        <v>98</v>
      </c>
      <c r="AE20" s="315">
        <v>99</v>
      </c>
      <c r="AF20" s="315">
        <v>65</v>
      </c>
      <c r="AG20" s="312">
        <v>522</v>
      </c>
      <c r="AH20" s="317">
        <v>562</v>
      </c>
      <c r="AI20" s="311">
        <v>0</v>
      </c>
      <c r="AJ20" s="315">
        <v>34</v>
      </c>
      <c r="AK20" s="312">
        <v>34</v>
      </c>
      <c r="AL20" s="314">
        <v>0</v>
      </c>
      <c r="AM20" s="315">
        <v>30</v>
      </c>
      <c r="AN20" s="315">
        <v>33</v>
      </c>
      <c r="AO20" s="315">
        <v>24</v>
      </c>
      <c r="AP20" s="315">
        <v>15</v>
      </c>
      <c r="AQ20" s="315">
        <v>0</v>
      </c>
      <c r="AR20" s="312">
        <v>102</v>
      </c>
      <c r="AS20" s="317">
        <v>136</v>
      </c>
      <c r="AT20" s="311">
        <v>0</v>
      </c>
      <c r="AU20" s="315">
        <v>0</v>
      </c>
      <c r="AV20" s="312">
        <v>0</v>
      </c>
      <c r="AW20" s="314">
        <v>0</v>
      </c>
      <c r="AX20" s="315">
        <v>311</v>
      </c>
      <c r="AY20" s="315">
        <v>272</v>
      </c>
      <c r="AZ20" s="315">
        <v>138</v>
      </c>
      <c r="BA20" s="315">
        <v>55</v>
      </c>
      <c r="BB20" s="315">
        <v>42</v>
      </c>
      <c r="BC20" s="316">
        <v>818</v>
      </c>
      <c r="BD20" s="317">
        <v>818</v>
      </c>
      <c r="BE20" s="311">
        <v>0</v>
      </c>
      <c r="BF20" s="315">
        <v>0</v>
      </c>
      <c r="BG20" s="312">
        <v>0</v>
      </c>
      <c r="BH20" s="314">
        <v>0</v>
      </c>
      <c r="BI20" s="315">
        <v>85</v>
      </c>
      <c r="BJ20" s="315">
        <v>88</v>
      </c>
      <c r="BK20" s="315">
        <v>76</v>
      </c>
      <c r="BL20" s="315">
        <v>41</v>
      </c>
      <c r="BM20" s="315">
        <v>12</v>
      </c>
      <c r="BN20" s="312">
        <v>302</v>
      </c>
      <c r="BO20" s="317">
        <v>302</v>
      </c>
      <c r="BP20" s="311">
        <v>0</v>
      </c>
      <c r="BQ20" s="315">
        <v>0</v>
      </c>
      <c r="BR20" s="312">
        <v>0</v>
      </c>
      <c r="BS20" s="314">
        <v>0</v>
      </c>
      <c r="BT20" s="315">
        <v>27</v>
      </c>
      <c r="BU20" s="315">
        <v>104</v>
      </c>
      <c r="BV20" s="315">
        <v>63</v>
      </c>
      <c r="BW20" s="315">
        <v>82</v>
      </c>
      <c r="BX20" s="315">
        <v>16</v>
      </c>
      <c r="BY20" s="312">
        <v>292</v>
      </c>
      <c r="BZ20" s="317">
        <v>292</v>
      </c>
      <c r="CA20" s="311">
        <v>0</v>
      </c>
      <c r="CB20" s="315">
        <v>0</v>
      </c>
      <c r="CC20" s="312">
        <v>0</v>
      </c>
      <c r="CD20" s="314">
        <v>0</v>
      </c>
      <c r="CE20" s="315">
        <v>3</v>
      </c>
      <c r="CF20" s="315">
        <v>7</v>
      </c>
      <c r="CG20" s="315">
        <v>0</v>
      </c>
      <c r="CH20" s="315">
        <v>0</v>
      </c>
      <c r="CI20" s="315">
        <v>0</v>
      </c>
      <c r="CJ20" s="312">
        <v>10</v>
      </c>
      <c r="CK20" s="317">
        <v>10</v>
      </c>
      <c r="CL20" s="311">
        <v>0</v>
      </c>
      <c r="CM20" s="315">
        <v>0</v>
      </c>
      <c r="CN20" s="312">
        <v>0</v>
      </c>
      <c r="CO20" s="314">
        <v>0</v>
      </c>
      <c r="CP20" s="315">
        <v>0</v>
      </c>
      <c r="CQ20" s="315">
        <v>0</v>
      </c>
      <c r="CR20" s="315">
        <v>0</v>
      </c>
      <c r="CS20" s="315">
        <v>0</v>
      </c>
      <c r="CT20" s="315">
        <v>0</v>
      </c>
      <c r="CU20" s="312">
        <v>0</v>
      </c>
      <c r="CV20" s="317">
        <v>0</v>
      </c>
      <c r="CW20" s="311">
        <v>0</v>
      </c>
      <c r="CX20" s="315">
        <v>0</v>
      </c>
      <c r="CY20" s="312">
        <v>0</v>
      </c>
      <c r="CZ20" s="314">
        <v>0</v>
      </c>
      <c r="DA20" s="315">
        <v>0</v>
      </c>
      <c r="DB20" s="315">
        <v>0</v>
      </c>
      <c r="DC20" s="315">
        <v>0</v>
      </c>
      <c r="DD20" s="315">
        <v>0</v>
      </c>
      <c r="DE20" s="315">
        <v>0</v>
      </c>
      <c r="DF20" s="312">
        <v>0</v>
      </c>
      <c r="DG20" s="317">
        <v>0</v>
      </c>
    </row>
    <row r="21" spans="1:111" ht="18.75" customHeight="1" x14ac:dyDescent="0.2">
      <c r="A21" s="296" t="s">
        <v>19</v>
      </c>
      <c r="B21" s="311">
        <v>0</v>
      </c>
      <c r="C21" s="315">
        <v>0</v>
      </c>
      <c r="D21" s="437">
        <v>0</v>
      </c>
      <c r="E21" s="314">
        <v>0</v>
      </c>
      <c r="F21" s="315">
        <v>281</v>
      </c>
      <c r="G21" s="315">
        <v>112</v>
      </c>
      <c r="H21" s="315">
        <v>75</v>
      </c>
      <c r="I21" s="315">
        <v>340</v>
      </c>
      <c r="J21" s="315">
        <v>33</v>
      </c>
      <c r="K21" s="316">
        <v>841</v>
      </c>
      <c r="L21" s="317">
        <v>841</v>
      </c>
      <c r="M21" s="311">
        <v>0</v>
      </c>
      <c r="N21" s="315">
        <v>0</v>
      </c>
      <c r="O21" s="312">
        <v>0</v>
      </c>
      <c r="P21" s="314">
        <v>0</v>
      </c>
      <c r="Q21" s="315">
        <v>2</v>
      </c>
      <c r="R21" s="315">
        <v>9</v>
      </c>
      <c r="S21" s="315">
        <v>0</v>
      </c>
      <c r="T21" s="315">
        <v>24</v>
      </c>
      <c r="U21" s="315">
        <v>16</v>
      </c>
      <c r="V21" s="312">
        <v>51</v>
      </c>
      <c r="W21" s="317">
        <v>51</v>
      </c>
      <c r="X21" s="311">
        <v>4</v>
      </c>
      <c r="Y21" s="315">
        <v>0</v>
      </c>
      <c r="Z21" s="312">
        <v>4</v>
      </c>
      <c r="AA21" s="314">
        <v>0</v>
      </c>
      <c r="AB21" s="315">
        <v>105</v>
      </c>
      <c r="AC21" s="315">
        <v>112</v>
      </c>
      <c r="AD21" s="315">
        <v>39</v>
      </c>
      <c r="AE21" s="315">
        <v>61</v>
      </c>
      <c r="AF21" s="315">
        <v>57</v>
      </c>
      <c r="AG21" s="312">
        <v>374</v>
      </c>
      <c r="AH21" s="317">
        <v>378</v>
      </c>
      <c r="AI21" s="311">
        <v>0</v>
      </c>
      <c r="AJ21" s="315">
        <v>0</v>
      </c>
      <c r="AK21" s="312">
        <v>0</v>
      </c>
      <c r="AL21" s="314">
        <v>0</v>
      </c>
      <c r="AM21" s="315">
        <v>3</v>
      </c>
      <c r="AN21" s="315">
        <v>15</v>
      </c>
      <c r="AO21" s="315">
        <v>49</v>
      </c>
      <c r="AP21" s="315">
        <v>4</v>
      </c>
      <c r="AQ21" s="315">
        <v>0</v>
      </c>
      <c r="AR21" s="312">
        <v>71</v>
      </c>
      <c r="AS21" s="317">
        <v>71</v>
      </c>
      <c r="AT21" s="311">
        <v>0</v>
      </c>
      <c r="AU21" s="315">
        <v>0</v>
      </c>
      <c r="AV21" s="312">
        <v>0</v>
      </c>
      <c r="AW21" s="314">
        <v>0</v>
      </c>
      <c r="AX21" s="315">
        <v>141</v>
      </c>
      <c r="AY21" s="315">
        <v>166</v>
      </c>
      <c r="AZ21" s="315">
        <v>79</v>
      </c>
      <c r="BA21" s="315">
        <v>12</v>
      </c>
      <c r="BB21" s="315">
        <v>0</v>
      </c>
      <c r="BC21" s="316">
        <v>398</v>
      </c>
      <c r="BD21" s="317">
        <v>398</v>
      </c>
      <c r="BE21" s="311">
        <v>0</v>
      </c>
      <c r="BF21" s="315">
        <v>0</v>
      </c>
      <c r="BG21" s="312">
        <v>0</v>
      </c>
      <c r="BH21" s="314">
        <v>0</v>
      </c>
      <c r="BI21" s="315">
        <v>42</v>
      </c>
      <c r="BJ21" s="315">
        <v>30</v>
      </c>
      <c r="BK21" s="315">
        <v>0</v>
      </c>
      <c r="BL21" s="315">
        <v>23</v>
      </c>
      <c r="BM21" s="315">
        <v>0</v>
      </c>
      <c r="BN21" s="312">
        <v>95</v>
      </c>
      <c r="BO21" s="317">
        <v>95</v>
      </c>
      <c r="BP21" s="311">
        <v>0</v>
      </c>
      <c r="BQ21" s="315">
        <v>0</v>
      </c>
      <c r="BR21" s="312">
        <v>0</v>
      </c>
      <c r="BS21" s="314">
        <v>0</v>
      </c>
      <c r="BT21" s="315">
        <v>5</v>
      </c>
      <c r="BU21" s="315">
        <v>21</v>
      </c>
      <c r="BV21" s="315">
        <v>0</v>
      </c>
      <c r="BW21" s="315">
        <v>0</v>
      </c>
      <c r="BX21" s="315">
        <v>0</v>
      </c>
      <c r="BY21" s="312">
        <v>26</v>
      </c>
      <c r="BZ21" s="317">
        <v>26</v>
      </c>
      <c r="CA21" s="311">
        <v>0</v>
      </c>
      <c r="CB21" s="315">
        <v>0</v>
      </c>
      <c r="CC21" s="312">
        <v>0</v>
      </c>
      <c r="CD21" s="314">
        <v>0</v>
      </c>
      <c r="CE21" s="315">
        <v>0</v>
      </c>
      <c r="CF21" s="315">
        <v>0</v>
      </c>
      <c r="CG21" s="315">
        <v>0</v>
      </c>
      <c r="CH21" s="315">
        <v>3</v>
      </c>
      <c r="CI21" s="315">
        <v>0</v>
      </c>
      <c r="CJ21" s="312">
        <v>3</v>
      </c>
      <c r="CK21" s="317">
        <v>3</v>
      </c>
      <c r="CL21" s="311">
        <v>0</v>
      </c>
      <c r="CM21" s="315">
        <v>0</v>
      </c>
      <c r="CN21" s="312">
        <v>0</v>
      </c>
      <c r="CO21" s="314">
        <v>0</v>
      </c>
      <c r="CP21" s="315">
        <v>0</v>
      </c>
      <c r="CQ21" s="315">
        <v>0</v>
      </c>
      <c r="CR21" s="315">
        <v>0</v>
      </c>
      <c r="CS21" s="315">
        <v>0</v>
      </c>
      <c r="CT21" s="315">
        <v>0</v>
      </c>
      <c r="CU21" s="312">
        <v>0</v>
      </c>
      <c r="CV21" s="317">
        <v>0</v>
      </c>
      <c r="CW21" s="311">
        <v>0</v>
      </c>
      <c r="CX21" s="315">
        <v>0</v>
      </c>
      <c r="CY21" s="312">
        <v>0</v>
      </c>
      <c r="CZ21" s="314">
        <v>0</v>
      </c>
      <c r="DA21" s="315">
        <v>0</v>
      </c>
      <c r="DB21" s="315">
        <v>0</v>
      </c>
      <c r="DC21" s="315">
        <v>0</v>
      </c>
      <c r="DD21" s="315">
        <v>0</v>
      </c>
      <c r="DE21" s="315">
        <v>0</v>
      </c>
      <c r="DF21" s="312">
        <v>0</v>
      </c>
      <c r="DG21" s="317">
        <v>0</v>
      </c>
    </row>
    <row r="22" spans="1:111" ht="18.75" customHeight="1" x14ac:dyDescent="0.2">
      <c r="A22" s="296" t="s">
        <v>20</v>
      </c>
      <c r="B22" s="311">
        <v>0</v>
      </c>
      <c r="C22" s="315">
        <v>0</v>
      </c>
      <c r="D22" s="437">
        <v>0</v>
      </c>
      <c r="E22" s="314">
        <v>0</v>
      </c>
      <c r="F22" s="315">
        <v>169</v>
      </c>
      <c r="G22" s="315">
        <v>229</v>
      </c>
      <c r="H22" s="315">
        <v>142</v>
      </c>
      <c r="I22" s="315">
        <v>125</v>
      </c>
      <c r="J22" s="315">
        <v>88</v>
      </c>
      <c r="K22" s="316">
        <v>753</v>
      </c>
      <c r="L22" s="317">
        <v>753</v>
      </c>
      <c r="M22" s="311">
        <v>0</v>
      </c>
      <c r="N22" s="315">
        <v>0</v>
      </c>
      <c r="O22" s="312">
        <v>0</v>
      </c>
      <c r="P22" s="314">
        <v>0</v>
      </c>
      <c r="Q22" s="315">
        <v>0</v>
      </c>
      <c r="R22" s="315">
        <v>0</v>
      </c>
      <c r="S22" s="315">
        <v>0</v>
      </c>
      <c r="T22" s="315">
        <v>2</v>
      </c>
      <c r="U22" s="315">
        <v>12</v>
      </c>
      <c r="V22" s="312">
        <v>14</v>
      </c>
      <c r="W22" s="317">
        <v>14</v>
      </c>
      <c r="X22" s="311">
        <v>11</v>
      </c>
      <c r="Y22" s="315">
        <v>37</v>
      </c>
      <c r="Z22" s="312">
        <v>48</v>
      </c>
      <c r="AA22" s="314">
        <v>0</v>
      </c>
      <c r="AB22" s="315">
        <v>305</v>
      </c>
      <c r="AC22" s="315">
        <v>101</v>
      </c>
      <c r="AD22" s="315">
        <v>79</v>
      </c>
      <c r="AE22" s="315">
        <v>76</v>
      </c>
      <c r="AF22" s="315">
        <v>52</v>
      </c>
      <c r="AG22" s="312">
        <v>613</v>
      </c>
      <c r="AH22" s="317">
        <v>661</v>
      </c>
      <c r="AI22" s="311">
        <v>14</v>
      </c>
      <c r="AJ22" s="315">
        <v>8</v>
      </c>
      <c r="AK22" s="312">
        <v>22</v>
      </c>
      <c r="AL22" s="314">
        <v>0</v>
      </c>
      <c r="AM22" s="315">
        <v>51</v>
      </c>
      <c r="AN22" s="315">
        <v>44</v>
      </c>
      <c r="AO22" s="315">
        <v>46</v>
      </c>
      <c r="AP22" s="315">
        <v>14</v>
      </c>
      <c r="AQ22" s="315">
        <v>0</v>
      </c>
      <c r="AR22" s="312">
        <v>155</v>
      </c>
      <c r="AS22" s="317">
        <v>177</v>
      </c>
      <c r="AT22" s="311">
        <v>0</v>
      </c>
      <c r="AU22" s="315">
        <v>0</v>
      </c>
      <c r="AV22" s="312">
        <v>0</v>
      </c>
      <c r="AW22" s="314">
        <v>0</v>
      </c>
      <c r="AX22" s="315">
        <v>184</v>
      </c>
      <c r="AY22" s="315">
        <v>83</v>
      </c>
      <c r="AZ22" s="315">
        <v>110</v>
      </c>
      <c r="BA22" s="315">
        <v>36</v>
      </c>
      <c r="BB22" s="315">
        <v>10</v>
      </c>
      <c r="BC22" s="316">
        <v>423</v>
      </c>
      <c r="BD22" s="317">
        <v>423</v>
      </c>
      <c r="BE22" s="311">
        <v>0</v>
      </c>
      <c r="BF22" s="315">
        <v>0</v>
      </c>
      <c r="BG22" s="312">
        <v>0</v>
      </c>
      <c r="BH22" s="314">
        <v>0</v>
      </c>
      <c r="BI22" s="315">
        <v>74</v>
      </c>
      <c r="BJ22" s="315">
        <v>55</v>
      </c>
      <c r="BK22" s="315">
        <v>27</v>
      </c>
      <c r="BL22" s="315">
        <v>75</v>
      </c>
      <c r="BM22" s="315">
        <v>5</v>
      </c>
      <c r="BN22" s="312">
        <v>236</v>
      </c>
      <c r="BO22" s="317">
        <v>236</v>
      </c>
      <c r="BP22" s="311">
        <v>2</v>
      </c>
      <c r="BQ22" s="315">
        <v>6</v>
      </c>
      <c r="BR22" s="312">
        <v>8</v>
      </c>
      <c r="BS22" s="314">
        <v>0</v>
      </c>
      <c r="BT22" s="315">
        <v>22</v>
      </c>
      <c r="BU22" s="315">
        <v>27</v>
      </c>
      <c r="BV22" s="315">
        <v>89</v>
      </c>
      <c r="BW22" s="315">
        <v>81</v>
      </c>
      <c r="BX22" s="315">
        <v>0</v>
      </c>
      <c r="BY22" s="312">
        <v>219</v>
      </c>
      <c r="BZ22" s="317">
        <v>227</v>
      </c>
      <c r="CA22" s="311">
        <v>0</v>
      </c>
      <c r="CB22" s="315">
        <v>0</v>
      </c>
      <c r="CC22" s="312">
        <v>0</v>
      </c>
      <c r="CD22" s="314">
        <v>0</v>
      </c>
      <c r="CE22" s="315">
        <v>0</v>
      </c>
      <c r="CF22" s="315">
        <v>0</v>
      </c>
      <c r="CG22" s="315">
        <v>0</v>
      </c>
      <c r="CH22" s="315">
        <v>12</v>
      </c>
      <c r="CI22" s="315">
        <v>0</v>
      </c>
      <c r="CJ22" s="312">
        <v>12</v>
      </c>
      <c r="CK22" s="317">
        <v>12</v>
      </c>
      <c r="CL22" s="311">
        <v>0</v>
      </c>
      <c r="CM22" s="315">
        <v>0</v>
      </c>
      <c r="CN22" s="312">
        <v>0</v>
      </c>
      <c r="CO22" s="314">
        <v>0</v>
      </c>
      <c r="CP22" s="315">
        <v>0</v>
      </c>
      <c r="CQ22" s="315">
        <v>0</v>
      </c>
      <c r="CR22" s="315">
        <v>0</v>
      </c>
      <c r="CS22" s="315">
        <v>0</v>
      </c>
      <c r="CT22" s="315">
        <v>0</v>
      </c>
      <c r="CU22" s="312">
        <v>0</v>
      </c>
      <c r="CV22" s="317">
        <v>0</v>
      </c>
      <c r="CW22" s="311">
        <v>0</v>
      </c>
      <c r="CX22" s="315">
        <v>0</v>
      </c>
      <c r="CY22" s="312">
        <v>0</v>
      </c>
      <c r="CZ22" s="314">
        <v>0</v>
      </c>
      <c r="DA22" s="315">
        <v>0</v>
      </c>
      <c r="DB22" s="315">
        <v>0</v>
      </c>
      <c r="DC22" s="315">
        <v>0</v>
      </c>
      <c r="DD22" s="315">
        <v>0</v>
      </c>
      <c r="DE22" s="315">
        <v>0</v>
      </c>
      <c r="DF22" s="312">
        <v>0</v>
      </c>
      <c r="DG22" s="317">
        <v>0</v>
      </c>
    </row>
    <row r="23" spans="1:111" ht="18.75" customHeight="1" x14ac:dyDescent="0.2">
      <c r="A23" s="296" t="s">
        <v>21</v>
      </c>
      <c r="B23" s="311">
        <v>0</v>
      </c>
      <c r="C23" s="315">
        <v>0</v>
      </c>
      <c r="D23" s="437">
        <v>0</v>
      </c>
      <c r="E23" s="314">
        <v>0</v>
      </c>
      <c r="F23" s="315">
        <v>182</v>
      </c>
      <c r="G23" s="315">
        <v>148</v>
      </c>
      <c r="H23" s="315">
        <v>202</v>
      </c>
      <c r="I23" s="315">
        <v>542</v>
      </c>
      <c r="J23" s="315">
        <v>371</v>
      </c>
      <c r="K23" s="316">
        <v>1445</v>
      </c>
      <c r="L23" s="317">
        <v>1445</v>
      </c>
      <c r="M23" s="311">
        <v>0</v>
      </c>
      <c r="N23" s="315">
        <v>0</v>
      </c>
      <c r="O23" s="312">
        <v>0</v>
      </c>
      <c r="P23" s="314">
        <v>0</v>
      </c>
      <c r="Q23" s="315">
        <v>0</v>
      </c>
      <c r="R23" s="315">
        <v>0</v>
      </c>
      <c r="S23" s="315">
        <v>0</v>
      </c>
      <c r="T23" s="315">
        <v>1</v>
      </c>
      <c r="U23" s="315">
        <v>9</v>
      </c>
      <c r="V23" s="312">
        <v>10</v>
      </c>
      <c r="W23" s="317">
        <v>10</v>
      </c>
      <c r="X23" s="311">
        <v>21</v>
      </c>
      <c r="Y23" s="315">
        <v>16</v>
      </c>
      <c r="Z23" s="312">
        <v>37</v>
      </c>
      <c r="AA23" s="314">
        <v>0</v>
      </c>
      <c r="AB23" s="315">
        <v>139</v>
      </c>
      <c r="AC23" s="315">
        <v>230</v>
      </c>
      <c r="AD23" s="315">
        <v>51</v>
      </c>
      <c r="AE23" s="315">
        <v>88</v>
      </c>
      <c r="AF23" s="315">
        <v>14</v>
      </c>
      <c r="AG23" s="312">
        <v>522</v>
      </c>
      <c r="AH23" s="317">
        <v>559</v>
      </c>
      <c r="AI23" s="311">
        <v>12</v>
      </c>
      <c r="AJ23" s="315">
        <v>8</v>
      </c>
      <c r="AK23" s="312">
        <v>20</v>
      </c>
      <c r="AL23" s="314">
        <v>0</v>
      </c>
      <c r="AM23" s="315">
        <v>25</v>
      </c>
      <c r="AN23" s="315">
        <v>44</v>
      </c>
      <c r="AO23" s="315">
        <v>0</v>
      </c>
      <c r="AP23" s="315">
        <v>0</v>
      </c>
      <c r="AQ23" s="315">
        <v>0</v>
      </c>
      <c r="AR23" s="312">
        <v>69</v>
      </c>
      <c r="AS23" s="317">
        <v>89</v>
      </c>
      <c r="AT23" s="311">
        <v>0</v>
      </c>
      <c r="AU23" s="315">
        <v>0</v>
      </c>
      <c r="AV23" s="312">
        <v>0</v>
      </c>
      <c r="AW23" s="314">
        <v>0</v>
      </c>
      <c r="AX23" s="315">
        <v>116</v>
      </c>
      <c r="AY23" s="315">
        <v>99</v>
      </c>
      <c r="AZ23" s="315">
        <v>65</v>
      </c>
      <c r="BA23" s="315">
        <v>15</v>
      </c>
      <c r="BB23" s="315">
        <v>23</v>
      </c>
      <c r="BC23" s="316">
        <v>318</v>
      </c>
      <c r="BD23" s="317">
        <v>318</v>
      </c>
      <c r="BE23" s="311">
        <v>0</v>
      </c>
      <c r="BF23" s="315">
        <v>0</v>
      </c>
      <c r="BG23" s="312">
        <v>0</v>
      </c>
      <c r="BH23" s="314">
        <v>0</v>
      </c>
      <c r="BI23" s="315">
        <v>34</v>
      </c>
      <c r="BJ23" s="315">
        <v>64</v>
      </c>
      <c r="BK23" s="315">
        <v>28</v>
      </c>
      <c r="BL23" s="315">
        <v>0</v>
      </c>
      <c r="BM23" s="315">
        <v>0</v>
      </c>
      <c r="BN23" s="312">
        <v>126</v>
      </c>
      <c r="BO23" s="317">
        <v>126</v>
      </c>
      <c r="BP23" s="311">
        <v>0</v>
      </c>
      <c r="BQ23" s="315">
        <v>0</v>
      </c>
      <c r="BR23" s="312">
        <v>0</v>
      </c>
      <c r="BS23" s="314">
        <v>0</v>
      </c>
      <c r="BT23" s="315">
        <v>7</v>
      </c>
      <c r="BU23" s="315">
        <v>19</v>
      </c>
      <c r="BV23" s="315">
        <v>142</v>
      </c>
      <c r="BW23" s="315">
        <v>92</v>
      </c>
      <c r="BX23" s="315">
        <v>2</v>
      </c>
      <c r="BY23" s="312">
        <v>262</v>
      </c>
      <c r="BZ23" s="317">
        <v>262</v>
      </c>
      <c r="CA23" s="311">
        <v>0</v>
      </c>
      <c r="CB23" s="315">
        <v>0</v>
      </c>
      <c r="CC23" s="312">
        <v>0</v>
      </c>
      <c r="CD23" s="314">
        <v>0</v>
      </c>
      <c r="CE23" s="315">
        <v>0</v>
      </c>
      <c r="CF23" s="315">
        <v>0</v>
      </c>
      <c r="CG23" s="315">
        <v>0</v>
      </c>
      <c r="CH23" s="315">
        <v>0</v>
      </c>
      <c r="CI23" s="315">
        <v>0</v>
      </c>
      <c r="CJ23" s="312">
        <v>0</v>
      </c>
      <c r="CK23" s="317">
        <v>0</v>
      </c>
      <c r="CL23" s="311">
        <v>0</v>
      </c>
      <c r="CM23" s="315">
        <v>0</v>
      </c>
      <c r="CN23" s="312">
        <v>0</v>
      </c>
      <c r="CO23" s="314">
        <v>0</v>
      </c>
      <c r="CP23" s="315">
        <v>0</v>
      </c>
      <c r="CQ23" s="315">
        <v>0</v>
      </c>
      <c r="CR23" s="315">
        <v>0</v>
      </c>
      <c r="CS23" s="315">
        <v>0</v>
      </c>
      <c r="CT23" s="315">
        <v>0</v>
      </c>
      <c r="CU23" s="312">
        <v>0</v>
      </c>
      <c r="CV23" s="317">
        <v>0</v>
      </c>
      <c r="CW23" s="311">
        <v>0</v>
      </c>
      <c r="CX23" s="315">
        <v>0</v>
      </c>
      <c r="CY23" s="312">
        <v>0</v>
      </c>
      <c r="CZ23" s="314">
        <v>0</v>
      </c>
      <c r="DA23" s="315">
        <v>0</v>
      </c>
      <c r="DB23" s="315">
        <v>0</v>
      </c>
      <c r="DC23" s="315">
        <v>0</v>
      </c>
      <c r="DD23" s="315">
        <v>0</v>
      </c>
      <c r="DE23" s="315">
        <v>0</v>
      </c>
      <c r="DF23" s="312">
        <v>0</v>
      </c>
      <c r="DG23" s="317">
        <v>0</v>
      </c>
    </row>
    <row r="24" spans="1:111" ht="18.75" customHeight="1" x14ac:dyDescent="0.2">
      <c r="A24" s="296" t="s">
        <v>22</v>
      </c>
      <c r="B24" s="311">
        <v>0</v>
      </c>
      <c r="C24" s="315">
        <v>0</v>
      </c>
      <c r="D24" s="437">
        <v>0</v>
      </c>
      <c r="E24" s="314">
        <v>0</v>
      </c>
      <c r="F24" s="315">
        <v>37</v>
      </c>
      <c r="G24" s="315">
        <v>76</v>
      </c>
      <c r="H24" s="315">
        <v>14</v>
      </c>
      <c r="I24" s="315">
        <v>38</v>
      </c>
      <c r="J24" s="315">
        <v>200</v>
      </c>
      <c r="K24" s="316">
        <v>365</v>
      </c>
      <c r="L24" s="317">
        <v>365</v>
      </c>
      <c r="M24" s="311">
        <v>0</v>
      </c>
      <c r="N24" s="315">
        <v>0</v>
      </c>
      <c r="O24" s="312">
        <v>0</v>
      </c>
      <c r="P24" s="314">
        <v>0</v>
      </c>
      <c r="Q24" s="315">
        <v>0</v>
      </c>
      <c r="R24" s="315">
        <v>0</v>
      </c>
      <c r="S24" s="315">
        <v>4</v>
      </c>
      <c r="T24" s="315">
        <v>0</v>
      </c>
      <c r="U24" s="315">
        <v>8</v>
      </c>
      <c r="V24" s="312">
        <v>12</v>
      </c>
      <c r="W24" s="317">
        <v>12</v>
      </c>
      <c r="X24" s="311">
        <v>4</v>
      </c>
      <c r="Y24" s="315">
        <v>0</v>
      </c>
      <c r="Z24" s="312">
        <v>4</v>
      </c>
      <c r="AA24" s="314">
        <v>0</v>
      </c>
      <c r="AB24" s="315">
        <v>6</v>
      </c>
      <c r="AC24" s="315">
        <v>14</v>
      </c>
      <c r="AD24" s="315">
        <v>2</v>
      </c>
      <c r="AE24" s="315">
        <v>20</v>
      </c>
      <c r="AF24" s="315">
        <v>23</v>
      </c>
      <c r="AG24" s="312">
        <v>65</v>
      </c>
      <c r="AH24" s="317">
        <v>69</v>
      </c>
      <c r="AI24" s="311">
        <v>0</v>
      </c>
      <c r="AJ24" s="315">
        <v>0</v>
      </c>
      <c r="AK24" s="312">
        <v>0</v>
      </c>
      <c r="AL24" s="314">
        <v>0</v>
      </c>
      <c r="AM24" s="315">
        <v>24</v>
      </c>
      <c r="AN24" s="315">
        <v>0</v>
      </c>
      <c r="AO24" s="315">
        <v>0</v>
      </c>
      <c r="AP24" s="315">
        <v>12</v>
      </c>
      <c r="AQ24" s="315">
        <v>21</v>
      </c>
      <c r="AR24" s="312">
        <v>57</v>
      </c>
      <c r="AS24" s="317">
        <v>57</v>
      </c>
      <c r="AT24" s="311">
        <v>0</v>
      </c>
      <c r="AU24" s="315">
        <v>0</v>
      </c>
      <c r="AV24" s="312">
        <v>0</v>
      </c>
      <c r="AW24" s="314">
        <v>0</v>
      </c>
      <c r="AX24" s="315">
        <v>48</v>
      </c>
      <c r="AY24" s="315">
        <v>128</v>
      </c>
      <c r="AZ24" s="315">
        <v>48</v>
      </c>
      <c r="BA24" s="315">
        <v>45</v>
      </c>
      <c r="BB24" s="315">
        <v>23</v>
      </c>
      <c r="BC24" s="316">
        <v>292</v>
      </c>
      <c r="BD24" s="317">
        <v>292</v>
      </c>
      <c r="BE24" s="311">
        <v>0</v>
      </c>
      <c r="BF24" s="315">
        <v>0</v>
      </c>
      <c r="BG24" s="312">
        <v>0</v>
      </c>
      <c r="BH24" s="314">
        <v>0</v>
      </c>
      <c r="BI24" s="315">
        <v>26</v>
      </c>
      <c r="BJ24" s="315">
        <v>3</v>
      </c>
      <c r="BK24" s="315">
        <v>3</v>
      </c>
      <c r="BL24" s="315">
        <v>1</v>
      </c>
      <c r="BM24" s="315">
        <v>10</v>
      </c>
      <c r="BN24" s="312">
        <v>43</v>
      </c>
      <c r="BO24" s="317">
        <v>43</v>
      </c>
      <c r="BP24" s="311">
        <v>0</v>
      </c>
      <c r="BQ24" s="315">
        <v>0</v>
      </c>
      <c r="BR24" s="312">
        <v>0</v>
      </c>
      <c r="BS24" s="314">
        <v>0</v>
      </c>
      <c r="BT24" s="315">
        <v>3</v>
      </c>
      <c r="BU24" s="315">
        <v>0</v>
      </c>
      <c r="BV24" s="315">
        <v>22</v>
      </c>
      <c r="BW24" s="315">
        <v>17</v>
      </c>
      <c r="BX24" s="315">
        <v>0</v>
      </c>
      <c r="BY24" s="312">
        <v>42</v>
      </c>
      <c r="BZ24" s="317">
        <v>42</v>
      </c>
      <c r="CA24" s="311">
        <v>0</v>
      </c>
      <c r="CB24" s="315">
        <v>0</v>
      </c>
      <c r="CC24" s="312">
        <v>0</v>
      </c>
      <c r="CD24" s="314">
        <v>0</v>
      </c>
      <c r="CE24" s="315">
        <v>0</v>
      </c>
      <c r="CF24" s="315">
        <v>0</v>
      </c>
      <c r="CG24" s="315">
        <v>28</v>
      </c>
      <c r="CH24" s="315">
        <v>0</v>
      </c>
      <c r="CI24" s="315">
        <v>0</v>
      </c>
      <c r="CJ24" s="312">
        <v>28</v>
      </c>
      <c r="CK24" s="317">
        <v>28</v>
      </c>
      <c r="CL24" s="311">
        <v>0</v>
      </c>
      <c r="CM24" s="315">
        <v>0</v>
      </c>
      <c r="CN24" s="312">
        <v>0</v>
      </c>
      <c r="CO24" s="314">
        <v>0</v>
      </c>
      <c r="CP24" s="315">
        <v>0</v>
      </c>
      <c r="CQ24" s="315">
        <v>0</v>
      </c>
      <c r="CR24" s="315">
        <v>0</v>
      </c>
      <c r="CS24" s="315">
        <v>0</v>
      </c>
      <c r="CT24" s="315">
        <v>0</v>
      </c>
      <c r="CU24" s="312">
        <v>0</v>
      </c>
      <c r="CV24" s="317">
        <v>0</v>
      </c>
      <c r="CW24" s="311">
        <v>0</v>
      </c>
      <c r="CX24" s="315">
        <v>0</v>
      </c>
      <c r="CY24" s="312">
        <v>0</v>
      </c>
      <c r="CZ24" s="314">
        <v>0</v>
      </c>
      <c r="DA24" s="315">
        <v>0</v>
      </c>
      <c r="DB24" s="315">
        <v>0</v>
      </c>
      <c r="DC24" s="315">
        <v>0</v>
      </c>
      <c r="DD24" s="315">
        <v>0</v>
      </c>
      <c r="DE24" s="315">
        <v>0</v>
      </c>
      <c r="DF24" s="312">
        <v>0</v>
      </c>
      <c r="DG24" s="317">
        <v>0</v>
      </c>
    </row>
    <row r="25" spans="1:111" ht="18.75" customHeight="1" x14ac:dyDescent="0.2">
      <c r="A25" s="296" t="s">
        <v>23</v>
      </c>
      <c r="B25" s="311">
        <v>0</v>
      </c>
      <c r="C25" s="315">
        <v>0</v>
      </c>
      <c r="D25" s="437">
        <v>0</v>
      </c>
      <c r="E25" s="314">
        <v>0</v>
      </c>
      <c r="F25" s="315">
        <v>42</v>
      </c>
      <c r="G25" s="315">
        <v>131</v>
      </c>
      <c r="H25" s="315">
        <v>224</v>
      </c>
      <c r="I25" s="315">
        <v>155</v>
      </c>
      <c r="J25" s="315">
        <v>117</v>
      </c>
      <c r="K25" s="316">
        <v>669</v>
      </c>
      <c r="L25" s="317">
        <v>669</v>
      </c>
      <c r="M25" s="311">
        <v>0</v>
      </c>
      <c r="N25" s="315">
        <v>0</v>
      </c>
      <c r="O25" s="312">
        <v>0</v>
      </c>
      <c r="P25" s="314">
        <v>0</v>
      </c>
      <c r="Q25" s="315">
        <v>2</v>
      </c>
      <c r="R25" s="315">
        <v>0</v>
      </c>
      <c r="S25" s="315">
        <v>0</v>
      </c>
      <c r="T25" s="315">
        <v>2</v>
      </c>
      <c r="U25" s="315">
        <v>0</v>
      </c>
      <c r="V25" s="312">
        <v>4</v>
      </c>
      <c r="W25" s="317">
        <v>4</v>
      </c>
      <c r="X25" s="311">
        <v>41</v>
      </c>
      <c r="Y25" s="315">
        <v>16</v>
      </c>
      <c r="Z25" s="312">
        <v>57</v>
      </c>
      <c r="AA25" s="314">
        <v>0</v>
      </c>
      <c r="AB25" s="315">
        <v>87</v>
      </c>
      <c r="AC25" s="315">
        <v>128</v>
      </c>
      <c r="AD25" s="315">
        <v>53</v>
      </c>
      <c r="AE25" s="315">
        <v>31</v>
      </c>
      <c r="AF25" s="315">
        <v>0</v>
      </c>
      <c r="AG25" s="312">
        <v>299</v>
      </c>
      <c r="AH25" s="317">
        <v>356</v>
      </c>
      <c r="AI25" s="311">
        <v>0</v>
      </c>
      <c r="AJ25" s="315">
        <v>0</v>
      </c>
      <c r="AK25" s="312">
        <v>0</v>
      </c>
      <c r="AL25" s="314">
        <v>0</v>
      </c>
      <c r="AM25" s="315">
        <v>0</v>
      </c>
      <c r="AN25" s="315">
        <v>0</v>
      </c>
      <c r="AO25" s="315">
        <v>0</v>
      </c>
      <c r="AP25" s="315">
        <v>0</v>
      </c>
      <c r="AQ25" s="315">
        <v>0</v>
      </c>
      <c r="AR25" s="312">
        <v>0</v>
      </c>
      <c r="AS25" s="317">
        <v>0</v>
      </c>
      <c r="AT25" s="311">
        <v>0</v>
      </c>
      <c r="AU25" s="315">
        <v>0</v>
      </c>
      <c r="AV25" s="312">
        <v>0</v>
      </c>
      <c r="AW25" s="314">
        <v>0</v>
      </c>
      <c r="AX25" s="315">
        <v>128</v>
      </c>
      <c r="AY25" s="315">
        <v>57</v>
      </c>
      <c r="AZ25" s="315">
        <v>95</v>
      </c>
      <c r="BA25" s="315">
        <v>35</v>
      </c>
      <c r="BB25" s="315">
        <v>5</v>
      </c>
      <c r="BC25" s="316">
        <v>320</v>
      </c>
      <c r="BD25" s="317">
        <v>320</v>
      </c>
      <c r="BE25" s="311">
        <v>0</v>
      </c>
      <c r="BF25" s="315">
        <v>0</v>
      </c>
      <c r="BG25" s="312">
        <v>0</v>
      </c>
      <c r="BH25" s="314">
        <v>0</v>
      </c>
      <c r="BI25" s="315">
        <v>16</v>
      </c>
      <c r="BJ25" s="315">
        <v>21</v>
      </c>
      <c r="BK25" s="315">
        <v>17</v>
      </c>
      <c r="BL25" s="315">
        <v>39</v>
      </c>
      <c r="BM25" s="315">
        <v>0</v>
      </c>
      <c r="BN25" s="312">
        <v>93</v>
      </c>
      <c r="BO25" s="317">
        <v>93</v>
      </c>
      <c r="BP25" s="311">
        <v>0</v>
      </c>
      <c r="BQ25" s="315">
        <v>0</v>
      </c>
      <c r="BR25" s="312">
        <v>0</v>
      </c>
      <c r="BS25" s="314">
        <v>0</v>
      </c>
      <c r="BT25" s="315">
        <v>0</v>
      </c>
      <c r="BU25" s="315">
        <v>0</v>
      </c>
      <c r="BV25" s="315">
        <v>32</v>
      </c>
      <c r="BW25" s="315">
        <v>38</v>
      </c>
      <c r="BX25" s="315">
        <v>0</v>
      </c>
      <c r="BY25" s="312">
        <v>70</v>
      </c>
      <c r="BZ25" s="317">
        <v>70</v>
      </c>
      <c r="CA25" s="311">
        <v>0</v>
      </c>
      <c r="CB25" s="315">
        <v>0</v>
      </c>
      <c r="CC25" s="312">
        <v>0</v>
      </c>
      <c r="CD25" s="314">
        <v>0</v>
      </c>
      <c r="CE25" s="315">
        <v>3</v>
      </c>
      <c r="CF25" s="315">
        <v>0</v>
      </c>
      <c r="CG25" s="315">
        <v>0</v>
      </c>
      <c r="CH25" s="315">
        <v>0</v>
      </c>
      <c r="CI25" s="315">
        <v>0</v>
      </c>
      <c r="CJ25" s="312">
        <v>3</v>
      </c>
      <c r="CK25" s="317">
        <v>3</v>
      </c>
      <c r="CL25" s="311">
        <v>0</v>
      </c>
      <c r="CM25" s="315">
        <v>0</v>
      </c>
      <c r="CN25" s="312">
        <v>0</v>
      </c>
      <c r="CO25" s="314">
        <v>0</v>
      </c>
      <c r="CP25" s="315">
        <v>0</v>
      </c>
      <c r="CQ25" s="315">
        <v>0</v>
      </c>
      <c r="CR25" s="315">
        <v>0</v>
      </c>
      <c r="CS25" s="315">
        <v>0</v>
      </c>
      <c r="CT25" s="315">
        <v>0</v>
      </c>
      <c r="CU25" s="312">
        <v>0</v>
      </c>
      <c r="CV25" s="317">
        <v>0</v>
      </c>
      <c r="CW25" s="311">
        <v>0</v>
      </c>
      <c r="CX25" s="315">
        <v>0</v>
      </c>
      <c r="CY25" s="312">
        <v>0</v>
      </c>
      <c r="CZ25" s="314">
        <v>0</v>
      </c>
      <c r="DA25" s="315">
        <v>0</v>
      </c>
      <c r="DB25" s="315">
        <v>0</v>
      </c>
      <c r="DC25" s="315">
        <v>0</v>
      </c>
      <c r="DD25" s="315">
        <v>0</v>
      </c>
      <c r="DE25" s="315">
        <v>0</v>
      </c>
      <c r="DF25" s="312">
        <v>0</v>
      </c>
      <c r="DG25" s="317">
        <v>0</v>
      </c>
    </row>
    <row r="26" spans="1:111" ht="18.75" customHeight="1" x14ac:dyDescent="0.2">
      <c r="A26" s="296" t="s">
        <v>24</v>
      </c>
      <c r="B26" s="311">
        <v>0</v>
      </c>
      <c r="C26" s="315">
        <v>0</v>
      </c>
      <c r="D26" s="437">
        <v>0</v>
      </c>
      <c r="E26" s="314">
        <v>0</v>
      </c>
      <c r="F26" s="315">
        <v>119</v>
      </c>
      <c r="G26" s="315">
        <v>90</v>
      </c>
      <c r="H26" s="315">
        <v>69</v>
      </c>
      <c r="I26" s="315">
        <v>216</v>
      </c>
      <c r="J26" s="315">
        <v>10</v>
      </c>
      <c r="K26" s="316">
        <v>504</v>
      </c>
      <c r="L26" s="317">
        <v>504</v>
      </c>
      <c r="M26" s="311">
        <v>0</v>
      </c>
      <c r="N26" s="315">
        <v>0</v>
      </c>
      <c r="O26" s="312">
        <v>0</v>
      </c>
      <c r="P26" s="314">
        <v>0</v>
      </c>
      <c r="Q26" s="315">
        <v>0</v>
      </c>
      <c r="R26" s="315">
        <v>1</v>
      </c>
      <c r="S26" s="315">
        <v>0</v>
      </c>
      <c r="T26" s="315">
        <v>4</v>
      </c>
      <c r="U26" s="315">
        <v>8</v>
      </c>
      <c r="V26" s="312">
        <v>13</v>
      </c>
      <c r="W26" s="317">
        <v>13</v>
      </c>
      <c r="X26" s="311">
        <v>21</v>
      </c>
      <c r="Y26" s="315">
        <v>0</v>
      </c>
      <c r="Z26" s="312">
        <v>21</v>
      </c>
      <c r="AA26" s="314">
        <v>0</v>
      </c>
      <c r="AB26" s="315">
        <v>83</v>
      </c>
      <c r="AC26" s="315">
        <v>31</v>
      </c>
      <c r="AD26" s="315">
        <v>48</v>
      </c>
      <c r="AE26" s="315">
        <v>18</v>
      </c>
      <c r="AF26" s="315">
        <v>10</v>
      </c>
      <c r="AG26" s="312">
        <v>190</v>
      </c>
      <c r="AH26" s="317">
        <v>211</v>
      </c>
      <c r="AI26" s="311">
        <v>12</v>
      </c>
      <c r="AJ26" s="315">
        <v>16</v>
      </c>
      <c r="AK26" s="312">
        <v>28</v>
      </c>
      <c r="AL26" s="314">
        <v>0</v>
      </c>
      <c r="AM26" s="315">
        <v>21</v>
      </c>
      <c r="AN26" s="315">
        <v>0</v>
      </c>
      <c r="AO26" s="315">
        <v>0</v>
      </c>
      <c r="AP26" s="315">
        <v>8</v>
      </c>
      <c r="AQ26" s="315">
        <v>0</v>
      </c>
      <c r="AR26" s="312">
        <v>29</v>
      </c>
      <c r="AS26" s="317">
        <v>57</v>
      </c>
      <c r="AT26" s="311">
        <v>0</v>
      </c>
      <c r="AU26" s="315">
        <v>0</v>
      </c>
      <c r="AV26" s="312">
        <v>0</v>
      </c>
      <c r="AW26" s="314">
        <v>0</v>
      </c>
      <c r="AX26" s="315">
        <v>70</v>
      </c>
      <c r="AY26" s="315">
        <v>59</v>
      </c>
      <c r="AZ26" s="315">
        <v>36</v>
      </c>
      <c r="BA26" s="315">
        <v>12</v>
      </c>
      <c r="BB26" s="315">
        <v>0</v>
      </c>
      <c r="BC26" s="316">
        <v>177</v>
      </c>
      <c r="BD26" s="317">
        <v>177</v>
      </c>
      <c r="BE26" s="311">
        <v>0</v>
      </c>
      <c r="BF26" s="315">
        <v>0</v>
      </c>
      <c r="BG26" s="312">
        <v>0</v>
      </c>
      <c r="BH26" s="314">
        <v>0</v>
      </c>
      <c r="BI26" s="315">
        <v>19</v>
      </c>
      <c r="BJ26" s="315">
        <v>11</v>
      </c>
      <c r="BK26" s="315">
        <v>15</v>
      </c>
      <c r="BL26" s="315">
        <v>0</v>
      </c>
      <c r="BM26" s="315">
        <v>0</v>
      </c>
      <c r="BN26" s="312">
        <v>45</v>
      </c>
      <c r="BO26" s="317">
        <v>45</v>
      </c>
      <c r="BP26" s="311">
        <v>0</v>
      </c>
      <c r="BQ26" s="315">
        <v>0</v>
      </c>
      <c r="BR26" s="312">
        <v>0</v>
      </c>
      <c r="BS26" s="314">
        <v>0</v>
      </c>
      <c r="BT26" s="315">
        <v>9</v>
      </c>
      <c r="BU26" s="315">
        <v>0</v>
      </c>
      <c r="BV26" s="315">
        <v>37</v>
      </c>
      <c r="BW26" s="315">
        <v>38</v>
      </c>
      <c r="BX26" s="315">
        <v>6</v>
      </c>
      <c r="BY26" s="312">
        <v>90</v>
      </c>
      <c r="BZ26" s="317">
        <v>90</v>
      </c>
      <c r="CA26" s="311">
        <v>0</v>
      </c>
      <c r="CB26" s="315">
        <v>0</v>
      </c>
      <c r="CC26" s="312">
        <v>0</v>
      </c>
      <c r="CD26" s="314">
        <v>0</v>
      </c>
      <c r="CE26" s="315">
        <v>0</v>
      </c>
      <c r="CF26" s="315">
        <v>0</v>
      </c>
      <c r="CG26" s="315">
        <v>0</v>
      </c>
      <c r="CH26" s="315">
        <v>0</v>
      </c>
      <c r="CI26" s="315">
        <v>0</v>
      </c>
      <c r="CJ26" s="312">
        <v>0</v>
      </c>
      <c r="CK26" s="317">
        <v>0</v>
      </c>
      <c r="CL26" s="311">
        <v>0</v>
      </c>
      <c r="CM26" s="315">
        <v>0</v>
      </c>
      <c r="CN26" s="312">
        <v>0</v>
      </c>
      <c r="CO26" s="314">
        <v>0</v>
      </c>
      <c r="CP26" s="315">
        <v>0</v>
      </c>
      <c r="CQ26" s="315">
        <v>0</v>
      </c>
      <c r="CR26" s="315">
        <v>0</v>
      </c>
      <c r="CS26" s="315">
        <v>0</v>
      </c>
      <c r="CT26" s="315">
        <v>0</v>
      </c>
      <c r="CU26" s="312">
        <v>0</v>
      </c>
      <c r="CV26" s="317">
        <v>0</v>
      </c>
      <c r="CW26" s="311">
        <v>0</v>
      </c>
      <c r="CX26" s="315">
        <v>0</v>
      </c>
      <c r="CY26" s="312">
        <v>0</v>
      </c>
      <c r="CZ26" s="314">
        <v>0</v>
      </c>
      <c r="DA26" s="315">
        <v>0</v>
      </c>
      <c r="DB26" s="315">
        <v>0</v>
      </c>
      <c r="DC26" s="315">
        <v>0</v>
      </c>
      <c r="DD26" s="315">
        <v>0</v>
      </c>
      <c r="DE26" s="315">
        <v>0</v>
      </c>
      <c r="DF26" s="312">
        <v>0</v>
      </c>
      <c r="DG26" s="317">
        <v>0</v>
      </c>
    </row>
    <row r="27" spans="1:111" ht="18.75" customHeight="1" x14ac:dyDescent="0.2">
      <c r="A27" s="296" t="s">
        <v>25</v>
      </c>
      <c r="B27" s="311">
        <v>0</v>
      </c>
      <c r="C27" s="315">
        <v>0</v>
      </c>
      <c r="D27" s="437">
        <v>0</v>
      </c>
      <c r="E27" s="314">
        <v>0</v>
      </c>
      <c r="F27" s="315">
        <v>49</v>
      </c>
      <c r="G27" s="315">
        <v>73</v>
      </c>
      <c r="H27" s="315">
        <v>72</v>
      </c>
      <c r="I27" s="315">
        <v>165</v>
      </c>
      <c r="J27" s="315">
        <v>10</v>
      </c>
      <c r="K27" s="316">
        <v>369</v>
      </c>
      <c r="L27" s="317">
        <v>369</v>
      </c>
      <c r="M27" s="311">
        <v>0</v>
      </c>
      <c r="N27" s="315">
        <v>0</v>
      </c>
      <c r="O27" s="312">
        <v>0</v>
      </c>
      <c r="P27" s="314">
        <v>0</v>
      </c>
      <c r="Q27" s="315">
        <v>4</v>
      </c>
      <c r="R27" s="315">
        <v>0</v>
      </c>
      <c r="S27" s="315">
        <v>0</v>
      </c>
      <c r="T27" s="315">
        <v>6</v>
      </c>
      <c r="U27" s="315">
        <v>8</v>
      </c>
      <c r="V27" s="312">
        <v>18</v>
      </c>
      <c r="W27" s="317">
        <v>18</v>
      </c>
      <c r="X27" s="311">
        <v>0</v>
      </c>
      <c r="Y27" s="315">
        <v>6</v>
      </c>
      <c r="Z27" s="312">
        <v>6</v>
      </c>
      <c r="AA27" s="314">
        <v>0</v>
      </c>
      <c r="AB27" s="315">
        <v>54</v>
      </c>
      <c r="AC27" s="315">
        <v>22</v>
      </c>
      <c r="AD27" s="315">
        <v>4</v>
      </c>
      <c r="AE27" s="315">
        <v>2</v>
      </c>
      <c r="AF27" s="315">
        <v>40</v>
      </c>
      <c r="AG27" s="312">
        <v>122</v>
      </c>
      <c r="AH27" s="317">
        <v>128</v>
      </c>
      <c r="AI27" s="311">
        <v>0</v>
      </c>
      <c r="AJ27" s="315">
        <v>12</v>
      </c>
      <c r="AK27" s="312">
        <v>12</v>
      </c>
      <c r="AL27" s="314">
        <v>0</v>
      </c>
      <c r="AM27" s="315">
        <v>4</v>
      </c>
      <c r="AN27" s="315">
        <v>0</v>
      </c>
      <c r="AO27" s="315">
        <v>0</v>
      </c>
      <c r="AP27" s="315">
        <v>0</v>
      </c>
      <c r="AQ27" s="315">
        <v>11</v>
      </c>
      <c r="AR27" s="312">
        <v>15</v>
      </c>
      <c r="AS27" s="317">
        <v>27</v>
      </c>
      <c r="AT27" s="311">
        <v>0</v>
      </c>
      <c r="AU27" s="315">
        <v>0</v>
      </c>
      <c r="AV27" s="312">
        <v>0</v>
      </c>
      <c r="AW27" s="314">
        <v>0</v>
      </c>
      <c r="AX27" s="315">
        <v>86</v>
      </c>
      <c r="AY27" s="315">
        <v>27</v>
      </c>
      <c r="AZ27" s="315">
        <v>10</v>
      </c>
      <c r="BA27" s="315">
        <v>31</v>
      </c>
      <c r="BB27" s="315">
        <v>7</v>
      </c>
      <c r="BC27" s="316">
        <v>161</v>
      </c>
      <c r="BD27" s="317">
        <v>161</v>
      </c>
      <c r="BE27" s="311">
        <v>0</v>
      </c>
      <c r="BF27" s="315">
        <v>0</v>
      </c>
      <c r="BG27" s="312">
        <v>0</v>
      </c>
      <c r="BH27" s="314">
        <v>0</v>
      </c>
      <c r="BI27" s="315">
        <v>15</v>
      </c>
      <c r="BJ27" s="315">
        <v>19</v>
      </c>
      <c r="BK27" s="315">
        <v>6</v>
      </c>
      <c r="BL27" s="315">
        <v>10</v>
      </c>
      <c r="BM27" s="315">
        <v>4</v>
      </c>
      <c r="BN27" s="312">
        <v>54</v>
      </c>
      <c r="BO27" s="317">
        <v>54</v>
      </c>
      <c r="BP27" s="311">
        <v>0</v>
      </c>
      <c r="BQ27" s="315">
        <v>0</v>
      </c>
      <c r="BR27" s="312">
        <v>0</v>
      </c>
      <c r="BS27" s="314">
        <v>0</v>
      </c>
      <c r="BT27" s="315">
        <v>8</v>
      </c>
      <c r="BU27" s="315">
        <v>0</v>
      </c>
      <c r="BV27" s="315">
        <v>6</v>
      </c>
      <c r="BW27" s="315">
        <v>4</v>
      </c>
      <c r="BX27" s="315">
        <v>0</v>
      </c>
      <c r="BY27" s="312">
        <v>18</v>
      </c>
      <c r="BZ27" s="317">
        <v>18</v>
      </c>
      <c r="CA27" s="311">
        <v>0</v>
      </c>
      <c r="CB27" s="315">
        <v>0</v>
      </c>
      <c r="CC27" s="312">
        <v>0</v>
      </c>
      <c r="CD27" s="314">
        <v>0</v>
      </c>
      <c r="CE27" s="315">
        <v>0</v>
      </c>
      <c r="CF27" s="315">
        <v>0</v>
      </c>
      <c r="CG27" s="315">
        <v>0</v>
      </c>
      <c r="CH27" s="315">
        <v>0</v>
      </c>
      <c r="CI27" s="315">
        <v>13</v>
      </c>
      <c r="CJ27" s="312">
        <v>13</v>
      </c>
      <c r="CK27" s="317">
        <v>13</v>
      </c>
      <c r="CL27" s="311">
        <v>0</v>
      </c>
      <c r="CM27" s="315">
        <v>0</v>
      </c>
      <c r="CN27" s="312">
        <v>0</v>
      </c>
      <c r="CO27" s="314">
        <v>0</v>
      </c>
      <c r="CP27" s="315">
        <v>0</v>
      </c>
      <c r="CQ27" s="315">
        <v>0</v>
      </c>
      <c r="CR27" s="315">
        <v>0</v>
      </c>
      <c r="CS27" s="315">
        <v>0</v>
      </c>
      <c r="CT27" s="315">
        <v>0</v>
      </c>
      <c r="CU27" s="312">
        <v>0</v>
      </c>
      <c r="CV27" s="317">
        <v>0</v>
      </c>
      <c r="CW27" s="311">
        <v>0</v>
      </c>
      <c r="CX27" s="315">
        <v>0</v>
      </c>
      <c r="CY27" s="312">
        <v>0</v>
      </c>
      <c r="CZ27" s="314">
        <v>0</v>
      </c>
      <c r="DA27" s="315">
        <v>0</v>
      </c>
      <c r="DB27" s="315">
        <v>0</v>
      </c>
      <c r="DC27" s="315">
        <v>0</v>
      </c>
      <c r="DD27" s="315">
        <v>0</v>
      </c>
      <c r="DE27" s="315">
        <v>0</v>
      </c>
      <c r="DF27" s="312">
        <v>0</v>
      </c>
      <c r="DG27" s="317">
        <v>0</v>
      </c>
    </row>
    <row r="28" spans="1:111" ht="18.75" customHeight="1" x14ac:dyDescent="0.2">
      <c r="A28" s="296" t="s">
        <v>26</v>
      </c>
      <c r="B28" s="311">
        <v>0</v>
      </c>
      <c r="C28" s="315">
        <v>0</v>
      </c>
      <c r="D28" s="437">
        <v>0</v>
      </c>
      <c r="E28" s="314">
        <v>0</v>
      </c>
      <c r="F28" s="315">
        <v>12</v>
      </c>
      <c r="G28" s="315">
        <v>158</v>
      </c>
      <c r="H28" s="315">
        <v>97</v>
      </c>
      <c r="I28" s="315">
        <v>50</v>
      </c>
      <c r="J28" s="315">
        <v>70</v>
      </c>
      <c r="K28" s="316">
        <v>387</v>
      </c>
      <c r="L28" s="317">
        <v>387</v>
      </c>
      <c r="M28" s="311">
        <v>0</v>
      </c>
      <c r="N28" s="315">
        <v>0</v>
      </c>
      <c r="O28" s="312">
        <v>0</v>
      </c>
      <c r="P28" s="314">
        <v>0</v>
      </c>
      <c r="Q28" s="315">
        <v>0</v>
      </c>
      <c r="R28" s="315">
        <v>0</v>
      </c>
      <c r="S28" s="315">
        <v>7</v>
      </c>
      <c r="T28" s="315">
        <v>10</v>
      </c>
      <c r="U28" s="315">
        <v>8</v>
      </c>
      <c r="V28" s="312">
        <v>25</v>
      </c>
      <c r="W28" s="317">
        <v>25</v>
      </c>
      <c r="X28" s="311">
        <v>0</v>
      </c>
      <c r="Y28" s="315">
        <v>7</v>
      </c>
      <c r="Z28" s="312">
        <v>7</v>
      </c>
      <c r="AA28" s="314">
        <v>0</v>
      </c>
      <c r="AB28" s="315">
        <v>13</v>
      </c>
      <c r="AC28" s="315">
        <v>21</v>
      </c>
      <c r="AD28" s="315">
        <v>34</v>
      </c>
      <c r="AE28" s="315">
        <v>28</v>
      </c>
      <c r="AF28" s="315">
        <v>25</v>
      </c>
      <c r="AG28" s="312">
        <v>121</v>
      </c>
      <c r="AH28" s="317">
        <v>128</v>
      </c>
      <c r="AI28" s="311">
        <v>0</v>
      </c>
      <c r="AJ28" s="315">
        <v>0</v>
      </c>
      <c r="AK28" s="312">
        <v>0</v>
      </c>
      <c r="AL28" s="314">
        <v>0</v>
      </c>
      <c r="AM28" s="315">
        <v>0</v>
      </c>
      <c r="AN28" s="315">
        <v>12</v>
      </c>
      <c r="AO28" s="315">
        <v>22</v>
      </c>
      <c r="AP28" s="315">
        <v>0</v>
      </c>
      <c r="AQ28" s="315">
        <v>0</v>
      </c>
      <c r="AR28" s="312">
        <v>34</v>
      </c>
      <c r="AS28" s="317">
        <v>34</v>
      </c>
      <c r="AT28" s="311">
        <v>0</v>
      </c>
      <c r="AU28" s="315">
        <v>0</v>
      </c>
      <c r="AV28" s="312">
        <v>0</v>
      </c>
      <c r="AW28" s="314">
        <v>0</v>
      </c>
      <c r="AX28" s="315">
        <v>56</v>
      </c>
      <c r="AY28" s="315">
        <v>68</v>
      </c>
      <c r="AZ28" s="315">
        <v>18</v>
      </c>
      <c r="BA28" s="315">
        <v>0</v>
      </c>
      <c r="BB28" s="315">
        <v>21</v>
      </c>
      <c r="BC28" s="316">
        <v>163</v>
      </c>
      <c r="BD28" s="317">
        <v>163</v>
      </c>
      <c r="BE28" s="311">
        <v>0</v>
      </c>
      <c r="BF28" s="315">
        <v>0</v>
      </c>
      <c r="BG28" s="312">
        <v>0</v>
      </c>
      <c r="BH28" s="314">
        <v>0</v>
      </c>
      <c r="BI28" s="315">
        <v>0</v>
      </c>
      <c r="BJ28" s="315">
        <v>24</v>
      </c>
      <c r="BK28" s="315">
        <v>26</v>
      </c>
      <c r="BL28" s="315">
        <v>0</v>
      </c>
      <c r="BM28" s="315">
        <v>0</v>
      </c>
      <c r="BN28" s="312">
        <v>50</v>
      </c>
      <c r="BO28" s="317">
        <v>50</v>
      </c>
      <c r="BP28" s="311">
        <v>0</v>
      </c>
      <c r="BQ28" s="315">
        <v>0</v>
      </c>
      <c r="BR28" s="312">
        <v>0</v>
      </c>
      <c r="BS28" s="314">
        <v>0</v>
      </c>
      <c r="BT28" s="315">
        <v>2</v>
      </c>
      <c r="BU28" s="315">
        <v>20</v>
      </c>
      <c r="BV28" s="315">
        <v>0</v>
      </c>
      <c r="BW28" s="315">
        <v>27</v>
      </c>
      <c r="BX28" s="315">
        <v>0</v>
      </c>
      <c r="BY28" s="312">
        <v>49</v>
      </c>
      <c r="BZ28" s="317">
        <v>49</v>
      </c>
      <c r="CA28" s="311">
        <v>0</v>
      </c>
      <c r="CB28" s="315">
        <v>0</v>
      </c>
      <c r="CC28" s="312">
        <v>0</v>
      </c>
      <c r="CD28" s="314">
        <v>0</v>
      </c>
      <c r="CE28" s="315">
        <v>0</v>
      </c>
      <c r="CF28" s="315">
        <v>0</v>
      </c>
      <c r="CG28" s="315">
        <v>4</v>
      </c>
      <c r="CH28" s="315">
        <v>0</v>
      </c>
      <c r="CI28" s="315">
        <v>0</v>
      </c>
      <c r="CJ28" s="312">
        <v>4</v>
      </c>
      <c r="CK28" s="317">
        <v>4</v>
      </c>
      <c r="CL28" s="311">
        <v>0</v>
      </c>
      <c r="CM28" s="315">
        <v>0</v>
      </c>
      <c r="CN28" s="312">
        <v>0</v>
      </c>
      <c r="CO28" s="314">
        <v>0</v>
      </c>
      <c r="CP28" s="315">
        <v>0</v>
      </c>
      <c r="CQ28" s="315">
        <v>0</v>
      </c>
      <c r="CR28" s="315">
        <v>0</v>
      </c>
      <c r="CS28" s="315">
        <v>0</v>
      </c>
      <c r="CT28" s="315">
        <v>0</v>
      </c>
      <c r="CU28" s="312">
        <v>0</v>
      </c>
      <c r="CV28" s="317">
        <v>0</v>
      </c>
      <c r="CW28" s="311">
        <v>0</v>
      </c>
      <c r="CX28" s="315">
        <v>0</v>
      </c>
      <c r="CY28" s="312">
        <v>0</v>
      </c>
      <c r="CZ28" s="314">
        <v>0</v>
      </c>
      <c r="DA28" s="315">
        <v>0</v>
      </c>
      <c r="DB28" s="315">
        <v>0</v>
      </c>
      <c r="DC28" s="315">
        <v>0</v>
      </c>
      <c r="DD28" s="315">
        <v>0</v>
      </c>
      <c r="DE28" s="315">
        <v>0</v>
      </c>
      <c r="DF28" s="312">
        <v>0</v>
      </c>
      <c r="DG28" s="317">
        <v>0</v>
      </c>
    </row>
    <row r="29" spans="1:111" ht="18.75" customHeight="1" x14ac:dyDescent="0.2">
      <c r="A29" s="296" t="s">
        <v>27</v>
      </c>
      <c r="B29" s="311">
        <v>0</v>
      </c>
      <c r="C29" s="315">
        <v>0</v>
      </c>
      <c r="D29" s="437">
        <v>0</v>
      </c>
      <c r="E29" s="314">
        <v>0</v>
      </c>
      <c r="F29" s="315">
        <v>33</v>
      </c>
      <c r="G29" s="315">
        <v>4</v>
      </c>
      <c r="H29" s="315">
        <v>243</v>
      </c>
      <c r="I29" s="315">
        <v>221</v>
      </c>
      <c r="J29" s="315">
        <v>0</v>
      </c>
      <c r="K29" s="316">
        <v>501</v>
      </c>
      <c r="L29" s="317">
        <v>501</v>
      </c>
      <c r="M29" s="311">
        <v>0</v>
      </c>
      <c r="N29" s="315">
        <v>0</v>
      </c>
      <c r="O29" s="312">
        <v>0</v>
      </c>
      <c r="P29" s="314">
        <v>0</v>
      </c>
      <c r="Q29" s="315">
        <v>1</v>
      </c>
      <c r="R29" s="315">
        <v>0</v>
      </c>
      <c r="S29" s="315">
        <v>0</v>
      </c>
      <c r="T29" s="315">
        <v>1</v>
      </c>
      <c r="U29" s="315">
        <v>4</v>
      </c>
      <c r="V29" s="312">
        <v>6</v>
      </c>
      <c r="W29" s="317">
        <v>6</v>
      </c>
      <c r="X29" s="311">
        <v>0</v>
      </c>
      <c r="Y29" s="315">
        <v>14</v>
      </c>
      <c r="Z29" s="312">
        <v>14</v>
      </c>
      <c r="AA29" s="314">
        <v>0</v>
      </c>
      <c r="AB29" s="315">
        <v>38</v>
      </c>
      <c r="AC29" s="315">
        <v>67</v>
      </c>
      <c r="AD29" s="315">
        <v>8</v>
      </c>
      <c r="AE29" s="315">
        <v>48</v>
      </c>
      <c r="AF29" s="315">
        <v>25</v>
      </c>
      <c r="AG29" s="312">
        <v>186</v>
      </c>
      <c r="AH29" s="317">
        <v>200</v>
      </c>
      <c r="AI29" s="311">
        <v>0</v>
      </c>
      <c r="AJ29" s="315">
        <v>12</v>
      </c>
      <c r="AK29" s="312">
        <v>12</v>
      </c>
      <c r="AL29" s="314">
        <v>0</v>
      </c>
      <c r="AM29" s="315">
        <v>0</v>
      </c>
      <c r="AN29" s="315">
        <v>0</v>
      </c>
      <c r="AO29" s="315">
        <v>0</v>
      </c>
      <c r="AP29" s="315">
        <v>0</v>
      </c>
      <c r="AQ29" s="315">
        <v>0</v>
      </c>
      <c r="AR29" s="312">
        <v>0</v>
      </c>
      <c r="AS29" s="317">
        <v>12</v>
      </c>
      <c r="AT29" s="311">
        <v>0</v>
      </c>
      <c r="AU29" s="315">
        <v>0</v>
      </c>
      <c r="AV29" s="312">
        <v>0</v>
      </c>
      <c r="AW29" s="314">
        <v>0</v>
      </c>
      <c r="AX29" s="315">
        <v>46</v>
      </c>
      <c r="AY29" s="315">
        <v>51</v>
      </c>
      <c r="AZ29" s="315">
        <v>52</v>
      </c>
      <c r="BA29" s="315">
        <v>35</v>
      </c>
      <c r="BB29" s="315">
        <v>21</v>
      </c>
      <c r="BC29" s="316">
        <v>205</v>
      </c>
      <c r="BD29" s="317">
        <v>205</v>
      </c>
      <c r="BE29" s="311">
        <v>0</v>
      </c>
      <c r="BF29" s="315">
        <v>0</v>
      </c>
      <c r="BG29" s="312">
        <v>0</v>
      </c>
      <c r="BH29" s="314">
        <v>0</v>
      </c>
      <c r="BI29" s="315">
        <v>6</v>
      </c>
      <c r="BJ29" s="315">
        <v>27</v>
      </c>
      <c r="BK29" s="315">
        <v>7</v>
      </c>
      <c r="BL29" s="315">
        <v>2</v>
      </c>
      <c r="BM29" s="315">
        <v>4</v>
      </c>
      <c r="BN29" s="312">
        <v>46</v>
      </c>
      <c r="BO29" s="317">
        <v>46</v>
      </c>
      <c r="BP29" s="311">
        <v>0</v>
      </c>
      <c r="BQ29" s="315">
        <v>0</v>
      </c>
      <c r="BR29" s="312">
        <v>0</v>
      </c>
      <c r="BS29" s="314">
        <v>0</v>
      </c>
      <c r="BT29" s="315">
        <v>12</v>
      </c>
      <c r="BU29" s="315">
        <v>2</v>
      </c>
      <c r="BV29" s="315">
        <v>8</v>
      </c>
      <c r="BW29" s="315">
        <v>0</v>
      </c>
      <c r="BX29" s="315">
        <v>6</v>
      </c>
      <c r="BY29" s="312">
        <v>28</v>
      </c>
      <c r="BZ29" s="317">
        <v>28</v>
      </c>
      <c r="CA29" s="311">
        <v>0</v>
      </c>
      <c r="CB29" s="315">
        <v>0</v>
      </c>
      <c r="CC29" s="312">
        <v>0</v>
      </c>
      <c r="CD29" s="314">
        <v>0</v>
      </c>
      <c r="CE29" s="315">
        <v>0</v>
      </c>
      <c r="CF29" s="315">
        <v>0</v>
      </c>
      <c r="CG29" s="315">
        <v>4</v>
      </c>
      <c r="CH29" s="315">
        <v>0</v>
      </c>
      <c r="CI29" s="315">
        <v>0</v>
      </c>
      <c r="CJ29" s="312">
        <v>4</v>
      </c>
      <c r="CK29" s="317">
        <v>4</v>
      </c>
      <c r="CL29" s="311">
        <v>0</v>
      </c>
      <c r="CM29" s="315">
        <v>0</v>
      </c>
      <c r="CN29" s="312">
        <v>0</v>
      </c>
      <c r="CO29" s="314">
        <v>0</v>
      </c>
      <c r="CP29" s="315">
        <v>0</v>
      </c>
      <c r="CQ29" s="315">
        <v>0</v>
      </c>
      <c r="CR29" s="315">
        <v>0</v>
      </c>
      <c r="CS29" s="315">
        <v>0</v>
      </c>
      <c r="CT29" s="315">
        <v>0</v>
      </c>
      <c r="CU29" s="312">
        <v>0</v>
      </c>
      <c r="CV29" s="317">
        <v>0</v>
      </c>
      <c r="CW29" s="311">
        <v>0</v>
      </c>
      <c r="CX29" s="315">
        <v>0</v>
      </c>
      <c r="CY29" s="312">
        <v>0</v>
      </c>
      <c r="CZ29" s="314">
        <v>0</v>
      </c>
      <c r="DA29" s="315">
        <v>0</v>
      </c>
      <c r="DB29" s="315">
        <v>0</v>
      </c>
      <c r="DC29" s="315">
        <v>0</v>
      </c>
      <c r="DD29" s="315">
        <v>0</v>
      </c>
      <c r="DE29" s="315">
        <v>0</v>
      </c>
      <c r="DF29" s="312">
        <v>0</v>
      </c>
      <c r="DG29" s="317">
        <v>0</v>
      </c>
    </row>
    <row r="30" spans="1:111" ht="18.75" customHeight="1" x14ac:dyDescent="0.2">
      <c r="A30" s="296" t="s">
        <v>28</v>
      </c>
      <c r="B30" s="311">
        <v>0</v>
      </c>
      <c r="C30" s="315">
        <v>0</v>
      </c>
      <c r="D30" s="437">
        <v>0</v>
      </c>
      <c r="E30" s="314">
        <v>0</v>
      </c>
      <c r="F30" s="315">
        <v>0</v>
      </c>
      <c r="G30" s="315">
        <v>0</v>
      </c>
      <c r="H30" s="315">
        <v>12</v>
      </c>
      <c r="I30" s="315">
        <v>0</v>
      </c>
      <c r="J30" s="315">
        <v>0</v>
      </c>
      <c r="K30" s="316">
        <v>12</v>
      </c>
      <c r="L30" s="317">
        <v>12</v>
      </c>
      <c r="M30" s="311">
        <v>0</v>
      </c>
      <c r="N30" s="315">
        <v>0</v>
      </c>
      <c r="O30" s="312">
        <v>0</v>
      </c>
      <c r="P30" s="314">
        <v>0</v>
      </c>
      <c r="Q30" s="315">
        <v>0</v>
      </c>
      <c r="R30" s="315">
        <v>0</v>
      </c>
      <c r="S30" s="315">
        <v>0</v>
      </c>
      <c r="T30" s="315">
        <v>0</v>
      </c>
      <c r="U30" s="315">
        <v>0</v>
      </c>
      <c r="V30" s="312">
        <v>0</v>
      </c>
      <c r="W30" s="317">
        <v>0</v>
      </c>
      <c r="X30" s="311">
        <v>0</v>
      </c>
      <c r="Y30" s="315">
        <v>0</v>
      </c>
      <c r="Z30" s="312">
        <v>0</v>
      </c>
      <c r="AA30" s="314">
        <v>0</v>
      </c>
      <c r="AB30" s="315">
        <v>0</v>
      </c>
      <c r="AC30" s="315">
        <v>17</v>
      </c>
      <c r="AD30" s="315">
        <v>3</v>
      </c>
      <c r="AE30" s="315">
        <v>0</v>
      </c>
      <c r="AF30" s="315">
        <v>0</v>
      </c>
      <c r="AG30" s="312">
        <v>20</v>
      </c>
      <c r="AH30" s="317">
        <v>20</v>
      </c>
      <c r="AI30" s="311">
        <v>0</v>
      </c>
      <c r="AJ30" s="315">
        <v>0</v>
      </c>
      <c r="AK30" s="312">
        <v>0</v>
      </c>
      <c r="AL30" s="314">
        <v>0</v>
      </c>
      <c r="AM30" s="315">
        <v>0</v>
      </c>
      <c r="AN30" s="315">
        <v>0</v>
      </c>
      <c r="AO30" s="315">
        <v>0</v>
      </c>
      <c r="AP30" s="315">
        <v>0</v>
      </c>
      <c r="AQ30" s="315">
        <v>0</v>
      </c>
      <c r="AR30" s="312">
        <v>0</v>
      </c>
      <c r="AS30" s="317">
        <v>0</v>
      </c>
      <c r="AT30" s="311">
        <v>0</v>
      </c>
      <c r="AU30" s="315">
        <v>0</v>
      </c>
      <c r="AV30" s="312">
        <v>0</v>
      </c>
      <c r="AW30" s="314">
        <v>0</v>
      </c>
      <c r="AX30" s="315">
        <v>24</v>
      </c>
      <c r="AY30" s="315">
        <v>0</v>
      </c>
      <c r="AZ30" s="315">
        <v>0</v>
      </c>
      <c r="BA30" s="315">
        <v>0</v>
      </c>
      <c r="BB30" s="315">
        <v>0</v>
      </c>
      <c r="BC30" s="316">
        <v>24</v>
      </c>
      <c r="BD30" s="317">
        <v>24</v>
      </c>
      <c r="BE30" s="311">
        <v>0</v>
      </c>
      <c r="BF30" s="315">
        <v>0</v>
      </c>
      <c r="BG30" s="312">
        <v>0</v>
      </c>
      <c r="BH30" s="314">
        <v>0</v>
      </c>
      <c r="BI30" s="315">
        <v>0</v>
      </c>
      <c r="BJ30" s="315">
        <v>0</v>
      </c>
      <c r="BK30" s="315">
        <v>0</v>
      </c>
      <c r="BL30" s="315">
        <v>0</v>
      </c>
      <c r="BM30" s="315">
        <v>0</v>
      </c>
      <c r="BN30" s="312">
        <v>0</v>
      </c>
      <c r="BO30" s="317">
        <v>0</v>
      </c>
      <c r="BP30" s="311">
        <v>0</v>
      </c>
      <c r="BQ30" s="315">
        <v>0</v>
      </c>
      <c r="BR30" s="312">
        <v>0</v>
      </c>
      <c r="BS30" s="314">
        <v>0</v>
      </c>
      <c r="BT30" s="315">
        <v>0</v>
      </c>
      <c r="BU30" s="315">
        <v>4</v>
      </c>
      <c r="BV30" s="315">
        <v>0</v>
      </c>
      <c r="BW30" s="315">
        <v>0</v>
      </c>
      <c r="BX30" s="315">
        <v>2</v>
      </c>
      <c r="BY30" s="312">
        <v>6</v>
      </c>
      <c r="BZ30" s="317">
        <v>6</v>
      </c>
      <c r="CA30" s="311">
        <v>0</v>
      </c>
      <c r="CB30" s="315">
        <v>0</v>
      </c>
      <c r="CC30" s="312">
        <v>0</v>
      </c>
      <c r="CD30" s="314">
        <v>0</v>
      </c>
      <c r="CE30" s="315">
        <v>0</v>
      </c>
      <c r="CF30" s="315">
        <v>0</v>
      </c>
      <c r="CG30" s="315">
        <v>0</v>
      </c>
      <c r="CH30" s="315">
        <v>0</v>
      </c>
      <c r="CI30" s="315">
        <v>0</v>
      </c>
      <c r="CJ30" s="312">
        <v>0</v>
      </c>
      <c r="CK30" s="317">
        <v>0</v>
      </c>
      <c r="CL30" s="311">
        <v>0</v>
      </c>
      <c r="CM30" s="315">
        <v>0</v>
      </c>
      <c r="CN30" s="312">
        <v>0</v>
      </c>
      <c r="CO30" s="314">
        <v>0</v>
      </c>
      <c r="CP30" s="315">
        <v>0</v>
      </c>
      <c r="CQ30" s="315">
        <v>0</v>
      </c>
      <c r="CR30" s="315">
        <v>0</v>
      </c>
      <c r="CS30" s="315">
        <v>0</v>
      </c>
      <c r="CT30" s="315">
        <v>0</v>
      </c>
      <c r="CU30" s="312">
        <v>0</v>
      </c>
      <c r="CV30" s="317">
        <v>0</v>
      </c>
      <c r="CW30" s="311">
        <v>0</v>
      </c>
      <c r="CX30" s="315">
        <v>0</v>
      </c>
      <c r="CY30" s="312">
        <v>0</v>
      </c>
      <c r="CZ30" s="314">
        <v>0</v>
      </c>
      <c r="DA30" s="315">
        <v>0</v>
      </c>
      <c r="DB30" s="315">
        <v>0</v>
      </c>
      <c r="DC30" s="315">
        <v>0</v>
      </c>
      <c r="DD30" s="315">
        <v>0</v>
      </c>
      <c r="DE30" s="315">
        <v>0</v>
      </c>
      <c r="DF30" s="312">
        <v>0</v>
      </c>
      <c r="DG30" s="317">
        <v>0</v>
      </c>
    </row>
    <row r="31" spans="1:111" ht="18.75" customHeight="1" x14ac:dyDescent="0.2">
      <c r="A31" s="296" t="s">
        <v>29</v>
      </c>
      <c r="B31" s="311">
        <v>0</v>
      </c>
      <c r="C31" s="315">
        <v>0</v>
      </c>
      <c r="D31" s="437">
        <v>0</v>
      </c>
      <c r="E31" s="314">
        <v>0</v>
      </c>
      <c r="F31" s="315">
        <v>18</v>
      </c>
      <c r="G31" s="315">
        <v>0</v>
      </c>
      <c r="H31" s="315">
        <v>0</v>
      </c>
      <c r="I31" s="315">
        <v>57</v>
      </c>
      <c r="J31" s="315">
        <v>0</v>
      </c>
      <c r="K31" s="316">
        <v>75</v>
      </c>
      <c r="L31" s="317">
        <v>75</v>
      </c>
      <c r="M31" s="311">
        <v>0</v>
      </c>
      <c r="N31" s="315">
        <v>0</v>
      </c>
      <c r="O31" s="312">
        <v>0</v>
      </c>
      <c r="P31" s="314">
        <v>0</v>
      </c>
      <c r="Q31" s="315">
        <v>0</v>
      </c>
      <c r="R31" s="315">
        <v>0</v>
      </c>
      <c r="S31" s="315">
        <v>0</v>
      </c>
      <c r="T31" s="315">
        <v>0</v>
      </c>
      <c r="U31" s="315">
        <v>3</v>
      </c>
      <c r="V31" s="312">
        <v>3</v>
      </c>
      <c r="W31" s="317">
        <v>3</v>
      </c>
      <c r="X31" s="311">
        <v>0</v>
      </c>
      <c r="Y31" s="315">
        <v>2</v>
      </c>
      <c r="Z31" s="312">
        <v>2</v>
      </c>
      <c r="AA31" s="314">
        <v>0</v>
      </c>
      <c r="AB31" s="315">
        <v>10</v>
      </c>
      <c r="AC31" s="315">
        <v>0</v>
      </c>
      <c r="AD31" s="315">
        <v>0</v>
      </c>
      <c r="AE31" s="315">
        <v>0</v>
      </c>
      <c r="AF31" s="315">
        <v>4</v>
      </c>
      <c r="AG31" s="312">
        <v>14</v>
      </c>
      <c r="AH31" s="317">
        <v>16</v>
      </c>
      <c r="AI31" s="311">
        <v>0</v>
      </c>
      <c r="AJ31" s="315">
        <v>0</v>
      </c>
      <c r="AK31" s="312">
        <v>0</v>
      </c>
      <c r="AL31" s="314">
        <v>0</v>
      </c>
      <c r="AM31" s="315">
        <v>0</v>
      </c>
      <c r="AN31" s="315">
        <v>0</v>
      </c>
      <c r="AO31" s="315">
        <v>0</v>
      </c>
      <c r="AP31" s="315">
        <v>0</v>
      </c>
      <c r="AQ31" s="315">
        <v>0</v>
      </c>
      <c r="AR31" s="312">
        <v>0</v>
      </c>
      <c r="AS31" s="317">
        <v>0</v>
      </c>
      <c r="AT31" s="311">
        <v>0</v>
      </c>
      <c r="AU31" s="315">
        <v>0</v>
      </c>
      <c r="AV31" s="312">
        <v>0</v>
      </c>
      <c r="AW31" s="314">
        <v>0</v>
      </c>
      <c r="AX31" s="315">
        <v>20</v>
      </c>
      <c r="AY31" s="315">
        <v>3</v>
      </c>
      <c r="AZ31" s="315">
        <v>17</v>
      </c>
      <c r="BA31" s="315">
        <v>0</v>
      </c>
      <c r="BB31" s="315">
        <v>8</v>
      </c>
      <c r="BC31" s="316">
        <v>48</v>
      </c>
      <c r="BD31" s="317">
        <v>48</v>
      </c>
      <c r="BE31" s="311">
        <v>0</v>
      </c>
      <c r="BF31" s="315">
        <v>0</v>
      </c>
      <c r="BG31" s="312">
        <v>0</v>
      </c>
      <c r="BH31" s="314">
        <v>0</v>
      </c>
      <c r="BI31" s="315">
        <v>0</v>
      </c>
      <c r="BJ31" s="315">
        <v>3</v>
      </c>
      <c r="BK31" s="315">
        <v>3</v>
      </c>
      <c r="BL31" s="315">
        <v>3</v>
      </c>
      <c r="BM31" s="315">
        <v>0</v>
      </c>
      <c r="BN31" s="312">
        <v>9</v>
      </c>
      <c r="BO31" s="317">
        <v>9</v>
      </c>
      <c r="BP31" s="311">
        <v>0</v>
      </c>
      <c r="BQ31" s="315">
        <v>0</v>
      </c>
      <c r="BR31" s="312">
        <v>0</v>
      </c>
      <c r="BS31" s="314">
        <v>0</v>
      </c>
      <c r="BT31" s="315">
        <v>0</v>
      </c>
      <c r="BU31" s="315">
        <v>0</v>
      </c>
      <c r="BV31" s="315">
        <v>0</v>
      </c>
      <c r="BW31" s="315">
        <v>0</v>
      </c>
      <c r="BX31" s="315">
        <v>4</v>
      </c>
      <c r="BY31" s="312">
        <v>4</v>
      </c>
      <c r="BZ31" s="317">
        <v>4</v>
      </c>
      <c r="CA31" s="311">
        <v>0</v>
      </c>
      <c r="CB31" s="315">
        <v>0</v>
      </c>
      <c r="CC31" s="312">
        <v>0</v>
      </c>
      <c r="CD31" s="314">
        <v>0</v>
      </c>
      <c r="CE31" s="315">
        <v>0</v>
      </c>
      <c r="CF31" s="315">
        <v>0</v>
      </c>
      <c r="CG31" s="315">
        <v>0</v>
      </c>
      <c r="CH31" s="315">
        <v>0</v>
      </c>
      <c r="CI31" s="315">
        <v>0</v>
      </c>
      <c r="CJ31" s="312">
        <v>0</v>
      </c>
      <c r="CK31" s="317">
        <v>0</v>
      </c>
      <c r="CL31" s="311">
        <v>0</v>
      </c>
      <c r="CM31" s="315">
        <v>0</v>
      </c>
      <c r="CN31" s="312">
        <v>0</v>
      </c>
      <c r="CO31" s="314">
        <v>0</v>
      </c>
      <c r="CP31" s="315">
        <v>0</v>
      </c>
      <c r="CQ31" s="315">
        <v>0</v>
      </c>
      <c r="CR31" s="315">
        <v>0</v>
      </c>
      <c r="CS31" s="315">
        <v>0</v>
      </c>
      <c r="CT31" s="315">
        <v>0</v>
      </c>
      <c r="CU31" s="312">
        <v>0</v>
      </c>
      <c r="CV31" s="317">
        <v>0</v>
      </c>
      <c r="CW31" s="311">
        <v>0</v>
      </c>
      <c r="CX31" s="315">
        <v>0</v>
      </c>
      <c r="CY31" s="312">
        <v>0</v>
      </c>
      <c r="CZ31" s="314">
        <v>0</v>
      </c>
      <c r="DA31" s="315">
        <v>0</v>
      </c>
      <c r="DB31" s="315">
        <v>0</v>
      </c>
      <c r="DC31" s="315">
        <v>0</v>
      </c>
      <c r="DD31" s="315">
        <v>0</v>
      </c>
      <c r="DE31" s="315">
        <v>0</v>
      </c>
      <c r="DF31" s="312">
        <v>0</v>
      </c>
      <c r="DG31" s="317">
        <v>0</v>
      </c>
    </row>
    <row r="32" spans="1:111" ht="18.75" customHeight="1" x14ac:dyDescent="0.2">
      <c r="A32" s="296" t="s">
        <v>30</v>
      </c>
      <c r="B32" s="311">
        <v>0</v>
      </c>
      <c r="C32" s="315">
        <v>0</v>
      </c>
      <c r="D32" s="437">
        <v>0</v>
      </c>
      <c r="E32" s="314">
        <v>0</v>
      </c>
      <c r="F32" s="315">
        <v>12</v>
      </c>
      <c r="G32" s="315">
        <v>17</v>
      </c>
      <c r="H32" s="315">
        <v>4</v>
      </c>
      <c r="I32" s="315">
        <v>28</v>
      </c>
      <c r="J32" s="315">
        <v>0</v>
      </c>
      <c r="K32" s="316">
        <v>61</v>
      </c>
      <c r="L32" s="317">
        <v>61</v>
      </c>
      <c r="M32" s="311">
        <v>0</v>
      </c>
      <c r="N32" s="315">
        <v>0</v>
      </c>
      <c r="O32" s="312">
        <v>0</v>
      </c>
      <c r="P32" s="314">
        <v>0</v>
      </c>
      <c r="Q32" s="315">
        <v>0</v>
      </c>
      <c r="R32" s="315">
        <v>0</v>
      </c>
      <c r="S32" s="315">
        <v>0</v>
      </c>
      <c r="T32" s="315">
        <v>8</v>
      </c>
      <c r="U32" s="315">
        <v>0</v>
      </c>
      <c r="V32" s="312">
        <v>8</v>
      </c>
      <c r="W32" s="317">
        <v>8</v>
      </c>
      <c r="X32" s="311">
        <v>0</v>
      </c>
      <c r="Y32" s="315">
        <v>3</v>
      </c>
      <c r="Z32" s="312">
        <v>3</v>
      </c>
      <c r="AA32" s="314">
        <v>0</v>
      </c>
      <c r="AB32" s="315">
        <v>2</v>
      </c>
      <c r="AC32" s="315">
        <v>0</v>
      </c>
      <c r="AD32" s="315">
        <v>0</v>
      </c>
      <c r="AE32" s="315">
        <v>7</v>
      </c>
      <c r="AF32" s="315">
        <v>0</v>
      </c>
      <c r="AG32" s="312">
        <v>9</v>
      </c>
      <c r="AH32" s="317">
        <v>12</v>
      </c>
      <c r="AI32" s="311">
        <v>0</v>
      </c>
      <c r="AJ32" s="315">
        <v>0</v>
      </c>
      <c r="AK32" s="312">
        <v>0</v>
      </c>
      <c r="AL32" s="314">
        <v>0</v>
      </c>
      <c r="AM32" s="315">
        <v>0</v>
      </c>
      <c r="AN32" s="315">
        <v>0</v>
      </c>
      <c r="AO32" s="315">
        <v>0</v>
      </c>
      <c r="AP32" s="315">
        <v>0</v>
      </c>
      <c r="AQ32" s="315">
        <v>0</v>
      </c>
      <c r="AR32" s="312">
        <v>0</v>
      </c>
      <c r="AS32" s="317">
        <v>0</v>
      </c>
      <c r="AT32" s="311">
        <v>0</v>
      </c>
      <c r="AU32" s="315">
        <v>0</v>
      </c>
      <c r="AV32" s="312">
        <v>0</v>
      </c>
      <c r="AW32" s="314">
        <v>0</v>
      </c>
      <c r="AX32" s="315">
        <v>0</v>
      </c>
      <c r="AY32" s="315">
        <v>0</v>
      </c>
      <c r="AZ32" s="315">
        <v>0</v>
      </c>
      <c r="BA32" s="315">
        <v>12</v>
      </c>
      <c r="BB32" s="315">
        <v>0</v>
      </c>
      <c r="BC32" s="316">
        <v>12</v>
      </c>
      <c r="BD32" s="317">
        <v>12</v>
      </c>
      <c r="BE32" s="311">
        <v>0</v>
      </c>
      <c r="BF32" s="315">
        <v>0</v>
      </c>
      <c r="BG32" s="312">
        <v>0</v>
      </c>
      <c r="BH32" s="314">
        <v>0</v>
      </c>
      <c r="BI32" s="315">
        <v>0</v>
      </c>
      <c r="BJ32" s="315">
        <v>0</v>
      </c>
      <c r="BK32" s="315">
        <v>0</v>
      </c>
      <c r="BL32" s="315">
        <v>0</v>
      </c>
      <c r="BM32" s="315">
        <v>0</v>
      </c>
      <c r="BN32" s="312">
        <v>0</v>
      </c>
      <c r="BO32" s="317">
        <v>0</v>
      </c>
      <c r="BP32" s="311">
        <v>0</v>
      </c>
      <c r="BQ32" s="315">
        <v>0</v>
      </c>
      <c r="BR32" s="312">
        <v>0</v>
      </c>
      <c r="BS32" s="314">
        <v>0</v>
      </c>
      <c r="BT32" s="315">
        <v>8</v>
      </c>
      <c r="BU32" s="315">
        <v>3</v>
      </c>
      <c r="BV32" s="315">
        <v>27</v>
      </c>
      <c r="BW32" s="315">
        <v>8</v>
      </c>
      <c r="BX32" s="315">
        <v>0</v>
      </c>
      <c r="BY32" s="312">
        <v>46</v>
      </c>
      <c r="BZ32" s="317">
        <v>46</v>
      </c>
      <c r="CA32" s="311">
        <v>0</v>
      </c>
      <c r="CB32" s="315">
        <v>0</v>
      </c>
      <c r="CC32" s="312">
        <v>0</v>
      </c>
      <c r="CD32" s="314">
        <v>0</v>
      </c>
      <c r="CE32" s="315">
        <v>0</v>
      </c>
      <c r="CF32" s="315">
        <v>0</v>
      </c>
      <c r="CG32" s="315">
        <v>0</v>
      </c>
      <c r="CH32" s="315">
        <v>0</v>
      </c>
      <c r="CI32" s="315">
        <v>0</v>
      </c>
      <c r="CJ32" s="312">
        <v>0</v>
      </c>
      <c r="CK32" s="317">
        <v>0</v>
      </c>
      <c r="CL32" s="311">
        <v>0</v>
      </c>
      <c r="CM32" s="315">
        <v>0</v>
      </c>
      <c r="CN32" s="312">
        <v>0</v>
      </c>
      <c r="CO32" s="314">
        <v>0</v>
      </c>
      <c r="CP32" s="315">
        <v>0</v>
      </c>
      <c r="CQ32" s="315">
        <v>0</v>
      </c>
      <c r="CR32" s="315">
        <v>0</v>
      </c>
      <c r="CS32" s="315">
        <v>0</v>
      </c>
      <c r="CT32" s="315">
        <v>0</v>
      </c>
      <c r="CU32" s="312">
        <v>0</v>
      </c>
      <c r="CV32" s="317">
        <v>0</v>
      </c>
      <c r="CW32" s="311">
        <v>0</v>
      </c>
      <c r="CX32" s="315">
        <v>0</v>
      </c>
      <c r="CY32" s="312">
        <v>0</v>
      </c>
      <c r="CZ32" s="314">
        <v>0</v>
      </c>
      <c r="DA32" s="315">
        <v>0</v>
      </c>
      <c r="DB32" s="315">
        <v>0</v>
      </c>
      <c r="DC32" s="315">
        <v>0</v>
      </c>
      <c r="DD32" s="315">
        <v>0</v>
      </c>
      <c r="DE32" s="315">
        <v>0</v>
      </c>
      <c r="DF32" s="312">
        <v>0</v>
      </c>
      <c r="DG32" s="317">
        <v>0</v>
      </c>
    </row>
    <row r="33" spans="1:111" ht="18.75" customHeight="1" x14ac:dyDescent="0.2">
      <c r="A33" s="296" t="s">
        <v>31</v>
      </c>
      <c r="B33" s="311">
        <v>0</v>
      </c>
      <c r="C33" s="315">
        <v>0</v>
      </c>
      <c r="D33" s="437">
        <v>0</v>
      </c>
      <c r="E33" s="314">
        <v>0</v>
      </c>
      <c r="F33" s="315">
        <v>16</v>
      </c>
      <c r="G33" s="315">
        <v>0</v>
      </c>
      <c r="H33" s="315">
        <v>3</v>
      </c>
      <c r="I33" s="315">
        <v>0</v>
      </c>
      <c r="J33" s="315">
        <v>0</v>
      </c>
      <c r="K33" s="316">
        <v>19</v>
      </c>
      <c r="L33" s="317">
        <v>19</v>
      </c>
      <c r="M33" s="311">
        <v>0</v>
      </c>
      <c r="N33" s="315">
        <v>0</v>
      </c>
      <c r="O33" s="312">
        <v>0</v>
      </c>
      <c r="P33" s="314">
        <v>0</v>
      </c>
      <c r="Q33" s="315">
        <v>0</v>
      </c>
      <c r="R33" s="315">
        <v>4</v>
      </c>
      <c r="S33" s="315">
        <v>0</v>
      </c>
      <c r="T33" s="315">
        <v>0</v>
      </c>
      <c r="U33" s="315">
        <v>0</v>
      </c>
      <c r="V33" s="312">
        <v>4</v>
      </c>
      <c r="W33" s="317">
        <v>4</v>
      </c>
      <c r="X33" s="311">
        <v>0</v>
      </c>
      <c r="Y33" s="315">
        <v>0</v>
      </c>
      <c r="Z33" s="312">
        <v>0</v>
      </c>
      <c r="AA33" s="314">
        <v>0</v>
      </c>
      <c r="AB33" s="315">
        <v>8</v>
      </c>
      <c r="AC33" s="315">
        <v>0</v>
      </c>
      <c r="AD33" s="315">
        <v>0</v>
      </c>
      <c r="AE33" s="315">
        <v>0</v>
      </c>
      <c r="AF33" s="315">
        <v>0</v>
      </c>
      <c r="AG33" s="312">
        <v>8</v>
      </c>
      <c r="AH33" s="317">
        <v>8</v>
      </c>
      <c r="AI33" s="311">
        <v>0</v>
      </c>
      <c r="AJ33" s="315">
        <v>0</v>
      </c>
      <c r="AK33" s="312">
        <v>0</v>
      </c>
      <c r="AL33" s="314">
        <v>0</v>
      </c>
      <c r="AM33" s="315">
        <v>0</v>
      </c>
      <c r="AN33" s="315">
        <v>33</v>
      </c>
      <c r="AO33" s="315">
        <v>0</v>
      </c>
      <c r="AP33" s="315">
        <v>0</v>
      </c>
      <c r="AQ33" s="315">
        <v>0</v>
      </c>
      <c r="AR33" s="312">
        <v>33</v>
      </c>
      <c r="AS33" s="317">
        <v>33</v>
      </c>
      <c r="AT33" s="311">
        <v>0</v>
      </c>
      <c r="AU33" s="315">
        <v>0</v>
      </c>
      <c r="AV33" s="312">
        <v>0</v>
      </c>
      <c r="AW33" s="314">
        <v>0</v>
      </c>
      <c r="AX33" s="315">
        <v>9</v>
      </c>
      <c r="AY33" s="315">
        <v>28</v>
      </c>
      <c r="AZ33" s="315">
        <v>3</v>
      </c>
      <c r="BA33" s="315">
        <v>0</v>
      </c>
      <c r="BB33" s="315">
        <v>0</v>
      </c>
      <c r="BC33" s="316">
        <v>40</v>
      </c>
      <c r="BD33" s="317">
        <v>40</v>
      </c>
      <c r="BE33" s="311">
        <v>0</v>
      </c>
      <c r="BF33" s="315">
        <v>0</v>
      </c>
      <c r="BG33" s="312">
        <v>0</v>
      </c>
      <c r="BH33" s="314">
        <v>0</v>
      </c>
      <c r="BI33" s="315">
        <v>0</v>
      </c>
      <c r="BJ33" s="315">
        <v>13</v>
      </c>
      <c r="BK33" s="315">
        <v>3</v>
      </c>
      <c r="BL33" s="315">
        <v>0</v>
      </c>
      <c r="BM33" s="315">
        <v>0</v>
      </c>
      <c r="BN33" s="312">
        <v>16</v>
      </c>
      <c r="BO33" s="317">
        <v>16</v>
      </c>
      <c r="BP33" s="311">
        <v>0</v>
      </c>
      <c r="BQ33" s="315">
        <v>0</v>
      </c>
      <c r="BR33" s="312">
        <v>0</v>
      </c>
      <c r="BS33" s="314">
        <v>0</v>
      </c>
      <c r="BT33" s="315">
        <v>0</v>
      </c>
      <c r="BU33" s="315">
        <v>0</v>
      </c>
      <c r="BV33" s="315">
        <v>0</v>
      </c>
      <c r="BW33" s="315">
        <v>0</v>
      </c>
      <c r="BX33" s="315">
        <v>0</v>
      </c>
      <c r="BY33" s="312">
        <v>0</v>
      </c>
      <c r="BZ33" s="317">
        <v>0</v>
      </c>
      <c r="CA33" s="311">
        <v>0</v>
      </c>
      <c r="CB33" s="315">
        <v>0</v>
      </c>
      <c r="CC33" s="312">
        <v>0</v>
      </c>
      <c r="CD33" s="314">
        <v>0</v>
      </c>
      <c r="CE33" s="315">
        <v>0</v>
      </c>
      <c r="CF33" s="315">
        <v>0</v>
      </c>
      <c r="CG33" s="315">
        <v>0</v>
      </c>
      <c r="CH33" s="315">
        <v>0</v>
      </c>
      <c r="CI33" s="315">
        <v>0</v>
      </c>
      <c r="CJ33" s="312">
        <v>0</v>
      </c>
      <c r="CK33" s="317">
        <v>0</v>
      </c>
      <c r="CL33" s="311">
        <v>0</v>
      </c>
      <c r="CM33" s="315">
        <v>0</v>
      </c>
      <c r="CN33" s="312">
        <v>0</v>
      </c>
      <c r="CO33" s="314">
        <v>0</v>
      </c>
      <c r="CP33" s="315">
        <v>0</v>
      </c>
      <c r="CQ33" s="315">
        <v>0</v>
      </c>
      <c r="CR33" s="315">
        <v>0</v>
      </c>
      <c r="CS33" s="315">
        <v>0</v>
      </c>
      <c r="CT33" s="315">
        <v>0</v>
      </c>
      <c r="CU33" s="312">
        <v>0</v>
      </c>
      <c r="CV33" s="317">
        <v>0</v>
      </c>
      <c r="CW33" s="311">
        <v>0</v>
      </c>
      <c r="CX33" s="315">
        <v>0</v>
      </c>
      <c r="CY33" s="312">
        <v>0</v>
      </c>
      <c r="CZ33" s="314">
        <v>0</v>
      </c>
      <c r="DA33" s="315">
        <v>0</v>
      </c>
      <c r="DB33" s="315">
        <v>0</v>
      </c>
      <c r="DC33" s="315">
        <v>0</v>
      </c>
      <c r="DD33" s="315">
        <v>0</v>
      </c>
      <c r="DE33" s="315">
        <v>0</v>
      </c>
      <c r="DF33" s="312">
        <v>0</v>
      </c>
      <c r="DG33" s="317">
        <v>0</v>
      </c>
    </row>
    <row r="34" spans="1:111" ht="18.75" customHeight="1" x14ac:dyDescent="0.2">
      <c r="A34" s="296" t="s">
        <v>32</v>
      </c>
      <c r="B34" s="311">
        <v>0</v>
      </c>
      <c r="C34" s="315">
        <v>0</v>
      </c>
      <c r="D34" s="437">
        <v>0</v>
      </c>
      <c r="E34" s="314">
        <v>0</v>
      </c>
      <c r="F34" s="315">
        <v>4</v>
      </c>
      <c r="G34" s="315">
        <v>36</v>
      </c>
      <c r="H34" s="315">
        <v>16</v>
      </c>
      <c r="I34" s="315">
        <v>153</v>
      </c>
      <c r="J34" s="315">
        <v>0</v>
      </c>
      <c r="K34" s="316">
        <v>209</v>
      </c>
      <c r="L34" s="317">
        <v>209</v>
      </c>
      <c r="M34" s="311">
        <v>0</v>
      </c>
      <c r="N34" s="315">
        <v>0</v>
      </c>
      <c r="O34" s="312">
        <v>0</v>
      </c>
      <c r="P34" s="314">
        <v>0</v>
      </c>
      <c r="Q34" s="315">
        <v>0</v>
      </c>
      <c r="R34" s="315">
        <v>0</v>
      </c>
      <c r="S34" s="315">
        <v>0</v>
      </c>
      <c r="T34" s="315">
        <v>0</v>
      </c>
      <c r="U34" s="315">
        <v>0</v>
      </c>
      <c r="V34" s="312">
        <v>0</v>
      </c>
      <c r="W34" s="317">
        <v>0</v>
      </c>
      <c r="X34" s="311">
        <v>0</v>
      </c>
      <c r="Y34" s="315">
        <v>2</v>
      </c>
      <c r="Z34" s="312">
        <v>2</v>
      </c>
      <c r="AA34" s="314">
        <v>0</v>
      </c>
      <c r="AB34" s="315">
        <v>20</v>
      </c>
      <c r="AC34" s="315">
        <v>17</v>
      </c>
      <c r="AD34" s="315">
        <v>8</v>
      </c>
      <c r="AE34" s="315">
        <v>6</v>
      </c>
      <c r="AF34" s="315">
        <v>1</v>
      </c>
      <c r="AG34" s="312">
        <v>52</v>
      </c>
      <c r="AH34" s="317">
        <v>54</v>
      </c>
      <c r="AI34" s="311">
        <v>0</v>
      </c>
      <c r="AJ34" s="315">
        <v>0</v>
      </c>
      <c r="AK34" s="312">
        <v>0</v>
      </c>
      <c r="AL34" s="314">
        <v>0</v>
      </c>
      <c r="AM34" s="315">
        <v>0</v>
      </c>
      <c r="AN34" s="315">
        <v>0</v>
      </c>
      <c r="AO34" s="315">
        <v>0</v>
      </c>
      <c r="AP34" s="315">
        <v>0</v>
      </c>
      <c r="AQ34" s="315">
        <v>0</v>
      </c>
      <c r="AR34" s="312">
        <v>0</v>
      </c>
      <c r="AS34" s="317">
        <v>0</v>
      </c>
      <c r="AT34" s="311">
        <v>0</v>
      </c>
      <c r="AU34" s="315">
        <v>0</v>
      </c>
      <c r="AV34" s="312">
        <v>0</v>
      </c>
      <c r="AW34" s="314">
        <v>0</v>
      </c>
      <c r="AX34" s="315">
        <v>27</v>
      </c>
      <c r="AY34" s="315">
        <v>12</v>
      </c>
      <c r="AZ34" s="315">
        <v>16</v>
      </c>
      <c r="BA34" s="315">
        <v>0</v>
      </c>
      <c r="BB34" s="315">
        <v>0</v>
      </c>
      <c r="BC34" s="316">
        <v>55</v>
      </c>
      <c r="BD34" s="317">
        <v>55</v>
      </c>
      <c r="BE34" s="311">
        <v>0</v>
      </c>
      <c r="BF34" s="315">
        <v>0</v>
      </c>
      <c r="BG34" s="312">
        <v>0</v>
      </c>
      <c r="BH34" s="314">
        <v>0</v>
      </c>
      <c r="BI34" s="315">
        <v>11</v>
      </c>
      <c r="BJ34" s="315">
        <v>0</v>
      </c>
      <c r="BK34" s="315">
        <v>0</v>
      </c>
      <c r="BL34" s="315">
        <v>0</v>
      </c>
      <c r="BM34" s="315">
        <v>2</v>
      </c>
      <c r="BN34" s="312">
        <v>13</v>
      </c>
      <c r="BO34" s="317">
        <v>13</v>
      </c>
      <c r="BP34" s="311">
        <v>0</v>
      </c>
      <c r="BQ34" s="315">
        <v>0</v>
      </c>
      <c r="BR34" s="312">
        <v>0</v>
      </c>
      <c r="BS34" s="314">
        <v>0</v>
      </c>
      <c r="BT34" s="315">
        <v>1</v>
      </c>
      <c r="BU34" s="315">
        <v>0</v>
      </c>
      <c r="BV34" s="315">
        <v>6</v>
      </c>
      <c r="BW34" s="315">
        <v>1</v>
      </c>
      <c r="BX34" s="315">
        <v>0</v>
      </c>
      <c r="BY34" s="312">
        <v>8</v>
      </c>
      <c r="BZ34" s="317">
        <v>8</v>
      </c>
      <c r="CA34" s="311">
        <v>0</v>
      </c>
      <c r="CB34" s="315">
        <v>0</v>
      </c>
      <c r="CC34" s="312">
        <v>0</v>
      </c>
      <c r="CD34" s="314">
        <v>0</v>
      </c>
      <c r="CE34" s="315">
        <v>0</v>
      </c>
      <c r="CF34" s="315">
        <v>0</v>
      </c>
      <c r="CG34" s="315">
        <v>0</v>
      </c>
      <c r="CH34" s="315">
        <v>0</v>
      </c>
      <c r="CI34" s="315">
        <v>0</v>
      </c>
      <c r="CJ34" s="312">
        <v>0</v>
      </c>
      <c r="CK34" s="317">
        <v>0</v>
      </c>
      <c r="CL34" s="311">
        <v>0</v>
      </c>
      <c r="CM34" s="315">
        <v>0</v>
      </c>
      <c r="CN34" s="312">
        <v>0</v>
      </c>
      <c r="CO34" s="314">
        <v>0</v>
      </c>
      <c r="CP34" s="315">
        <v>0</v>
      </c>
      <c r="CQ34" s="315">
        <v>0</v>
      </c>
      <c r="CR34" s="315">
        <v>0</v>
      </c>
      <c r="CS34" s="315">
        <v>0</v>
      </c>
      <c r="CT34" s="315">
        <v>0</v>
      </c>
      <c r="CU34" s="312">
        <v>0</v>
      </c>
      <c r="CV34" s="317">
        <v>0</v>
      </c>
      <c r="CW34" s="311">
        <v>0</v>
      </c>
      <c r="CX34" s="315">
        <v>0</v>
      </c>
      <c r="CY34" s="312">
        <v>0</v>
      </c>
      <c r="CZ34" s="314">
        <v>0</v>
      </c>
      <c r="DA34" s="315">
        <v>0</v>
      </c>
      <c r="DB34" s="315">
        <v>0</v>
      </c>
      <c r="DC34" s="315">
        <v>0</v>
      </c>
      <c r="DD34" s="315">
        <v>0</v>
      </c>
      <c r="DE34" s="315">
        <v>0</v>
      </c>
      <c r="DF34" s="312">
        <v>0</v>
      </c>
      <c r="DG34" s="317">
        <v>0</v>
      </c>
    </row>
    <row r="35" spans="1:111" ht="18.75" customHeight="1" x14ac:dyDescent="0.2">
      <c r="A35" s="296" t="s">
        <v>33</v>
      </c>
      <c r="B35" s="311">
        <v>0</v>
      </c>
      <c r="C35" s="315">
        <v>0</v>
      </c>
      <c r="D35" s="437">
        <v>0</v>
      </c>
      <c r="E35" s="314">
        <v>0</v>
      </c>
      <c r="F35" s="315">
        <v>4</v>
      </c>
      <c r="G35" s="315">
        <v>0</v>
      </c>
      <c r="H35" s="315">
        <v>0</v>
      </c>
      <c r="I35" s="315">
        <v>0</v>
      </c>
      <c r="J35" s="315">
        <v>0</v>
      </c>
      <c r="K35" s="316">
        <v>4</v>
      </c>
      <c r="L35" s="317">
        <v>4</v>
      </c>
      <c r="M35" s="311">
        <v>0</v>
      </c>
      <c r="N35" s="315">
        <v>0</v>
      </c>
      <c r="O35" s="312">
        <v>0</v>
      </c>
      <c r="P35" s="314">
        <v>0</v>
      </c>
      <c r="Q35" s="315">
        <v>0</v>
      </c>
      <c r="R35" s="315">
        <v>0</v>
      </c>
      <c r="S35" s="315">
        <v>0</v>
      </c>
      <c r="T35" s="315">
        <v>0</v>
      </c>
      <c r="U35" s="315">
        <v>0</v>
      </c>
      <c r="V35" s="312">
        <v>0</v>
      </c>
      <c r="W35" s="317">
        <v>0</v>
      </c>
      <c r="X35" s="311">
        <v>0</v>
      </c>
      <c r="Y35" s="315">
        <v>0</v>
      </c>
      <c r="Z35" s="312">
        <v>0</v>
      </c>
      <c r="AA35" s="314">
        <v>0</v>
      </c>
      <c r="AB35" s="315">
        <v>3</v>
      </c>
      <c r="AC35" s="315">
        <v>0</v>
      </c>
      <c r="AD35" s="315">
        <v>11</v>
      </c>
      <c r="AE35" s="315">
        <v>0</v>
      </c>
      <c r="AF35" s="315">
        <v>0</v>
      </c>
      <c r="AG35" s="312">
        <v>14</v>
      </c>
      <c r="AH35" s="317">
        <v>14</v>
      </c>
      <c r="AI35" s="311">
        <v>18</v>
      </c>
      <c r="AJ35" s="315">
        <v>18</v>
      </c>
      <c r="AK35" s="312">
        <v>36</v>
      </c>
      <c r="AL35" s="314">
        <v>0</v>
      </c>
      <c r="AM35" s="315">
        <v>0</v>
      </c>
      <c r="AN35" s="315">
        <v>0</v>
      </c>
      <c r="AO35" s="315">
        <v>0</v>
      </c>
      <c r="AP35" s="315">
        <v>0</v>
      </c>
      <c r="AQ35" s="315">
        <v>0</v>
      </c>
      <c r="AR35" s="312">
        <v>0</v>
      </c>
      <c r="AS35" s="317">
        <v>36</v>
      </c>
      <c r="AT35" s="311">
        <v>0</v>
      </c>
      <c r="AU35" s="315">
        <v>0</v>
      </c>
      <c r="AV35" s="312">
        <v>0</v>
      </c>
      <c r="AW35" s="314">
        <v>0</v>
      </c>
      <c r="AX35" s="315">
        <v>0</v>
      </c>
      <c r="AY35" s="315">
        <v>0</v>
      </c>
      <c r="AZ35" s="315">
        <v>0</v>
      </c>
      <c r="BA35" s="315">
        <v>0</v>
      </c>
      <c r="BB35" s="315">
        <v>0</v>
      </c>
      <c r="BC35" s="316">
        <v>0</v>
      </c>
      <c r="BD35" s="317">
        <v>0</v>
      </c>
      <c r="BE35" s="311">
        <v>0</v>
      </c>
      <c r="BF35" s="315">
        <v>0</v>
      </c>
      <c r="BG35" s="312">
        <v>0</v>
      </c>
      <c r="BH35" s="314">
        <v>0</v>
      </c>
      <c r="BI35" s="315">
        <v>3</v>
      </c>
      <c r="BJ35" s="315">
        <v>15</v>
      </c>
      <c r="BK35" s="315">
        <v>0</v>
      </c>
      <c r="BL35" s="315">
        <v>0</v>
      </c>
      <c r="BM35" s="315">
        <v>0</v>
      </c>
      <c r="BN35" s="312">
        <v>18</v>
      </c>
      <c r="BO35" s="317">
        <v>18</v>
      </c>
      <c r="BP35" s="311">
        <v>0</v>
      </c>
      <c r="BQ35" s="315">
        <v>0</v>
      </c>
      <c r="BR35" s="312">
        <v>0</v>
      </c>
      <c r="BS35" s="314">
        <v>0</v>
      </c>
      <c r="BT35" s="315">
        <v>0</v>
      </c>
      <c r="BU35" s="315">
        <v>0</v>
      </c>
      <c r="BV35" s="315">
        <v>0</v>
      </c>
      <c r="BW35" s="315">
        <v>0</v>
      </c>
      <c r="BX35" s="315">
        <v>0</v>
      </c>
      <c r="BY35" s="312">
        <v>0</v>
      </c>
      <c r="BZ35" s="317">
        <v>0</v>
      </c>
      <c r="CA35" s="311">
        <v>0</v>
      </c>
      <c r="CB35" s="315">
        <v>0</v>
      </c>
      <c r="CC35" s="312">
        <v>0</v>
      </c>
      <c r="CD35" s="314">
        <v>0</v>
      </c>
      <c r="CE35" s="315">
        <v>0</v>
      </c>
      <c r="CF35" s="315">
        <v>6</v>
      </c>
      <c r="CG35" s="315">
        <v>0</v>
      </c>
      <c r="CH35" s="315">
        <v>0</v>
      </c>
      <c r="CI35" s="315">
        <v>0</v>
      </c>
      <c r="CJ35" s="312">
        <v>6</v>
      </c>
      <c r="CK35" s="317">
        <v>6</v>
      </c>
      <c r="CL35" s="311">
        <v>0</v>
      </c>
      <c r="CM35" s="315">
        <v>0</v>
      </c>
      <c r="CN35" s="312">
        <v>0</v>
      </c>
      <c r="CO35" s="314">
        <v>0</v>
      </c>
      <c r="CP35" s="315">
        <v>0</v>
      </c>
      <c r="CQ35" s="315">
        <v>0</v>
      </c>
      <c r="CR35" s="315">
        <v>0</v>
      </c>
      <c r="CS35" s="315">
        <v>0</v>
      </c>
      <c r="CT35" s="315">
        <v>0</v>
      </c>
      <c r="CU35" s="312">
        <v>0</v>
      </c>
      <c r="CV35" s="317">
        <v>0</v>
      </c>
      <c r="CW35" s="311">
        <v>0</v>
      </c>
      <c r="CX35" s="315">
        <v>0</v>
      </c>
      <c r="CY35" s="312">
        <v>0</v>
      </c>
      <c r="CZ35" s="314">
        <v>0</v>
      </c>
      <c r="DA35" s="315">
        <v>0</v>
      </c>
      <c r="DB35" s="315">
        <v>0</v>
      </c>
      <c r="DC35" s="315">
        <v>0</v>
      </c>
      <c r="DD35" s="315">
        <v>0</v>
      </c>
      <c r="DE35" s="315">
        <v>0</v>
      </c>
      <c r="DF35" s="312">
        <v>0</v>
      </c>
      <c r="DG35" s="317">
        <v>0</v>
      </c>
    </row>
    <row r="36" spans="1:111" ht="18.75" customHeight="1" x14ac:dyDescent="0.2">
      <c r="A36" s="296" t="s">
        <v>34</v>
      </c>
      <c r="B36" s="311">
        <v>0</v>
      </c>
      <c r="C36" s="315">
        <v>0</v>
      </c>
      <c r="D36" s="437">
        <v>0</v>
      </c>
      <c r="E36" s="314">
        <v>0</v>
      </c>
      <c r="F36" s="315">
        <v>0</v>
      </c>
      <c r="G36" s="315">
        <v>20</v>
      </c>
      <c r="H36" s="315">
        <v>7</v>
      </c>
      <c r="I36" s="315">
        <v>0</v>
      </c>
      <c r="J36" s="315">
        <v>0</v>
      </c>
      <c r="K36" s="316">
        <v>27</v>
      </c>
      <c r="L36" s="317">
        <v>27</v>
      </c>
      <c r="M36" s="311">
        <v>0</v>
      </c>
      <c r="N36" s="315">
        <v>0</v>
      </c>
      <c r="O36" s="312">
        <v>0</v>
      </c>
      <c r="P36" s="314">
        <v>0</v>
      </c>
      <c r="Q36" s="315">
        <v>0</v>
      </c>
      <c r="R36" s="315">
        <v>0</v>
      </c>
      <c r="S36" s="315">
        <v>0</v>
      </c>
      <c r="T36" s="315">
        <v>0</v>
      </c>
      <c r="U36" s="315">
        <v>0</v>
      </c>
      <c r="V36" s="312">
        <v>0</v>
      </c>
      <c r="W36" s="317">
        <v>0</v>
      </c>
      <c r="X36" s="311">
        <v>0</v>
      </c>
      <c r="Y36" s="315">
        <v>7</v>
      </c>
      <c r="Z36" s="312">
        <v>7</v>
      </c>
      <c r="AA36" s="314">
        <v>0</v>
      </c>
      <c r="AB36" s="315">
        <v>0</v>
      </c>
      <c r="AC36" s="315">
        <v>2</v>
      </c>
      <c r="AD36" s="315">
        <v>15</v>
      </c>
      <c r="AE36" s="315">
        <v>0</v>
      </c>
      <c r="AF36" s="315">
        <v>0</v>
      </c>
      <c r="AG36" s="312">
        <v>17</v>
      </c>
      <c r="AH36" s="317">
        <v>24</v>
      </c>
      <c r="AI36" s="311">
        <v>0</v>
      </c>
      <c r="AJ36" s="315">
        <v>0</v>
      </c>
      <c r="AK36" s="312">
        <v>0</v>
      </c>
      <c r="AL36" s="314">
        <v>0</v>
      </c>
      <c r="AM36" s="315">
        <v>0</v>
      </c>
      <c r="AN36" s="315">
        <v>7</v>
      </c>
      <c r="AO36" s="315">
        <v>0</v>
      </c>
      <c r="AP36" s="315">
        <v>0</v>
      </c>
      <c r="AQ36" s="315">
        <v>0</v>
      </c>
      <c r="AR36" s="312">
        <v>7</v>
      </c>
      <c r="AS36" s="317">
        <v>7</v>
      </c>
      <c r="AT36" s="311">
        <v>0</v>
      </c>
      <c r="AU36" s="315">
        <v>0</v>
      </c>
      <c r="AV36" s="312">
        <v>0</v>
      </c>
      <c r="AW36" s="314">
        <v>0</v>
      </c>
      <c r="AX36" s="315">
        <v>8</v>
      </c>
      <c r="AY36" s="315">
        <v>21</v>
      </c>
      <c r="AZ36" s="315">
        <v>0</v>
      </c>
      <c r="BA36" s="315">
        <v>0</v>
      </c>
      <c r="BB36" s="315">
        <v>0</v>
      </c>
      <c r="BC36" s="316">
        <v>29</v>
      </c>
      <c r="BD36" s="317">
        <v>29</v>
      </c>
      <c r="BE36" s="311">
        <v>0</v>
      </c>
      <c r="BF36" s="315">
        <v>0</v>
      </c>
      <c r="BG36" s="312">
        <v>0</v>
      </c>
      <c r="BH36" s="314">
        <v>0</v>
      </c>
      <c r="BI36" s="315">
        <v>0</v>
      </c>
      <c r="BJ36" s="315">
        <v>6</v>
      </c>
      <c r="BK36" s="315">
        <v>0</v>
      </c>
      <c r="BL36" s="315">
        <v>0</v>
      </c>
      <c r="BM36" s="315">
        <v>0</v>
      </c>
      <c r="BN36" s="312">
        <v>6</v>
      </c>
      <c r="BO36" s="317">
        <v>6</v>
      </c>
      <c r="BP36" s="311">
        <v>0</v>
      </c>
      <c r="BQ36" s="315">
        <v>0</v>
      </c>
      <c r="BR36" s="312">
        <v>0</v>
      </c>
      <c r="BS36" s="314">
        <v>0</v>
      </c>
      <c r="BT36" s="315">
        <v>0</v>
      </c>
      <c r="BU36" s="315">
        <v>0</v>
      </c>
      <c r="BV36" s="315">
        <v>0</v>
      </c>
      <c r="BW36" s="315">
        <v>0</v>
      </c>
      <c r="BX36" s="315">
        <v>0</v>
      </c>
      <c r="BY36" s="312">
        <v>0</v>
      </c>
      <c r="BZ36" s="317">
        <v>0</v>
      </c>
      <c r="CA36" s="311">
        <v>0</v>
      </c>
      <c r="CB36" s="315">
        <v>0</v>
      </c>
      <c r="CC36" s="312">
        <v>0</v>
      </c>
      <c r="CD36" s="314">
        <v>0</v>
      </c>
      <c r="CE36" s="315">
        <v>0</v>
      </c>
      <c r="CF36" s="315">
        <v>0</v>
      </c>
      <c r="CG36" s="315">
        <v>0</v>
      </c>
      <c r="CH36" s="315">
        <v>0</v>
      </c>
      <c r="CI36" s="315">
        <v>0</v>
      </c>
      <c r="CJ36" s="312">
        <v>0</v>
      </c>
      <c r="CK36" s="317">
        <v>0</v>
      </c>
      <c r="CL36" s="311">
        <v>0</v>
      </c>
      <c r="CM36" s="315">
        <v>0</v>
      </c>
      <c r="CN36" s="312">
        <v>0</v>
      </c>
      <c r="CO36" s="314">
        <v>0</v>
      </c>
      <c r="CP36" s="315">
        <v>0</v>
      </c>
      <c r="CQ36" s="315">
        <v>0</v>
      </c>
      <c r="CR36" s="315">
        <v>0</v>
      </c>
      <c r="CS36" s="315">
        <v>0</v>
      </c>
      <c r="CT36" s="315">
        <v>0</v>
      </c>
      <c r="CU36" s="312">
        <v>0</v>
      </c>
      <c r="CV36" s="317">
        <v>0</v>
      </c>
      <c r="CW36" s="311">
        <v>0</v>
      </c>
      <c r="CX36" s="315">
        <v>0</v>
      </c>
      <c r="CY36" s="312">
        <v>0</v>
      </c>
      <c r="CZ36" s="314">
        <v>0</v>
      </c>
      <c r="DA36" s="315">
        <v>0</v>
      </c>
      <c r="DB36" s="315">
        <v>0</v>
      </c>
      <c r="DC36" s="315">
        <v>0</v>
      </c>
      <c r="DD36" s="315">
        <v>0</v>
      </c>
      <c r="DE36" s="315">
        <v>0</v>
      </c>
      <c r="DF36" s="312">
        <v>0</v>
      </c>
      <c r="DG36" s="317">
        <v>0</v>
      </c>
    </row>
    <row r="37" spans="1:111" ht="18.75" customHeight="1" x14ac:dyDescent="0.2">
      <c r="A37" s="296" t="s">
        <v>35</v>
      </c>
      <c r="B37" s="311">
        <v>0</v>
      </c>
      <c r="C37" s="315">
        <v>0</v>
      </c>
      <c r="D37" s="437">
        <v>0</v>
      </c>
      <c r="E37" s="314">
        <v>0</v>
      </c>
      <c r="F37" s="315">
        <v>35</v>
      </c>
      <c r="G37" s="315">
        <v>103</v>
      </c>
      <c r="H37" s="315">
        <v>0</v>
      </c>
      <c r="I37" s="315">
        <v>0</v>
      </c>
      <c r="J37" s="315">
        <v>80</v>
      </c>
      <c r="K37" s="316">
        <v>218</v>
      </c>
      <c r="L37" s="317">
        <v>218</v>
      </c>
      <c r="M37" s="311">
        <v>0</v>
      </c>
      <c r="N37" s="315">
        <v>0</v>
      </c>
      <c r="O37" s="312">
        <v>0</v>
      </c>
      <c r="P37" s="314">
        <v>0</v>
      </c>
      <c r="Q37" s="315">
        <v>0</v>
      </c>
      <c r="R37" s="315">
        <v>0</v>
      </c>
      <c r="S37" s="315">
        <v>0</v>
      </c>
      <c r="T37" s="315">
        <v>0</v>
      </c>
      <c r="U37" s="315">
        <v>8</v>
      </c>
      <c r="V37" s="312">
        <v>8</v>
      </c>
      <c r="W37" s="317">
        <v>8</v>
      </c>
      <c r="X37" s="311">
        <v>0</v>
      </c>
      <c r="Y37" s="315">
        <v>0</v>
      </c>
      <c r="Z37" s="312">
        <v>0</v>
      </c>
      <c r="AA37" s="314">
        <v>0</v>
      </c>
      <c r="AB37" s="315">
        <v>0</v>
      </c>
      <c r="AC37" s="315">
        <v>32</v>
      </c>
      <c r="AD37" s="315">
        <v>0</v>
      </c>
      <c r="AE37" s="315">
        <v>0</v>
      </c>
      <c r="AF37" s="315">
        <v>0</v>
      </c>
      <c r="AG37" s="312">
        <v>32</v>
      </c>
      <c r="AH37" s="317">
        <v>32</v>
      </c>
      <c r="AI37" s="311">
        <v>0</v>
      </c>
      <c r="AJ37" s="315">
        <v>0</v>
      </c>
      <c r="AK37" s="312">
        <v>0</v>
      </c>
      <c r="AL37" s="314">
        <v>0</v>
      </c>
      <c r="AM37" s="315">
        <v>4</v>
      </c>
      <c r="AN37" s="315">
        <v>12</v>
      </c>
      <c r="AO37" s="315">
        <v>57</v>
      </c>
      <c r="AP37" s="315">
        <v>0</v>
      </c>
      <c r="AQ37" s="315">
        <v>0</v>
      </c>
      <c r="AR37" s="312">
        <v>73</v>
      </c>
      <c r="AS37" s="317">
        <v>73</v>
      </c>
      <c r="AT37" s="311">
        <v>0</v>
      </c>
      <c r="AU37" s="315">
        <v>0</v>
      </c>
      <c r="AV37" s="312">
        <v>0</v>
      </c>
      <c r="AW37" s="314">
        <v>0</v>
      </c>
      <c r="AX37" s="315">
        <v>51</v>
      </c>
      <c r="AY37" s="315">
        <v>60</v>
      </c>
      <c r="AZ37" s="315">
        <v>9</v>
      </c>
      <c r="BA37" s="315">
        <v>0</v>
      </c>
      <c r="BB37" s="315">
        <v>0</v>
      </c>
      <c r="BC37" s="316">
        <v>120</v>
      </c>
      <c r="BD37" s="317">
        <v>120</v>
      </c>
      <c r="BE37" s="311">
        <v>0</v>
      </c>
      <c r="BF37" s="315">
        <v>0</v>
      </c>
      <c r="BG37" s="312">
        <v>0</v>
      </c>
      <c r="BH37" s="314">
        <v>0</v>
      </c>
      <c r="BI37" s="315">
        <v>0</v>
      </c>
      <c r="BJ37" s="315">
        <v>11</v>
      </c>
      <c r="BK37" s="315">
        <v>0</v>
      </c>
      <c r="BL37" s="315">
        <v>10</v>
      </c>
      <c r="BM37" s="315">
        <v>0</v>
      </c>
      <c r="BN37" s="312">
        <v>21</v>
      </c>
      <c r="BO37" s="317">
        <v>21</v>
      </c>
      <c r="BP37" s="311">
        <v>0</v>
      </c>
      <c r="BQ37" s="315">
        <v>0</v>
      </c>
      <c r="BR37" s="312">
        <v>0</v>
      </c>
      <c r="BS37" s="314">
        <v>0</v>
      </c>
      <c r="BT37" s="315">
        <v>0</v>
      </c>
      <c r="BU37" s="315">
        <v>11</v>
      </c>
      <c r="BV37" s="315">
        <v>0</v>
      </c>
      <c r="BW37" s="315">
        <v>0</v>
      </c>
      <c r="BX37" s="315">
        <v>0</v>
      </c>
      <c r="BY37" s="312">
        <v>11</v>
      </c>
      <c r="BZ37" s="317">
        <v>11</v>
      </c>
      <c r="CA37" s="311">
        <v>0</v>
      </c>
      <c r="CB37" s="315">
        <v>0</v>
      </c>
      <c r="CC37" s="312">
        <v>0</v>
      </c>
      <c r="CD37" s="314">
        <v>0</v>
      </c>
      <c r="CE37" s="315">
        <v>0</v>
      </c>
      <c r="CF37" s="315">
        <v>0</v>
      </c>
      <c r="CG37" s="315">
        <v>0</v>
      </c>
      <c r="CH37" s="315">
        <v>0</v>
      </c>
      <c r="CI37" s="315">
        <v>0</v>
      </c>
      <c r="CJ37" s="312">
        <v>0</v>
      </c>
      <c r="CK37" s="317">
        <v>0</v>
      </c>
      <c r="CL37" s="311">
        <v>0</v>
      </c>
      <c r="CM37" s="315">
        <v>0</v>
      </c>
      <c r="CN37" s="312">
        <v>0</v>
      </c>
      <c r="CO37" s="314">
        <v>0</v>
      </c>
      <c r="CP37" s="315">
        <v>0</v>
      </c>
      <c r="CQ37" s="315">
        <v>0</v>
      </c>
      <c r="CR37" s="315">
        <v>0</v>
      </c>
      <c r="CS37" s="315">
        <v>0</v>
      </c>
      <c r="CT37" s="315">
        <v>0</v>
      </c>
      <c r="CU37" s="312">
        <v>0</v>
      </c>
      <c r="CV37" s="317">
        <v>0</v>
      </c>
      <c r="CW37" s="311">
        <v>0</v>
      </c>
      <c r="CX37" s="315">
        <v>0</v>
      </c>
      <c r="CY37" s="312">
        <v>0</v>
      </c>
      <c r="CZ37" s="314">
        <v>0</v>
      </c>
      <c r="DA37" s="315">
        <v>0</v>
      </c>
      <c r="DB37" s="315">
        <v>0</v>
      </c>
      <c r="DC37" s="315">
        <v>0</v>
      </c>
      <c r="DD37" s="315">
        <v>0</v>
      </c>
      <c r="DE37" s="315">
        <v>0</v>
      </c>
      <c r="DF37" s="312">
        <v>0</v>
      </c>
      <c r="DG37" s="317">
        <v>0</v>
      </c>
    </row>
    <row r="38" spans="1:111" ht="18.75" customHeight="1" x14ac:dyDescent="0.2">
      <c r="A38" s="296" t="s">
        <v>36</v>
      </c>
      <c r="B38" s="311">
        <v>0</v>
      </c>
      <c r="C38" s="315">
        <v>0</v>
      </c>
      <c r="D38" s="437">
        <v>0</v>
      </c>
      <c r="E38" s="314">
        <v>0</v>
      </c>
      <c r="F38" s="315">
        <v>48</v>
      </c>
      <c r="G38" s="315">
        <v>4</v>
      </c>
      <c r="H38" s="315">
        <v>0</v>
      </c>
      <c r="I38" s="315">
        <v>0</v>
      </c>
      <c r="J38" s="315">
        <v>0</v>
      </c>
      <c r="K38" s="316">
        <v>52</v>
      </c>
      <c r="L38" s="317">
        <v>52</v>
      </c>
      <c r="M38" s="311">
        <v>0</v>
      </c>
      <c r="N38" s="315">
        <v>0</v>
      </c>
      <c r="O38" s="312">
        <v>0</v>
      </c>
      <c r="P38" s="314">
        <v>0</v>
      </c>
      <c r="Q38" s="315">
        <v>0</v>
      </c>
      <c r="R38" s="315">
        <v>0</v>
      </c>
      <c r="S38" s="315">
        <v>0</v>
      </c>
      <c r="T38" s="315">
        <v>3</v>
      </c>
      <c r="U38" s="315">
        <v>0</v>
      </c>
      <c r="V38" s="312">
        <v>3</v>
      </c>
      <c r="W38" s="317">
        <v>3</v>
      </c>
      <c r="X38" s="311">
        <v>0</v>
      </c>
      <c r="Y38" s="315">
        <v>0</v>
      </c>
      <c r="Z38" s="312">
        <v>0</v>
      </c>
      <c r="AA38" s="314">
        <v>0</v>
      </c>
      <c r="AB38" s="315">
        <v>7</v>
      </c>
      <c r="AC38" s="315">
        <v>12</v>
      </c>
      <c r="AD38" s="315">
        <v>4</v>
      </c>
      <c r="AE38" s="315">
        <v>11</v>
      </c>
      <c r="AF38" s="315">
        <v>0</v>
      </c>
      <c r="AG38" s="312">
        <v>34</v>
      </c>
      <c r="AH38" s="317">
        <v>34</v>
      </c>
      <c r="AI38" s="311">
        <v>0</v>
      </c>
      <c r="AJ38" s="315">
        <v>0</v>
      </c>
      <c r="AK38" s="312">
        <v>0</v>
      </c>
      <c r="AL38" s="314">
        <v>0</v>
      </c>
      <c r="AM38" s="315">
        <v>0</v>
      </c>
      <c r="AN38" s="315">
        <v>0</v>
      </c>
      <c r="AO38" s="315">
        <v>0</v>
      </c>
      <c r="AP38" s="315">
        <v>0</v>
      </c>
      <c r="AQ38" s="315">
        <v>0</v>
      </c>
      <c r="AR38" s="312">
        <v>0</v>
      </c>
      <c r="AS38" s="317">
        <v>0</v>
      </c>
      <c r="AT38" s="311">
        <v>0</v>
      </c>
      <c r="AU38" s="315">
        <v>0</v>
      </c>
      <c r="AV38" s="312">
        <v>0</v>
      </c>
      <c r="AW38" s="314">
        <v>0</v>
      </c>
      <c r="AX38" s="315">
        <v>6</v>
      </c>
      <c r="AY38" s="315">
        <v>12</v>
      </c>
      <c r="AZ38" s="315">
        <v>0</v>
      </c>
      <c r="BA38" s="315">
        <v>3</v>
      </c>
      <c r="BB38" s="315">
        <v>0</v>
      </c>
      <c r="BC38" s="316">
        <v>21</v>
      </c>
      <c r="BD38" s="317">
        <v>21</v>
      </c>
      <c r="BE38" s="311">
        <v>0</v>
      </c>
      <c r="BF38" s="315">
        <v>0</v>
      </c>
      <c r="BG38" s="312">
        <v>0</v>
      </c>
      <c r="BH38" s="314">
        <v>0</v>
      </c>
      <c r="BI38" s="315">
        <v>0</v>
      </c>
      <c r="BJ38" s="315">
        <v>8</v>
      </c>
      <c r="BK38" s="315">
        <v>5</v>
      </c>
      <c r="BL38" s="315">
        <v>0</v>
      </c>
      <c r="BM38" s="315">
        <v>0</v>
      </c>
      <c r="BN38" s="312">
        <v>13</v>
      </c>
      <c r="BO38" s="317">
        <v>13</v>
      </c>
      <c r="BP38" s="311">
        <v>0</v>
      </c>
      <c r="BQ38" s="315">
        <v>0</v>
      </c>
      <c r="BR38" s="312">
        <v>0</v>
      </c>
      <c r="BS38" s="314">
        <v>0</v>
      </c>
      <c r="BT38" s="315">
        <v>22</v>
      </c>
      <c r="BU38" s="315">
        <v>0</v>
      </c>
      <c r="BV38" s="315">
        <v>0</v>
      </c>
      <c r="BW38" s="315">
        <v>0</v>
      </c>
      <c r="BX38" s="315">
        <v>0</v>
      </c>
      <c r="BY38" s="312">
        <v>22</v>
      </c>
      <c r="BZ38" s="317">
        <v>22</v>
      </c>
      <c r="CA38" s="311">
        <v>0</v>
      </c>
      <c r="CB38" s="315">
        <v>0</v>
      </c>
      <c r="CC38" s="312">
        <v>0</v>
      </c>
      <c r="CD38" s="314">
        <v>0</v>
      </c>
      <c r="CE38" s="315">
        <v>0</v>
      </c>
      <c r="CF38" s="315">
        <v>0</v>
      </c>
      <c r="CG38" s="315">
        <v>0</v>
      </c>
      <c r="CH38" s="315">
        <v>0</v>
      </c>
      <c r="CI38" s="315">
        <v>0</v>
      </c>
      <c r="CJ38" s="312">
        <v>0</v>
      </c>
      <c r="CK38" s="317">
        <v>0</v>
      </c>
      <c r="CL38" s="311">
        <v>0</v>
      </c>
      <c r="CM38" s="315">
        <v>0</v>
      </c>
      <c r="CN38" s="312">
        <v>0</v>
      </c>
      <c r="CO38" s="314">
        <v>0</v>
      </c>
      <c r="CP38" s="315">
        <v>0</v>
      </c>
      <c r="CQ38" s="315">
        <v>0</v>
      </c>
      <c r="CR38" s="315">
        <v>0</v>
      </c>
      <c r="CS38" s="315">
        <v>0</v>
      </c>
      <c r="CT38" s="315">
        <v>0</v>
      </c>
      <c r="CU38" s="312">
        <v>0</v>
      </c>
      <c r="CV38" s="317">
        <v>0</v>
      </c>
      <c r="CW38" s="311">
        <v>0</v>
      </c>
      <c r="CX38" s="315">
        <v>0</v>
      </c>
      <c r="CY38" s="312">
        <v>0</v>
      </c>
      <c r="CZ38" s="314">
        <v>0</v>
      </c>
      <c r="DA38" s="315">
        <v>0</v>
      </c>
      <c r="DB38" s="315">
        <v>0</v>
      </c>
      <c r="DC38" s="315">
        <v>0</v>
      </c>
      <c r="DD38" s="315">
        <v>0</v>
      </c>
      <c r="DE38" s="315">
        <v>0</v>
      </c>
      <c r="DF38" s="312">
        <v>0</v>
      </c>
      <c r="DG38" s="317">
        <v>0</v>
      </c>
    </row>
    <row r="39" spans="1:111" ht="18.75" customHeight="1" thickBot="1" x14ac:dyDescent="0.25">
      <c r="A39" s="297" t="s">
        <v>37</v>
      </c>
      <c r="B39" s="318">
        <v>0</v>
      </c>
      <c r="C39" s="322">
        <v>0</v>
      </c>
      <c r="D39" s="438">
        <v>0</v>
      </c>
      <c r="E39" s="321">
        <v>0</v>
      </c>
      <c r="F39" s="322">
        <v>0</v>
      </c>
      <c r="G39" s="322">
        <v>0</v>
      </c>
      <c r="H39" s="322">
        <v>0</v>
      </c>
      <c r="I39" s="322">
        <v>0</v>
      </c>
      <c r="J39" s="322">
        <v>0</v>
      </c>
      <c r="K39" s="323">
        <v>0</v>
      </c>
      <c r="L39" s="324">
        <v>0</v>
      </c>
      <c r="M39" s="318">
        <v>0</v>
      </c>
      <c r="N39" s="322">
        <v>0</v>
      </c>
      <c r="O39" s="319">
        <v>0</v>
      </c>
      <c r="P39" s="321">
        <v>0</v>
      </c>
      <c r="Q39" s="322">
        <v>0</v>
      </c>
      <c r="R39" s="322">
        <v>0</v>
      </c>
      <c r="S39" s="322">
        <v>0</v>
      </c>
      <c r="T39" s="322">
        <v>0</v>
      </c>
      <c r="U39" s="322">
        <v>0</v>
      </c>
      <c r="V39" s="319">
        <v>0</v>
      </c>
      <c r="W39" s="324">
        <v>0</v>
      </c>
      <c r="X39" s="318">
        <v>0</v>
      </c>
      <c r="Y39" s="322">
        <v>0</v>
      </c>
      <c r="Z39" s="319">
        <v>0</v>
      </c>
      <c r="AA39" s="321">
        <v>0</v>
      </c>
      <c r="AB39" s="322">
        <v>14</v>
      </c>
      <c r="AC39" s="322">
        <v>0</v>
      </c>
      <c r="AD39" s="322">
        <v>0</v>
      </c>
      <c r="AE39" s="322">
        <v>0</v>
      </c>
      <c r="AF39" s="322">
        <v>0</v>
      </c>
      <c r="AG39" s="319">
        <v>14</v>
      </c>
      <c r="AH39" s="324">
        <v>14</v>
      </c>
      <c r="AI39" s="318">
        <v>0</v>
      </c>
      <c r="AJ39" s="322">
        <v>0</v>
      </c>
      <c r="AK39" s="319">
        <v>0</v>
      </c>
      <c r="AL39" s="321">
        <v>0</v>
      </c>
      <c r="AM39" s="322">
        <v>186</v>
      </c>
      <c r="AN39" s="322">
        <v>0</v>
      </c>
      <c r="AO39" s="322">
        <v>0</v>
      </c>
      <c r="AP39" s="322">
        <v>0</v>
      </c>
      <c r="AQ39" s="322">
        <v>0</v>
      </c>
      <c r="AR39" s="319">
        <v>186</v>
      </c>
      <c r="AS39" s="324">
        <v>186</v>
      </c>
      <c r="AT39" s="318">
        <v>0</v>
      </c>
      <c r="AU39" s="322">
        <v>0</v>
      </c>
      <c r="AV39" s="319">
        <v>0</v>
      </c>
      <c r="AW39" s="321">
        <v>0</v>
      </c>
      <c r="AX39" s="322">
        <v>4</v>
      </c>
      <c r="AY39" s="322">
        <v>10</v>
      </c>
      <c r="AZ39" s="322">
        <v>0</v>
      </c>
      <c r="BA39" s="322">
        <v>0</v>
      </c>
      <c r="BB39" s="322">
        <v>0</v>
      </c>
      <c r="BC39" s="323">
        <v>14</v>
      </c>
      <c r="BD39" s="324">
        <v>14</v>
      </c>
      <c r="BE39" s="318">
        <v>0</v>
      </c>
      <c r="BF39" s="322">
        <v>0</v>
      </c>
      <c r="BG39" s="319">
        <v>0</v>
      </c>
      <c r="BH39" s="321">
        <v>0</v>
      </c>
      <c r="BI39" s="322">
        <v>0</v>
      </c>
      <c r="BJ39" s="322">
        <v>12</v>
      </c>
      <c r="BK39" s="322">
        <v>0</v>
      </c>
      <c r="BL39" s="322">
        <v>0</v>
      </c>
      <c r="BM39" s="322">
        <v>0</v>
      </c>
      <c r="BN39" s="319">
        <v>12</v>
      </c>
      <c r="BO39" s="324">
        <v>12</v>
      </c>
      <c r="BP39" s="318">
        <v>0</v>
      </c>
      <c r="BQ39" s="322">
        <v>0</v>
      </c>
      <c r="BR39" s="319">
        <v>0</v>
      </c>
      <c r="BS39" s="321">
        <v>0</v>
      </c>
      <c r="BT39" s="322">
        <v>0</v>
      </c>
      <c r="BU39" s="322">
        <v>0</v>
      </c>
      <c r="BV39" s="322">
        <v>0</v>
      </c>
      <c r="BW39" s="322">
        <v>0</v>
      </c>
      <c r="BX39" s="322">
        <v>0</v>
      </c>
      <c r="BY39" s="319">
        <v>0</v>
      </c>
      <c r="BZ39" s="324">
        <v>0</v>
      </c>
      <c r="CA39" s="318">
        <v>0</v>
      </c>
      <c r="CB39" s="322">
        <v>0</v>
      </c>
      <c r="CC39" s="319">
        <v>0</v>
      </c>
      <c r="CD39" s="321">
        <v>0</v>
      </c>
      <c r="CE39" s="322">
        <v>0</v>
      </c>
      <c r="CF39" s="322">
        <v>0</v>
      </c>
      <c r="CG39" s="322">
        <v>0</v>
      </c>
      <c r="CH39" s="322">
        <v>0</v>
      </c>
      <c r="CI39" s="322">
        <v>0</v>
      </c>
      <c r="CJ39" s="319">
        <v>0</v>
      </c>
      <c r="CK39" s="324">
        <v>0</v>
      </c>
      <c r="CL39" s="318">
        <v>0</v>
      </c>
      <c r="CM39" s="322">
        <v>0</v>
      </c>
      <c r="CN39" s="319">
        <v>0</v>
      </c>
      <c r="CO39" s="321">
        <v>0</v>
      </c>
      <c r="CP39" s="322">
        <v>0</v>
      </c>
      <c r="CQ39" s="322">
        <v>0</v>
      </c>
      <c r="CR39" s="322">
        <v>0</v>
      </c>
      <c r="CS39" s="322">
        <v>0</v>
      </c>
      <c r="CT39" s="322">
        <v>0</v>
      </c>
      <c r="CU39" s="319">
        <v>0</v>
      </c>
      <c r="CV39" s="324">
        <v>0</v>
      </c>
      <c r="CW39" s="318">
        <v>0</v>
      </c>
      <c r="CX39" s="322">
        <v>0</v>
      </c>
      <c r="CY39" s="319">
        <v>0</v>
      </c>
      <c r="CZ39" s="321">
        <v>0</v>
      </c>
      <c r="DA39" s="322">
        <v>0</v>
      </c>
      <c r="DB39" s="322">
        <v>0</v>
      </c>
      <c r="DC39" s="322">
        <v>0</v>
      </c>
      <c r="DD39" s="322">
        <v>0</v>
      </c>
      <c r="DE39" s="322">
        <v>0</v>
      </c>
      <c r="DF39" s="319">
        <v>0</v>
      </c>
      <c r="DG39" s="324">
        <v>0</v>
      </c>
    </row>
    <row r="40" spans="1:111" ht="27" customHeight="1" x14ac:dyDescent="0.2">
      <c r="B40" s="290" t="s">
        <v>127</v>
      </c>
    </row>
  </sheetData>
  <mergeCells count="43">
    <mergeCell ref="AI4:AK4"/>
    <mergeCell ref="AI3:AS3"/>
    <mergeCell ref="AT3:BD3"/>
    <mergeCell ref="BE3:BO3"/>
    <mergeCell ref="BP3:BZ3"/>
    <mergeCell ref="AL4:AR4"/>
    <mergeCell ref="AS4:AS5"/>
    <mergeCell ref="AT4:AV4"/>
    <mergeCell ref="AW4:BC4"/>
    <mergeCell ref="BD4:BD5"/>
    <mergeCell ref="BE4:BG4"/>
    <mergeCell ref="BH4:BN4"/>
    <mergeCell ref="BO4:BO5"/>
    <mergeCell ref="BP4:BR4"/>
    <mergeCell ref="BS4:BY4"/>
    <mergeCell ref="BZ4:BZ5"/>
    <mergeCell ref="X3:AH3"/>
    <mergeCell ref="B4:D4"/>
    <mergeCell ref="E4:K4"/>
    <mergeCell ref="L4:L5"/>
    <mergeCell ref="M4:O4"/>
    <mergeCell ref="P4:V4"/>
    <mergeCell ref="W4:W5"/>
    <mergeCell ref="X4:Z4"/>
    <mergeCell ref="AA4:AG4"/>
    <mergeCell ref="AH4:AH5"/>
    <mergeCell ref="I1:J1"/>
    <mergeCell ref="L1:M1"/>
    <mergeCell ref="A3:A5"/>
    <mergeCell ref="B3:L3"/>
    <mergeCell ref="M3:W3"/>
    <mergeCell ref="CW3:DG3"/>
    <mergeCell ref="CW4:CY4"/>
    <mergeCell ref="CZ4:DF4"/>
    <mergeCell ref="DG4:DG5"/>
    <mergeCell ref="CA3:CK3"/>
    <mergeCell ref="CL3:CV3"/>
    <mergeCell ref="CA4:CC4"/>
    <mergeCell ref="CD4:CJ4"/>
    <mergeCell ref="CK4:CK5"/>
    <mergeCell ref="CL4:CN4"/>
    <mergeCell ref="CO4:CU4"/>
    <mergeCell ref="CV4:CV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3" max="39" man="1"/>
    <brk id="45" max="39" man="1"/>
    <brk id="67" max="1048575" man="1"/>
    <brk id="89"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G40"/>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4" width="9" style="290"/>
    <col min="5" max="5" width="7.77734375" style="290" customWidth="1"/>
    <col min="6" max="6" width="9" style="290"/>
    <col min="7" max="7" width="10.6640625" style="290" customWidth="1"/>
    <col min="8" max="15" width="9" style="290"/>
    <col min="16" max="16" width="7.88671875" style="290" customWidth="1"/>
    <col min="17" max="26" width="9" style="290"/>
    <col min="27" max="27" width="7.77734375" style="290" customWidth="1"/>
    <col min="28" max="37" width="9" style="290"/>
    <col min="38" max="38" width="7.5546875" style="290" customWidth="1"/>
    <col min="39" max="48" width="9" style="290"/>
    <col min="49" max="49" width="7.77734375" style="290" customWidth="1"/>
    <col min="50" max="59" width="9" style="290"/>
    <col min="60" max="60" width="7.44140625" style="290" customWidth="1"/>
    <col min="61" max="70" width="9" style="290"/>
    <col min="71" max="71" width="7.33203125" style="290" customWidth="1"/>
    <col min="72" max="81" width="9" style="290"/>
    <col min="82" max="82" width="7.44140625" style="290" customWidth="1"/>
    <col min="83" max="92" width="9" style="290"/>
    <col min="93" max="93" width="7.6640625" style="290" customWidth="1"/>
    <col min="94" max="16384" width="9" style="290"/>
  </cols>
  <sheetData>
    <row r="1" spans="1:111" ht="20.25" customHeight="1" x14ac:dyDescent="0.2">
      <c r="A1" s="325" t="s">
        <v>123</v>
      </c>
      <c r="I1" s="545">
        <f>第１表!F2</f>
        <v>4</v>
      </c>
      <c r="J1" s="545"/>
      <c r="K1" s="282">
        <f>第１表!G2</f>
        <v>4</v>
      </c>
      <c r="L1" s="549">
        <f>IF(K1&lt;3,K1+12-2,K1-2)</f>
        <v>2</v>
      </c>
      <c r="M1" s="549"/>
    </row>
    <row r="2" spans="1:111" ht="18.75" customHeight="1" thickBot="1" x14ac:dyDescent="0.25">
      <c r="A2" s="325" t="s">
        <v>154</v>
      </c>
    </row>
    <row r="3" spans="1:111" ht="13.8" thickBot="1" x14ac:dyDescent="0.25">
      <c r="A3" s="569"/>
      <c r="B3" s="572" t="s">
        <v>112</v>
      </c>
      <c r="C3" s="572"/>
      <c r="D3" s="572"/>
      <c r="E3" s="572"/>
      <c r="F3" s="572"/>
      <c r="G3" s="572"/>
      <c r="H3" s="572"/>
      <c r="I3" s="572"/>
      <c r="J3" s="572"/>
      <c r="K3" s="572"/>
      <c r="L3" s="573"/>
      <c r="M3" s="567" t="s">
        <v>111</v>
      </c>
      <c r="N3" s="567"/>
      <c r="O3" s="567"/>
      <c r="P3" s="567"/>
      <c r="Q3" s="567"/>
      <c r="R3" s="567"/>
      <c r="S3" s="567"/>
      <c r="T3" s="567"/>
      <c r="U3" s="567"/>
      <c r="V3" s="567"/>
      <c r="W3" s="568"/>
      <c r="X3" s="566" t="s">
        <v>110</v>
      </c>
      <c r="Y3" s="567"/>
      <c r="Z3" s="567"/>
      <c r="AA3" s="567"/>
      <c r="AB3" s="567"/>
      <c r="AC3" s="567"/>
      <c r="AD3" s="567"/>
      <c r="AE3" s="567"/>
      <c r="AF3" s="567"/>
      <c r="AG3" s="567"/>
      <c r="AH3" s="568"/>
      <c r="AI3" s="566" t="s">
        <v>109</v>
      </c>
      <c r="AJ3" s="567"/>
      <c r="AK3" s="567"/>
      <c r="AL3" s="567"/>
      <c r="AM3" s="567"/>
      <c r="AN3" s="567"/>
      <c r="AO3" s="567"/>
      <c r="AP3" s="567"/>
      <c r="AQ3" s="567"/>
      <c r="AR3" s="567"/>
      <c r="AS3" s="568"/>
      <c r="AT3" s="566" t="s">
        <v>108</v>
      </c>
      <c r="AU3" s="567"/>
      <c r="AV3" s="567"/>
      <c r="AW3" s="567"/>
      <c r="AX3" s="567"/>
      <c r="AY3" s="567"/>
      <c r="AZ3" s="567"/>
      <c r="BA3" s="567"/>
      <c r="BB3" s="567"/>
      <c r="BC3" s="567"/>
      <c r="BD3" s="568"/>
      <c r="BE3" s="566" t="s">
        <v>107</v>
      </c>
      <c r="BF3" s="567"/>
      <c r="BG3" s="567"/>
      <c r="BH3" s="567"/>
      <c r="BI3" s="567"/>
      <c r="BJ3" s="567"/>
      <c r="BK3" s="567"/>
      <c r="BL3" s="567"/>
      <c r="BM3" s="567"/>
      <c r="BN3" s="567"/>
      <c r="BO3" s="568"/>
      <c r="BP3" s="566" t="s">
        <v>106</v>
      </c>
      <c r="BQ3" s="567"/>
      <c r="BR3" s="567"/>
      <c r="BS3" s="567"/>
      <c r="BT3" s="567"/>
      <c r="BU3" s="567"/>
      <c r="BV3" s="567"/>
      <c r="BW3" s="567"/>
      <c r="BX3" s="567"/>
      <c r="BY3" s="567"/>
      <c r="BZ3" s="568"/>
      <c r="CA3" s="566" t="s">
        <v>128</v>
      </c>
      <c r="CB3" s="567"/>
      <c r="CC3" s="567"/>
      <c r="CD3" s="567"/>
      <c r="CE3" s="567"/>
      <c r="CF3" s="567"/>
      <c r="CG3" s="567"/>
      <c r="CH3" s="567"/>
      <c r="CI3" s="567"/>
      <c r="CJ3" s="567"/>
      <c r="CK3" s="568"/>
      <c r="CL3" s="566" t="s">
        <v>161</v>
      </c>
      <c r="CM3" s="567"/>
      <c r="CN3" s="567"/>
      <c r="CO3" s="567"/>
      <c r="CP3" s="567"/>
      <c r="CQ3" s="567"/>
      <c r="CR3" s="567"/>
      <c r="CS3" s="567"/>
      <c r="CT3" s="567"/>
      <c r="CU3" s="567"/>
      <c r="CV3" s="568"/>
      <c r="CW3" s="566" t="s">
        <v>157</v>
      </c>
      <c r="CX3" s="567"/>
      <c r="CY3" s="567"/>
      <c r="CZ3" s="567"/>
      <c r="DA3" s="567"/>
      <c r="DB3" s="567"/>
      <c r="DC3" s="567"/>
      <c r="DD3" s="567"/>
      <c r="DE3" s="567"/>
      <c r="DF3" s="567"/>
      <c r="DG3" s="568"/>
    </row>
    <row r="4" spans="1:111" x14ac:dyDescent="0.2">
      <c r="A4" s="570"/>
      <c r="B4" s="574" t="s">
        <v>61</v>
      </c>
      <c r="C4" s="557"/>
      <c r="D4" s="558"/>
      <c r="E4" s="556" t="s">
        <v>62</v>
      </c>
      <c r="F4" s="557"/>
      <c r="G4" s="557"/>
      <c r="H4" s="557"/>
      <c r="I4" s="557"/>
      <c r="J4" s="557"/>
      <c r="K4" s="565"/>
      <c r="L4" s="559" t="s">
        <v>52</v>
      </c>
      <c r="M4" s="574" t="s">
        <v>61</v>
      </c>
      <c r="N4" s="557"/>
      <c r="O4" s="558"/>
      <c r="P4" s="556" t="s">
        <v>62</v>
      </c>
      <c r="Q4" s="557"/>
      <c r="R4" s="557"/>
      <c r="S4" s="557"/>
      <c r="T4" s="557"/>
      <c r="U4" s="557"/>
      <c r="V4" s="558"/>
      <c r="W4" s="559" t="s">
        <v>52</v>
      </c>
      <c r="X4" s="561" t="s">
        <v>61</v>
      </c>
      <c r="Y4" s="557"/>
      <c r="Z4" s="565"/>
      <c r="AA4" s="556" t="s">
        <v>62</v>
      </c>
      <c r="AB4" s="557"/>
      <c r="AC4" s="557"/>
      <c r="AD4" s="557"/>
      <c r="AE4" s="557"/>
      <c r="AF4" s="557"/>
      <c r="AG4" s="558"/>
      <c r="AH4" s="559" t="s">
        <v>52</v>
      </c>
      <c r="AI4" s="561" t="s">
        <v>61</v>
      </c>
      <c r="AJ4" s="557"/>
      <c r="AK4" s="558"/>
      <c r="AL4" s="556" t="s">
        <v>62</v>
      </c>
      <c r="AM4" s="557"/>
      <c r="AN4" s="557"/>
      <c r="AO4" s="557"/>
      <c r="AP4" s="557"/>
      <c r="AQ4" s="557"/>
      <c r="AR4" s="558"/>
      <c r="AS4" s="559" t="s">
        <v>52</v>
      </c>
      <c r="AT4" s="561" t="s">
        <v>61</v>
      </c>
      <c r="AU4" s="557"/>
      <c r="AV4" s="565"/>
      <c r="AW4" s="556" t="s">
        <v>62</v>
      </c>
      <c r="AX4" s="557"/>
      <c r="AY4" s="557"/>
      <c r="AZ4" s="557"/>
      <c r="BA4" s="557"/>
      <c r="BB4" s="557"/>
      <c r="BC4" s="565"/>
      <c r="BD4" s="559" t="s">
        <v>52</v>
      </c>
      <c r="BE4" s="561" t="s">
        <v>61</v>
      </c>
      <c r="BF4" s="557"/>
      <c r="BG4" s="558"/>
      <c r="BH4" s="556" t="s">
        <v>62</v>
      </c>
      <c r="BI4" s="557"/>
      <c r="BJ4" s="557"/>
      <c r="BK4" s="557"/>
      <c r="BL4" s="557"/>
      <c r="BM4" s="557"/>
      <c r="BN4" s="558"/>
      <c r="BO4" s="559" t="s">
        <v>52</v>
      </c>
      <c r="BP4" s="561" t="s">
        <v>61</v>
      </c>
      <c r="BQ4" s="557"/>
      <c r="BR4" s="558"/>
      <c r="BS4" s="556" t="s">
        <v>62</v>
      </c>
      <c r="BT4" s="557"/>
      <c r="BU4" s="557"/>
      <c r="BV4" s="557"/>
      <c r="BW4" s="557"/>
      <c r="BX4" s="557"/>
      <c r="BY4" s="558"/>
      <c r="BZ4" s="559" t="s">
        <v>52</v>
      </c>
      <c r="CA4" s="561" t="s">
        <v>61</v>
      </c>
      <c r="CB4" s="557"/>
      <c r="CC4" s="558"/>
      <c r="CD4" s="556" t="s">
        <v>62</v>
      </c>
      <c r="CE4" s="557"/>
      <c r="CF4" s="557"/>
      <c r="CG4" s="557"/>
      <c r="CH4" s="557"/>
      <c r="CI4" s="557"/>
      <c r="CJ4" s="558"/>
      <c r="CK4" s="559" t="s">
        <v>52</v>
      </c>
      <c r="CL4" s="561" t="s">
        <v>61</v>
      </c>
      <c r="CM4" s="557"/>
      <c r="CN4" s="558"/>
      <c r="CO4" s="556" t="s">
        <v>62</v>
      </c>
      <c r="CP4" s="557"/>
      <c r="CQ4" s="557"/>
      <c r="CR4" s="557"/>
      <c r="CS4" s="557"/>
      <c r="CT4" s="557"/>
      <c r="CU4" s="558"/>
      <c r="CV4" s="559" t="s">
        <v>52</v>
      </c>
      <c r="CW4" s="561" t="s">
        <v>61</v>
      </c>
      <c r="CX4" s="557"/>
      <c r="CY4" s="558"/>
      <c r="CZ4" s="556" t="s">
        <v>62</v>
      </c>
      <c r="DA4" s="557"/>
      <c r="DB4" s="557"/>
      <c r="DC4" s="557"/>
      <c r="DD4" s="557"/>
      <c r="DE4" s="557"/>
      <c r="DF4" s="558"/>
      <c r="DG4" s="559" t="s">
        <v>52</v>
      </c>
    </row>
    <row r="5" spans="1:111" ht="28.5" customHeight="1" thickBot="1" x14ac:dyDescent="0.25">
      <c r="A5" s="571"/>
      <c r="B5" s="299" t="s">
        <v>43</v>
      </c>
      <c r="C5" s="300" t="s">
        <v>44</v>
      </c>
      <c r="D5" s="301" t="s">
        <v>45</v>
      </c>
      <c r="E5" s="302" t="s">
        <v>83</v>
      </c>
      <c r="F5" s="294" t="s">
        <v>47</v>
      </c>
      <c r="G5" s="294" t="s">
        <v>48</v>
      </c>
      <c r="H5" s="294" t="s">
        <v>49</v>
      </c>
      <c r="I5" s="294" t="s">
        <v>50</v>
      </c>
      <c r="J5" s="294" t="s">
        <v>51</v>
      </c>
      <c r="K5" s="303" t="s">
        <v>45</v>
      </c>
      <c r="L5" s="560"/>
      <c r="M5" s="299" t="s">
        <v>43</v>
      </c>
      <c r="N5" s="294" t="s">
        <v>44</v>
      </c>
      <c r="O5" s="300" t="s">
        <v>45</v>
      </c>
      <c r="P5" s="302" t="s">
        <v>83</v>
      </c>
      <c r="Q5" s="294" t="s">
        <v>47</v>
      </c>
      <c r="R5" s="294" t="s">
        <v>48</v>
      </c>
      <c r="S5" s="294" t="s">
        <v>49</v>
      </c>
      <c r="T5" s="294" t="s">
        <v>50</v>
      </c>
      <c r="U5" s="294" t="s">
        <v>51</v>
      </c>
      <c r="V5" s="300" t="s">
        <v>45</v>
      </c>
      <c r="W5" s="560"/>
      <c r="X5" s="393" t="s">
        <v>43</v>
      </c>
      <c r="Y5" s="294" t="s">
        <v>44</v>
      </c>
      <c r="Z5" s="303" t="s">
        <v>45</v>
      </c>
      <c r="AA5" s="302" t="s">
        <v>83</v>
      </c>
      <c r="AB5" s="294" t="s">
        <v>47</v>
      </c>
      <c r="AC5" s="294" t="s">
        <v>48</v>
      </c>
      <c r="AD5" s="294" t="s">
        <v>49</v>
      </c>
      <c r="AE5" s="294" t="s">
        <v>50</v>
      </c>
      <c r="AF5" s="294" t="s">
        <v>51</v>
      </c>
      <c r="AG5" s="300" t="s">
        <v>45</v>
      </c>
      <c r="AH5" s="560"/>
      <c r="AI5" s="393" t="s">
        <v>43</v>
      </c>
      <c r="AJ5" s="294" t="s">
        <v>44</v>
      </c>
      <c r="AK5" s="300" t="s">
        <v>45</v>
      </c>
      <c r="AL5" s="302" t="s">
        <v>83</v>
      </c>
      <c r="AM5" s="294" t="s">
        <v>47</v>
      </c>
      <c r="AN5" s="294" t="s">
        <v>48</v>
      </c>
      <c r="AO5" s="294" t="s">
        <v>49</v>
      </c>
      <c r="AP5" s="294" t="s">
        <v>50</v>
      </c>
      <c r="AQ5" s="294" t="s">
        <v>51</v>
      </c>
      <c r="AR5" s="300" t="s">
        <v>45</v>
      </c>
      <c r="AS5" s="560"/>
      <c r="AT5" s="393" t="s">
        <v>43</v>
      </c>
      <c r="AU5" s="294" t="s">
        <v>44</v>
      </c>
      <c r="AV5" s="303" t="s">
        <v>45</v>
      </c>
      <c r="AW5" s="302" t="s">
        <v>83</v>
      </c>
      <c r="AX5" s="294" t="s">
        <v>47</v>
      </c>
      <c r="AY5" s="294" t="s">
        <v>48</v>
      </c>
      <c r="AZ5" s="294" t="s">
        <v>49</v>
      </c>
      <c r="BA5" s="294" t="s">
        <v>50</v>
      </c>
      <c r="BB5" s="294" t="s">
        <v>51</v>
      </c>
      <c r="BC5" s="303" t="s">
        <v>45</v>
      </c>
      <c r="BD5" s="560"/>
      <c r="BE5" s="393" t="s">
        <v>43</v>
      </c>
      <c r="BF5" s="294" t="s">
        <v>44</v>
      </c>
      <c r="BG5" s="300" t="s">
        <v>45</v>
      </c>
      <c r="BH5" s="302" t="s">
        <v>83</v>
      </c>
      <c r="BI5" s="294" t="s">
        <v>47</v>
      </c>
      <c r="BJ5" s="294" t="s">
        <v>48</v>
      </c>
      <c r="BK5" s="294" t="s">
        <v>49</v>
      </c>
      <c r="BL5" s="294" t="s">
        <v>50</v>
      </c>
      <c r="BM5" s="294" t="s">
        <v>51</v>
      </c>
      <c r="BN5" s="300" t="s">
        <v>45</v>
      </c>
      <c r="BO5" s="560"/>
      <c r="BP5" s="393" t="s">
        <v>43</v>
      </c>
      <c r="BQ5" s="294" t="s">
        <v>44</v>
      </c>
      <c r="BR5" s="300" t="s">
        <v>45</v>
      </c>
      <c r="BS5" s="302" t="s">
        <v>83</v>
      </c>
      <c r="BT5" s="294" t="s">
        <v>47</v>
      </c>
      <c r="BU5" s="294" t="s">
        <v>48</v>
      </c>
      <c r="BV5" s="294" t="s">
        <v>49</v>
      </c>
      <c r="BW5" s="294" t="s">
        <v>50</v>
      </c>
      <c r="BX5" s="294" t="s">
        <v>51</v>
      </c>
      <c r="BY5" s="300" t="s">
        <v>45</v>
      </c>
      <c r="BZ5" s="560"/>
      <c r="CA5" s="393" t="s">
        <v>43</v>
      </c>
      <c r="CB5" s="294" t="s">
        <v>44</v>
      </c>
      <c r="CC5" s="300" t="s">
        <v>45</v>
      </c>
      <c r="CD5" s="302" t="s">
        <v>83</v>
      </c>
      <c r="CE5" s="294" t="s">
        <v>47</v>
      </c>
      <c r="CF5" s="294" t="s">
        <v>48</v>
      </c>
      <c r="CG5" s="294" t="s">
        <v>49</v>
      </c>
      <c r="CH5" s="294" t="s">
        <v>50</v>
      </c>
      <c r="CI5" s="294" t="s">
        <v>51</v>
      </c>
      <c r="CJ5" s="300" t="s">
        <v>45</v>
      </c>
      <c r="CK5" s="560"/>
      <c r="CL5" s="409" t="s">
        <v>43</v>
      </c>
      <c r="CM5" s="294" t="s">
        <v>44</v>
      </c>
      <c r="CN5" s="300" t="s">
        <v>45</v>
      </c>
      <c r="CO5" s="302" t="s">
        <v>83</v>
      </c>
      <c r="CP5" s="294" t="s">
        <v>47</v>
      </c>
      <c r="CQ5" s="294" t="s">
        <v>48</v>
      </c>
      <c r="CR5" s="294" t="s">
        <v>49</v>
      </c>
      <c r="CS5" s="294" t="s">
        <v>50</v>
      </c>
      <c r="CT5" s="294" t="s">
        <v>51</v>
      </c>
      <c r="CU5" s="300" t="s">
        <v>45</v>
      </c>
      <c r="CV5" s="560"/>
      <c r="CW5" s="409" t="s">
        <v>43</v>
      </c>
      <c r="CX5" s="294" t="s">
        <v>44</v>
      </c>
      <c r="CY5" s="300" t="s">
        <v>45</v>
      </c>
      <c r="CZ5" s="302" t="s">
        <v>83</v>
      </c>
      <c r="DA5" s="294" t="s">
        <v>47</v>
      </c>
      <c r="DB5" s="294" t="s">
        <v>48</v>
      </c>
      <c r="DC5" s="294" t="s">
        <v>49</v>
      </c>
      <c r="DD5" s="294" t="s">
        <v>50</v>
      </c>
      <c r="DE5" s="294" t="s">
        <v>51</v>
      </c>
      <c r="DF5" s="300" t="s">
        <v>45</v>
      </c>
      <c r="DG5" s="560"/>
    </row>
    <row r="6" spans="1:111" ht="18.75" customHeight="1" x14ac:dyDescent="0.2">
      <c r="A6" s="295" t="s">
        <v>4</v>
      </c>
      <c r="B6" s="304">
        <v>0</v>
      </c>
      <c r="C6" s="305">
        <v>0</v>
      </c>
      <c r="D6" s="306">
        <v>0</v>
      </c>
      <c r="E6" s="307">
        <v>0</v>
      </c>
      <c r="F6" s="308">
        <v>11111</v>
      </c>
      <c r="G6" s="308">
        <v>17760</v>
      </c>
      <c r="H6" s="308">
        <v>16936</v>
      </c>
      <c r="I6" s="308">
        <v>20921</v>
      </c>
      <c r="J6" s="308">
        <v>19961</v>
      </c>
      <c r="K6" s="309">
        <v>86689</v>
      </c>
      <c r="L6" s="310">
        <v>86689</v>
      </c>
      <c r="M6" s="304">
        <v>1</v>
      </c>
      <c r="N6" s="308">
        <v>10</v>
      </c>
      <c r="O6" s="305">
        <v>11</v>
      </c>
      <c r="P6" s="307">
        <v>0</v>
      </c>
      <c r="Q6" s="308">
        <v>50</v>
      </c>
      <c r="R6" s="308">
        <v>144</v>
      </c>
      <c r="S6" s="308">
        <v>192</v>
      </c>
      <c r="T6" s="308">
        <v>556</v>
      </c>
      <c r="U6" s="308">
        <v>1093</v>
      </c>
      <c r="V6" s="305">
        <v>2035</v>
      </c>
      <c r="W6" s="310">
        <v>2046</v>
      </c>
      <c r="X6" s="304">
        <v>1002</v>
      </c>
      <c r="Y6" s="308">
        <v>2759</v>
      </c>
      <c r="Z6" s="305">
        <v>3761</v>
      </c>
      <c r="AA6" s="307">
        <v>0</v>
      </c>
      <c r="AB6" s="308">
        <v>7125</v>
      </c>
      <c r="AC6" s="308">
        <v>10361</v>
      </c>
      <c r="AD6" s="308">
        <v>6698</v>
      </c>
      <c r="AE6" s="308">
        <v>6369</v>
      </c>
      <c r="AF6" s="308">
        <v>4898</v>
      </c>
      <c r="AG6" s="305">
        <v>35451</v>
      </c>
      <c r="AH6" s="310">
        <v>39212</v>
      </c>
      <c r="AI6" s="304">
        <v>126</v>
      </c>
      <c r="AJ6" s="308">
        <v>515</v>
      </c>
      <c r="AK6" s="305">
        <v>641</v>
      </c>
      <c r="AL6" s="307">
        <v>0</v>
      </c>
      <c r="AM6" s="308">
        <v>821</v>
      </c>
      <c r="AN6" s="308">
        <v>1519</v>
      </c>
      <c r="AO6" s="308">
        <v>980</v>
      </c>
      <c r="AP6" s="308">
        <v>1085</v>
      </c>
      <c r="AQ6" s="308">
        <v>550</v>
      </c>
      <c r="AR6" s="305">
        <v>4955</v>
      </c>
      <c r="AS6" s="310">
        <v>5596</v>
      </c>
      <c r="AT6" s="304">
        <v>0</v>
      </c>
      <c r="AU6" s="308">
        <v>0</v>
      </c>
      <c r="AV6" s="305">
        <v>0</v>
      </c>
      <c r="AW6" s="307">
        <v>0</v>
      </c>
      <c r="AX6" s="308">
        <v>8696</v>
      </c>
      <c r="AY6" s="308">
        <v>8385</v>
      </c>
      <c r="AZ6" s="308">
        <v>4286</v>
      </c>
      <c r="BA6" s="308">
        <v>2761</v>
      </c>
      <c r="BB6" s="308">
        <v>1122</v>
      </c>
      <c r="BC6" s="309">
        <v>25250</v>
      </c>
      <c r="BD6" s="310">
        <v>25250</v>
      </c>
      <c r="BE6" s="304">
        <v>0</v>
      </c>
      <c r="BF6" s="308">
        <v>0</v>
      </c>
      <c r="BG6" s="305">
        <v>0</v>
      </c>
      <c r="BH6" s="307">
        <v>0</v>
      </c>
      <c r="BI6" s="308">
        <v>1638</v>
      </c>
      <c r="BJ6" s="308">
        <v>2715</v>
      </c>
      <c r="BK6" s="308">
        <v>1585</v>
      </c>
      <c r="BL6" s="308">
        <v>1109</v>
      </c>
      <c r="BM6" s="308">
        <v>389</v>
      </c>
      <c r="BN6" s="305">
        <v>7436</v>
      </c>
      <c r="BO6" s="310">
        <v>7436</v>
      </c>
      <c r="BP6" s="304">
        <v>19</v>
      </c>
      <c r="BQ6" s="308">
        <v>80</v>
      </c>
      <c r="BR6" s="305">
        <v>99</v>
      </c>
      <c r="BS6" s="307">
        <v>0</v>
      </c>
      <c r="BT6" s="308">
        <v>803</v>
      </c>
      <c r="BU6" s="308">
        <v>1521</v>
      </c>
      <c r="BV6" s="308">
        <v>1987</v>
      </c>
      <c r="BW6" s="308">
        <v>1931</v>
      </c>
      <c r="BX6" s="308">
        <v>701</v>
      </c>
      <c r="BY6" s="305">
        <v>6943</v>
      </c>
      <c r="BZ6" s="310">
        <v>7042</v>
      </c>
      <c r="CA6" s="304">
        <v>0</v>
      </c>
      <c r="CB6" s="308">
        <v>24</v>
      </c>
      <c r="CC6" s="305">
        <v>24</v>
      </c>
      <c r="CD6" s="307">
        <v>0</v>
      </c>
      <c r="CE6" s="308">
        <v>63</v>
      </c>
      <c r="CF6" s="308">
        <v>192</v>
      </c>
      <c r="CG6" s="308">
        <v>252</v>
      </c>
      <c r="CH6" s="308">
        <v>290</v>
      </c>
      <c r="CI6" s="308">
        <v>198</v>
      </c>
      <c r="CJ6" s="305">
        <v>995</v>
      </c>
      <c r="CK6" s="310">
        <v>1019</v>
      </c>
      <c r="CL6" s="304">
        <v>0</v>
      </c>
      <c r="CM6" s="308">
        <v>0</v>
      </c>
      <c r="CN6" s="305">
        <v>0</v>
      </c>
      <c r="CO6" s="307">
        <v>0</v>
      </c>
      <c r="CP6" s="308">
        <v>0</v>
      </c>
      <c r="CQ6" s="308">
        <v>0</v>
      </c>
      <c r="CR6" s="308">
        <v>0</v>
      </c>
      <c r="CS6" s="308">
        <v>0</v>
      </c>
      <c r="CT6" s="308">
        <v>0</v>
      </c>
      <c r="CU6" s="305">
        <v>0</v>
      </c>
      <c r="CV6" s="310">
        <v>0</v>
      </c>
      <c r="CW6" s="304">
        <v>0</v>
      </c>
      <c r="CX6" s="308">
        <v>0</v>
      </c>
      <c r="CY6" s="305">
        <v>0</v>
      </c>
      <c r="CZ6" s="307">
        <v>0</v>
      </c>
      <c r="DA6" s="308">
        <v>0</v>
      </c>
      <c r="DB6" s="308">
        <v>0</v>
      </c>
      <c r="DC6" s="308">
        <v>0</v>
      </c>
      <c r="DD6" s="308">
        <v>0</v>
      </c>
      <c r="DE6" s="308">
        <v>0</v>
      </c>
      <c r="DF6" s="305">
        <v>0</v>
      </c>
      <c r="DG6" s="310">
        <v>0</v>
      </c>
    </row>
    <row r="7" spans="1:111" ht="18.75" customHeight="1" x14ac:dyDescent="0.2">
      <c r="A7" s="296" t="s">
        <v>5</v>
      </c>
      <c r="B7" s="311">
        <v>0</v>
      </c>
      <c r="C7" s="312">
        <v>0</v>
      </c>
      <c r="D7" s="313">
        <v>0</v>
      </c>
      <c r="E7" s="314">
        <v>0</v>
      </c>
      <c r="F7" s="315">
        <v>4240</v>
      </c>
      <c r="G7" s="315">
        <v>8620</v>
      </c>
      <c r="H7" s="315">
        <v>6352</v>
      </c>
      <c r="I7" s="315">
        <v>8450</v>
      </c>
      <c r="J7" s="315">
        <v>8441</v>
      </c>
      <c r="K7" s="316">
        <v>36103</v>
      </c>
      <c r="L7" s="317">
        <v>36103</v>
      </c>
      <c r="M7" s="311">
        <v>1</v>
      </c>
      <c r="N7" s="315">
        <v>4</v>
      </c>
      <c r="O7" s="312">
        <v>5</v>
      </c>
      <c r="P7" s="314">
        <v>0</v>
      </c>
      <c r="Q7" s="315">
        <v>8</v>
      </c>
      <c r="R7" s="315">
        <v>52</v>
      </c>
      <c r="S7" s="315">
        <v>83</v>
      </c>
      <c r="T7" s="315">
        <v>267</v>
      </c>
      <c r="U7" s="315">
        <v>430</v>
      </c>
      <c r="V7" s="312">
        <v>840</v>
      </c>
      <c r="W7" s="317">
        <v>845</v>
      </c>
      <c r="X7" s="311">
        <v>506</v>
      </c>
      <c r="Y7" s="315">
        <v>1492</v>
      </c>
      <c r="Z7" s="312">
        <v>1998</v>
      </c>
      <c r="AA7" s="314">
        <v>0</v>
      </c>
      <c r="AB7" s="315">
        <v>2707</v>
      </c>
      <c r="AC7" s="315">
        <v>5753</v>
      </c>
      <c r="AD7" s="315">
        <v>3085</v>
      </c>
      <c r="AE7" s="315">
        <v>3125</v>
      </c>
      <c r="AF7" s="315">
        <v>2294</v>
      </c>
      <c r="AG7" s="312">
        <v>16964</v>
      </c>
      <c r="AH7" s="317">
        <v>18962</v>
      </c>
      <c r="AI7" s="311">
        <v>80</v>
      </c>
      <c r="AJ7" s="315">
        <v>335</v>
      </c>
      <c r="AK7" s="312">
        <v>415</v>
      </c>
      <c r="AL7" s="314">
        <v>0</v>
      </c>
      <c r="AM7" s="315">
        <v>206</v>
      </c>
      <c r="AN7" s="315">
        <v>800</v>
      </c>
      <c r="AO7" s="315">
        <v>386</v>
      </c>
      <c r="AP7" s="315">
        <v>572</v>
      </c>
      <c r="AQ7" s="315">
        <v>214</v>
      </c>
      <c r="AR7" s="312">
        <v>2178</v>
      </c>
      <c r="AS7" s="317">
        <v>2593</v>
      </c>
      <c r="AT7" s="311">
        <v>0</v>
      </c>
      <c r="AU7" s="315">
        <v>0</v>
      </c>
      <c r="AV7" s="312">
        <v>0</v>
      </c>
      <c r="AW7" s="314">
        <v>0</v>
      </c>
      <c r="AX7" s="315">
        <v>2922</v>
      </c>
      <c r="AY7" s="315">
        <v>3684</v>
      </c>
      <c r="AZ7" s="315">
        <v>1742</v>
      </c>
      <c r="BA7" s="315">
        <v>1012</v>
      </c>
      <c r="BB7" s="315">
        <v>407</v>
      </c>
      <c r="BC7" s="316">
        <v>9767</v>
      </c>
      <c r="BD7" s="317">
        <v>9767</v>
      </c>
      <c r="BE7" s="311">
        <v>0</v>
      </c>
      <c r="BF7" s="315">
        <v>0</v>
      </c>
      <c r="BG7" s="312">
        <v>0</v>
      </c>
      <c r="BH7" s="314">
        <v>0</v>
      </c>
      <c r="BI7" s="315">
        <v>574</v>
      </c>
      <c r="BJ7" s="315">
        <v>1467</v>
      </c>
      <c r="BK7" s="315">
        <v>850</v>
      </c>
      <c r="BL7" s="315">
        <v>450</v>
      </c>
      <c r="BM7" s="315">
        <v>201</v>
      </c>
      <c r="BN7" s="312">
        <v>3542</v>
      </c>
      <c r="BO7" s="317">
        <v>3542</v>
      </c>
      <c r="BP7" s="311">
        <v>6</v>
      </c>
      <c r="BQ7" s="315">
        <v>46</v>
      </c>
      <c r="BR7" s="312">
        <v>52</v>
      </c>
      <c r="BS7" s="314">
        <v>0</v>
      </c>
      <c r="BT7" s="315">
        <v>307</v>
      </c>
      <c r="BU7" s="315">
        <v>842</v>
      </c>
      <c r="BV7" s="315">
        <v>911</v>
      </c>
      <c r="BW7" s="315">
        <v>920</v>
      </c>
      <c r="BX7" s="315">
        <v>253</v>
      </c>
      <c r="BY7" s="312">
        <v>3233</v>
      </c>
      <c r="BZ7" s="317">
        <v>3285</v>
      </c>
      <c r="CA7" s="311">
        <v>0</v>
      </c>
      <c r="CB7" s="315">
        <v>24</v>
      </c>
      <c r="CC7" s="312">
        <v>24</v>
      </c>
      <c r="CD7" s="314">
        <v>0</v>
      </c>
      <c r="CE7" s="315">
        <v>39</v>
      </c>
      <c r="CF7" s="315">
        <v>85</v>
      </c>
      <c r="CG7" s="315">
        <v>152</v>
      </c>
      <c r="CH7" s="315">
        <v>191</v>
      </c>
      <c r="CI7" s="315">
        <v>134</v>
      </c>
      <c r="CJ7" s="312">
        <v>601</v>
      </c>
      <c r="CK7" s="317">
        <v>625</v>
      </c>
      <c r="CL7" s="311">
        <v>0</v>
      </c>
      <c r="CM7" s="315">
        <v>0</v>
      </c>
      <c r="CN7" s="312">
        <v>0</v>
      </c>
      <c r="CO7" s="314">
        <v>0</v>
      </c>
      <c r="CP7" s="315">
        <v>0</v>
      </c>
      <c r="CQ7" s="315">
        <v>0</v>
      </c>
      <c r="CR7" s="315">
        <v>0</v>
      </c>
      <c r="CS7" s="315">
        <v>0</v>
      </c>
      <c r="CT7" s="315">
        <v>0</v>
      </c>
      <c r="CU7" s="312">
        <v>0</v>
      </c>
      <c r="CV7" s="317">
        <v>0</v>
      </c>
      <c r="CW7" s="311">
        <v>0</v>
      </c>
      <c r="CX7" s="315">
        <v>0</v>
      </c>
      <c r="CY7" s="312">
        <v>0</v>
      </c>
      <c r="CZ7" s="314">
        <v>0</v>
      </c>
      <c r="DA7" s="315">
        <v>0</v>
      </c>
      <c r="DB7" s="315">
        <v>0</v>
      </c>
      <c r="DC7" s="315">
        <v>0</v>
      </c>
      <c r="DD7" s="315">
        <v>0</v>
      </c>
      <c r="DE7" s="315">
        <v>0</v>
      </c>
      <c r="DF7" s="312">
        <v>0</v>
      </c>
      <c r="DG7" s="317">
        <v>0</v>
      </c>
    </row>
    <row r="8" spans="1:111" ht="18.75" customHeight="1" x14ac:dyDescent="0.2">
      <c r="A8" s="296" t="s">
        <v>6</v>
      </c>
      <c r="B8" s="311">
        <v>0</v>
      </c>
      <c r="C8" s="312">
        <v>0</v>
      </c>
      <c r="D8" s="313">
        <v>0</v>
      </c>
      <c r="E8" s="314">
        <v>0</v>
      </c>
      <c r="F8" s="315">
        <v>1913</v>
      </c>
      <c r="G8" s="315">
        <v>3163</v>
      </c>
      <c r="H8" s="315">
        <v>2591</v>
      </c>
      <c r="I8" s="315">
        <v>4176</v>
      </c>
      <c r="J8" s="315">
        <v>2879</v>
      </c>
      <c r="K8" s="316">
        <v>14722</v>
      </c>
      <c r="L8" s="317">
        <v>14722</v>
      </c>
      <c r="M8" s="311">
        <v>0</v>
      </c>
      <c r="N8" s="315">
        <v>6</v>
      </c>
      <c r="O8" s="312">
        <v>6</v>
      </c>
      <c r="P8" s="314">
        <v>0</v>
      </c>
      <c r="Q8" s="315">
        <v>0</v>
      </c>
      <c r="R8" s="315">
        <v>26</v>
      </c>
      <c r="S8" s="315">
        <v>38</v>
      </c>
      <c r="T8" s="315">
        <v>89</v>
      </c>
      <c r="U8" s="315">
        <v>160</v>
      </c>
      <c r="V8" s="312">
        <v>313</v>
      </c>
      <c r="W8" s="317">
        <v>319</v>
      </c>
      <c r="X8" s="311">
        <v>174</v>
      </c>
      <c r="Y8" s="315">
        <v>540</v>
      </c>
      <c r="Z8" s="312">
        <v>714</v>
      </c>
      <c r="AA8" s="314">
        <v>0</v>
      </c>
      <c r="AB8" s="315">
        <v>1849</v>
      </c>
      <c r="AC8" s="315">
        <v>1857</v>
      </c>
      <c r="AD8" s="315">
        <v>1403</v>
      </c>
      <c r="AE8" s="315">
        <v>1092</v>
      </c>
      <c r="AF8" s="315">
        <v>807</v>
      </c>
      <c r="AG8" s="312">
        <v>7008</v>
      </c>
      <c r="AH8" s="317">
        <v>7722</v>
      </c>
      <c r="AI8" s="311">
        <v>0</v>
      </c>
      <c r="AJ8" s="315">
        <v>44</v>
      </c>
      <c r="AK8" s="312">
        <v>44</v>
      </c>
      <c r="AL8" s="314">
        <v>0</v>
      </c>
      <c r="AM8" s="315">
        <v>218</v>
      </c>
      <c r="AN8" s="315">
        <v>173</v>
      </c>
      <c r="AO8" s="315">
        <v>139</v>
      </c>
      <c r="AP8" s="315">
        <v>160</v>
      </c>
      <c r="AQ8" s="315">
        <v>40</v>
      </c>
      <c r="AR8" s="312">
        <v>730</v>
      </c>
      <c r="AS8" s="317">
        <v>774</v>
      </c>
      <c r="AT8" s="311">
        <v>0</v>
      </c>
      <c r="AU8" s="315">
        <v>0</v>
      </c>
      <c r="AV8" s="312">
        <v>0</v>
      </c>
      <c r="AW8" s="314">
        <v>0</v>
      </c>
      <c r="AX8" s="315">
        <v>1618</v>
      </c>
      <c r="AY8" s="315">
        <v>1150</v>
      </c>
      <c r="AZ8" s="315">
        <v>708</v>
      </c>
      <c r="BA8" s="315">
        <v>515</v>
      </c>
      <c r="BB8" s="315">
        <v>222</v>
      </c>
      <c r="BC8" s="316">
        <v>4213</v>
      </c>
      <c r="BD8" s="317">
        <v>4213</v>
      </c>
      <c r="BE8" s="311">
        <v>0</v>
      </c>
      <c r="BF8" s="315">
        <v>0</v>
      </c>
      <c r="BG8" s="312">
        <v>0</v>
      </c>
      <c r="BH8" s="314">
        <v>0</v>
      </c>
      <c r="BI8" s="315">
        <v>255</v>
      </c>
      <c r="BJ8" s="315">
        <v>306</v>
      </c>
      <c r="BK8" s="315">
        <v>182</v>
      </c>
      <c r="BL8" s="315">
        <v>204</v>
      </c>
      <c r="BM8" s="315">
        <v>39</v>
      </c>
      <c r="BN8" s="312">
        <v>986</v>
      </c>
      <c r="BO8" s="317">
        <v>986</v>
      </c>
      <c r="BP8" s="311">
        <v>0</v>
      </c>
      <c r="BQ8" s="315">
        <v>16</v>
      </c>
      <c r="BR8" s="312">
        <v>16</v>
      </c>
      <c r="BS8" s="314">
        <v>0</v>
      </c>
      <c r="BT8" s="315">
        <v>122</v>
      </c>
      <c r="BU8" s="315">
        <v>69</v>
      </c>
      <c r="BV8" s="315">
        <v>207</v>
      </c>
      <c r="BW8" s="315">
        <v>172</v>
      </c>
      <c r="BX8" s="315">
        <v>132</v>
      </c>
      <c r="BY8" s="312">
        <v>702</v>
      </c>
      <c r="BZ8" s="317">
        <v>718</v>
      </c>
      <c r="CA8" s="311">
        <v>0</v>
      </c>
      <c r="CB8" s="315">
        <v>0</v>
      </c>
      <c r="CC8" s="312">
        <v>0</v>
      </c>
      <c r="CD8" s="314">
        <v>0</v>
      </c>
      <c r="CE8" s="315">
        <v>3</v>
      </c>
      <c r="CF8" s="315">
        <v>21</v>
      </c>
      <c r="CG8" s="315">
        <v>42</v>
      </c>
      <c r="CH8" s="315">
        <v>43</v>
      </c>
      <c r="CI8" s="315">
        <v>0</v>
      </c>
      <c r="CJ8" s="312">
        <v>109</v>
      </c>
      <c r="CK8" s="317">
        <v>109</v>
      </c>
      <c r="CL8" s="311">
        <v>0</v>
      </c>
      <c r="CM8" s="315">
        <v>0</v>
      </c>
      <c r="CN8" s="312">
        <v>0</v>
      </c>
      <c r="CO8" s="314">
        <v>0</v>
      </c>
      <c r="CP8" s="315">
        <v>0</v>
      </c>
      <c r="CQ8" s="315">
        <v>0</v>
      </c>
      <c r="CR8" s="315">
        <v>0</v>
      </c>
      <c r="CS8" s="315">
        <v>0</v>
      </c>
      <c r="CT8" s="315">
        <v>0</v>
      </c>
      <c r="CU8" s="312">
        <v>0</v>
      </c>
      <c r="CV8" s="317">
        <v>0</v>
      </c>
      <c r="CW8" s="311">
        <v>0</v>
      </c>
      <c r="CX8" s="315">
        <v>0</v>
      </c>
      <c r="CY8" s="312">
        <v>0</v>
      </c>
      <c r="CZ8" s="314">
        <v>0</v>
      </c>
      <c r="DA8" s="315">
        <v>0</v>
      </c>
      <c r="DB8" s="315">
        <v>0</v>
      </c>
      <c r="DC8" s="315">
        <v>0</v>
      </c>
      <c r="DD8" s="315">
        <v>0</v>
      </c>
      <c r="DE8" s="315">
        <v>0</v>
      </c>
      <c r="DF8" s="312">
        <v>0</v>
      </c>
      <c r="DG8" s="317">
        <v>0</v>
      </c>
    </row>
    <row r="9" spans="1:111" ht="18.75" customHeight="1" x14ac:dyDescent="0.2">
      <c r="A9" s="296" t="s">
        <v>14</v>
      </c>
      <c r="B9" s="311">
        <v>0</v>
      </c>
      <c r="C9" s="312">
        <v>0</v>
      </c>
      <c r="D9" s="313">
        <v>0</v>
      </c>
      <c r="E9" s="314">
        <v>0</v>
      </c>
      <c r="F9" s="315">
        <v>632</v>
      </c>
      <c r="G9" s="315">
        <v>672</v>
      </c>
      <c r="H9" s="315">
        <v>1463</v>
      </c>
      <c r="I9" s="315">
        <v>1271</v>
      </c>
      <c r="J9" s="315">
        <v>1496</v>
      </c>
      <c r="K9" s="316">
        <v>5534</v>
      </c>
      <c r="L9" s="317">
        <v>5534</v>
      </c>
      <c r="M9" s="311">
        <v>0</v>
      </c>
      <c r="N9" s="315">
        <v>0</v>
      </c>
      <c r="O9" s="312">
        <v>0</v>
      </c>
      <c r="P9" s="314">
        <v>0</v>
      </c>
      <c r="Q9" s="315">
        <v>0</v>
      </c>
      <c r="R9" s="315">
        <v>7</v>
      </c>
      <c r="S9" s="315">
        <v>6</v>
      </c>
      <c r="T9" s="315">
        <v>56</v>
      </c>
      <c r="U9" s="315">
        <v>90</v>
      </c>
      <c r="V9" s="312">
        <v>159</v>
      </c>
      <c r="W9" s="317">
        <v>159</v>
      </c>
      <c r="X9" s="311">
        <v>34</v>
      </c>
      <c r="Y9" s="315">
        <v>114</v>
      </c>
      <c r="Z9" s="312">
        <v>148</v>
      </c>
      <c r="AA9" s="314">
        <v>0</v>
      </c>
      <c r="AB9" s="315">
        <v>275</v>
      </c>
      <c r="AC9" s="315">
        <v>493</v>
      </c>
      <c r="AD9" s="315">
        <v>419</v>
      </c>
      <c r="AE9" s="315">
        <v>464</v>
      </c>
      <c r="AF9" s="315">
        <v>332</v>
      </c>
      <c r="AG9" s="312">
        <v>1983</v>
      </c>
      <c r="AH9" s="317">
        <v>2131</v>
      </c>
      <c r="AI9" s="311">
        <v>0</v>
      </c>
      <c r="AJ9" s="315">
        <v>17</v>
      </c>
      <c r="AK9" s="312">
        <v>17</v>
      </c>
      <c r="AL9" s="314">
        <v>0</v>
      </c>
      <c r="AM9" s="315">
        <v>9</v>
      </c>
      <c r="AN9" s="315">
        <v>44</v>
      </c>
      <c r="AO9" s="315">
        <v>64</v>
      </c>
      <c r="AP9" s="315">
        <v>28</v>
      </c>
      <c r="AQ9" s="315">
        <v>8</v>
      </c>
      <c r="AR9" s="312">
        <v>153</v>
      </c>
      <c r="AS9" s="317">
        <v>170</v>
      </c>
      <c r="AT9" s="311">
        <v>0</v>
      </c>
      <c r="AU9" s="315">
        <v>0</v>
      </c>
      <c r="AV9" s="312">
        <v>0</v>
      </c>
      <c r="AW9" s="314">
        <v>0</v>
      </c>
      <c r="AX9" s="315">
        <v>668</v>
      </c>
      <c r="AY9" s="315">
        <v>444</v>
      </c>
      <c r="AZ9" s="315">
        <v>366</v>
      </c>
      <c r="BA9" s="315">
        <v>232</v>
      </c>
      <c r="BB9" s="315">
        <v>127</v>
      </c>
      <c r="BC9" s="316">
        <v>1837</v>
      </c>
      <c r="BD9" s="317">
        <v>1837</v>
      </c>
      <c r="BE9" s="311">
        <v>0</v>
      </c>
      <c r="BF9" s="315">
        <v>0</v>
      </c>
      <c r="BG9" s="312">
        <v>0</v>
      </c>
      <c r="BH9" s="314">
        <v>0</v>
      </c>
      <c r="BI9" s="315">
        <v>45</v>
      </c>
      <c r="BJ9" s="315">
        <v>109</v>
      </c>
      <c r="BK9" s="315">
        <v>56</v>
      </c>
      <c r="BL9" s="315">
        <v>62</v>
      </c>
      <c r="BM9" s="315">
        <v>12</v>
      </c>
      <c r="BN9" s="312">
        <v>284</v>
      </c>
      <c r="BO9" s="317">
        <v>284</v>
      </c>
      <c r="BP9" s="311">
        <v>0</v>
      </c>
      <c r="BQ9" s="315">
        <v>0</v>
      </c>
      <c r="BR9" s="312">
        <v>0</v>
      </c>
      <c r="BS9" s="314">
        <v>0</v>
      </c>
      <c r="BT9" s="315">
        <v>104</v>
      </c>
      <c r="BU9" s="315">
        <v>83</v>
      </c>
      <c r="BV9" s="315">
        <v>178</v>
      </c>
      <c r="BW9" s="315">
        <v>186</v>
      </c>
      <c r="BX9" s="315">
        <v>100</v>
      </c>
      <c r="BY9" s="312">
        <v>651</v>
      </c>
      <c r="BZ9" s="317">
        <v>651</v>
      </c>
      <c r="CA9" s="311">
        <v>0</v>
      </c>
      <c r="CB9" s="315">
        <v>0</v>
      </c>
      <c r="CC9" s="312">
        <v>0</v>
      </c>
      <c r="CD9" s="314">
        <v>0</v>
      </c>
      <c r="CE9" s="315">
        <v>0</v>
      </c>
      <c r="CF9" s="315">
        <v>0</v>
      </c>
      <c r="CG9" s="315">
        <v>0</v>
      </c>
      <c r="CH9" s="315">
        <v>0</v>
      </c>
      <c r="CI9" s="315">
        <v>51</v>
      </c>
      <c r="CJ9" s="312">
        <v>51</v>
      </c>
      <c r="CK9" s="317">
        <v>51</v>
      </c>
      <c r="CL9" s="311">
        <v>0</v>
      </c>
      <c r="CM9" s="315">
        <v>0</v>
      </c>
      <c r="CN9" s="312">
        <v>0</v>
      </c>
      <c r="CO9" s="314">
        <v>0</v>
      </c>
      <c r="CP9" s="315">
        <v>0</v>
      </c>
      <c r="CQ9" s="315">
        <v>0</v>
      </c>
      <c r="CR9" s="315">
        <v>0</v>
      </c>
      <c r="CS9" s="315">
        <v>0</v>
      </c>
      <c r="CT9" s="315">
        <v>0</v>
      </c>
      <c r="CU9" s="312">
        <v>0</v>
      </c>
      <c r="CV9" s="317">
        <v>0</v>
      </c>
      <c r="CW9" s="311">
        <v>0</v>
      </c>
      <c r="CX9" s="315">
        <v>0</v>
      </c>
      <c r="CY9" s="312">
        <v>0</v>
      </c>
      <c r="CZ9" s="314">
        <v>0</v>
      </c>
      <c r="DA9" s="315">
        <v>0</v>
      </c>
      <c r="DB9" s="315">
        <v>0</v>
      </c>
      <c r="DC9" s="315">
        <v>0</v>
      </c>
      <c r="DD9" s="315">
        <v>0</v>
      </c>
      <c r="DE9" s="315">
        <v>0</v>
      </c>
      <c r="DF9" s="312">
        <v>0</v>
      </c>
      <c r="DG9" s="317">
        <v>0</v>
      </c>
    </row>
    <row r="10" spans="1:111" ht="18.75" customHeight="1" x14ac:dyDescent="0.2">
      <c r="A10" s="296" t="s">
        <v>7</v>
      </c>
      <c r="B10" s="311">
        <v>0</v>
      </c>
      <c r="C10" s="312">
        <v>0</v>
      </c>
      <c r="D10" s="313">
        <v>0</v>
      </c>
      <c r="E10" s="314">
        <v>0</v>
      </c>
      <c r="F10" s="315">
        <v>590</v>
      </c>
      <c r="G10" s="315">
        <v>535</v>
      </c>
      <c r="H10" s="315">
        <v>662</v>
      </c>
      <c r="I10" s="315">
        <v>327</v>
      </c>
      <c r="J10" s="315">
        <v>821</v>
      </c>
      <c r="K10" s="316">
        <v>2935</v>
      </c>
      <c r="L10" s="317">
        <v>2935</v>
      </c>
      <c r="M10" s="311">
        <v>0</v>
      </c>
      <c r="N10" s="315">
        <v>0</v>
      </c>
      <c r="O10" s="312">
        <v>0</v>
      </c>
      <c r="P10" s="314">
        <v>0</v>
      </c>
      <c r="Q10" s="315">
        <v>10</v>
      </c>
      <c r="R10" s="315">
        <v>5</v>
      </c>
      <c r="S10" s="315">
        <v>4</v>
      </c>
      <c r="T10" s="315">
        <v>5</v>
      </c>
      <c r="U10" s="315">
        <v>46</v>
      </c>
      <c r="V10" s="312">
        <v>70</v>
      </c>
      <c r="W10" s="317">
        <v>70</v>
      </c>
      <c r="X10" s="311">
        <v>0</v>
      </c>
      <c r="Y10" s="315">
        <v>33</v>
      </c>
      <c r="Z10" s="312">
        <v>33</v>
      </c>
      <c r="AA10" s="314">
        <v>0</v>
      </c>
      <c r="AB10" s="315">
        <v>213</v>
      </c>
      <c r="AC10" s="315">
        <v>221</v>
      </c>
      <c r="AD10" s="315">
        <v>106</v>
      </c>
      <c r="AE10" s="315">
        <v>102</v>
      </c>
      <c r="AF10" s="315">
        <v>147</v>
      </c>
      <c r="AG10" s="312">
        <v>789</v>
      </c>
      <c r="AH10" s="317">
        <v>822</v>
      </c>
      <c r="AI10" s="311">
        <v>0</v>
      </c>
      <c r="AJ10" s="315">
        <v>0</v>
      </c>
      <c r="AK10" s="312">
        <v>0</v>
      </c>
      <c r="AL10" s="314">
        <v>0</v>
      </c>
      <c r="AM10" s="315">
        <v>30</v>
      </c>
      <c r="AN10" s="315">
        <v>57</v>
      </c>
      <c r="AO10" s="315">
        <v>16</v>
      </c>
      <c r="AP10" s="315">
        <v>26</v>
      </c>
      <c r="AQ10" s="315">
        <v>8</v>
      </c>
      <c r="AR10" s="312">
        <v>137</v>
      </c>
      <c r="AS10" s="317">
        <v>137</v>
      </c>
      <c r="AT10" s="311">
        <v>0</v>
      </c>
      <c r="AU10" s="315">
        <v>0</v>
      </c>
      <c r="AV10" s="312">
        <v>0</v>
      </c>
      <c r="AW10" s="314">
        <v>0</v>
      </c>
      <c r="AX10" s="315">
        <v>410</v>
      </c>
      <c r="AY10" s="315">
        <v>278</v>
      </c>
      <c r="AZ10" s="315">
        <v>55</v>
      </c>
      <c r="BA10" s="315">
        <v>47</v>
      </c>
      <c r="BB10" s="315">
        <v>49</v>
      </c>
      <c r="BC10" s="316">
        <v>839</v>
      </c>
      <c r="BD10" s="317">
        <v>839</v>
      </c>
      <c r="BE10" s="311">
        <v>0</v>
      </c>
      <c r="BF10" s="315">
        <v>0</v>
      </c>
      <c r="BG10" s="312">
        <v>0</v>
      </c>
      <c r="BH10" s="314">
        <v>0</v>
      </c>
      <c r="BI10" s="315">
        <v>119</v>
      </c>
      <c r="BJ10" s="315">
        <v>90</v>
      </c>
      <c r="BK10" s="315">
        <v>44</v>
      </c>
      <c r="BL10" s="315">
        <v>13</v>
      </c>
      <c r="BM10" s="315">
        <v>13</v>
      </c>
      <c r="BN10" s="312">
        <v>279</v>
      </c>
      <c r="BO10" s="317">
        <v>279</v>
      </c>
      <c r="BP10" s="311">
        <v>0</v>
      </c>
      <c r="BQ10" s="315">
        <v>0</v>
      </c>
      <c r="BR10" s="312">
        <v>0</v>
      </c>
      <c r="BS10" s="314">
        <v>0</v>
      </c>
      <c r="BT10" s="315">
        <v>27</v>
      </c>
      <c r="BU10" s="315">
        <v>39</v>
      </c>
      <c r="BV10" s="315">
        <v>105</v>
      </c>
      <c r="BW10" s="315">
        <v>26</v>
      </c>
      <c r="BX10" s="315">
        <v>23</v>
      </c>
      <c r="BY10" s="312">
        <v>220</v>
      </c>
      <c r="BZ10" s="317">
        <v>220</v>
      </c>
      <c r="CA10" s="311">
        <v>0</v>
      </c>
      <c r="CB10" s="315">
        <v>0</v>
      </c>
      <c r="CC10" s="312">
        <v>0</v>
      </c>
      <c r="CD10" s="314">
        <v>0</v>
      </c>
      <c r="CE10" s="315">
        <v>11</v>
      </c>
      <c r="CF10" s="315">
        <v>7</v>
      </c>
      <c r="CG10" s="315">
        <v>0</v>
      </c>
      <c r="CH10" s="315">
        <v>0</v>
      </c>
      <c r="CI10" s="315">
        <v>4</v>
      </c>
      <c r="CJ10" s="312">
        <v>22</v>
      </c>
      <c r="CK10" s="317">
        <v>22</v>
      </c>
      <c r="CL10" s="311">
        <v>0</v>
      </c>
      <c r="CM10" s="315">
        <v>0</v>
      </c>
      <c r="CN10" s="312">
        <v>0</v>
      </c>
      <c r="CO10" s="314">
        <v>0</v>
      </c>
      <c r="CP10" s="315">
        <v>0</v>
      </c>
      <c r="CQ10" s="315">
        <v>0</v>
      </c>
      <c r="CR10" s="315">
        <v>0</v>
      </c>
      <c r="CS10" s="315">
        <v>0</v>
      </c>
      <c r="CT10" s="315">
        <v>0</v>
      </c>
      <c r="CU10" s="312">
        <v>0</v>
      </c>
      <c r="CV10" s="317">
        <v>0</v>
      </c>
      <c r="CW10" s="311">
        <v>0</v>
      </c>
      <c r="CX10" s="315">
        <v>0</v>
      </c>
      <c r="CY10" s="312">
        <v>0</v>
      </c>
      <c r="CZ10" s="314">
        <v>0</v>
      </c>
      <c r="DA10" s="315">
        <v>0</v>
      </c>
      <c r="DB10" s="315">
        <v>0</v>
      </c>
      <c r="DC10" s="315">
        <v>0</v>
      </c>
      <c r="DD10" s="315">
        <v>0</v>
      </c>
      <c r="DE10" s="315">
        <v>0</v>
      </c>
      <c r="DF10" s="312">
        <v>0</v>
      </c>
      <c r="DG10" s="317">
        <v>0</v>
      </c>
    </row>
    <row r="11" spans="1:111" ht="18.75" customHeight="1" x14ac:dyDescent="0.2">
      <c r="A11" s="296" t="s">
        <v>8</v>
      </c>
      <c r="B11" s="311">
        <v>0</v>
      </c>
      <c r="C11" s="312">
        <v>0</v>
      </c>
      <c r="D11" s="313">
        <v>0</v>
      </c>
      <c r="E11" s="314">
        <v>0</v>
      </c>
      <c r="F11" s="315">
        <v>196</v>
      </c>
      <c r="G11" s="315">
        <v>382</v>
      </c>
      <c r="H11" s="315">
        <v>152</v>
      </c>
      <c r="I11" s="315">
        <v>282</v>
      </c>
      <c r="J11" s="315">
        <v>278</v>
      </c>
      <c r="K11" s="316">
        <v>1290</v>
      </c>
      <c r="L11" s="317">
        <v>1290</v>
      </c>
      <c r="M11" s="311">
        <v>0</v>
      </c>
      <c r="N11" s="315">
        <v>0</v>
      </c>
      <c r="O11" s="312">
        <v>0</v>
      </c>
      <c r="P11" s="314">
        <v>0</v>
      </c>
      <c r="Q11" s="315">
        <v>0</v>
      </c>
      <c r="R11" s="315">
        <v>7</v>
      </c>
      <c r="S11" s="315">
        <v>0</v>
      </c>
      <c r="T11" s="315">
        <v>28</v>
      </c>
      <c r="U11" s="315">
        <v>16</v>
      </c>
      <c r="V11" s="312">
        <v>51</v>
      </c>
      <c r="W11" s="317">
        <v>51</v>
      </c>
      <c r="X11" s="311">
        <v>5</v>
      </c>
      <c r="Y11" s="315">
        <v>1</v>
      </c>
      <c r="Z11" s="312">
        <v>6</v>
      </c>
      <c r="AA11" s="314">
        <v>0</v>
      </c>
      <c r="AB11" s="315">
        <v>30</v>
      </c>
      <c r="AC11" s="315">
        <v>71</v>
      </c>
      <c r="AD11" s="315">
        <v>21</v>
      </c>
      <c r="AE11" s="315">
        <v>71</v>
      </c>
      <c r="AF11" s="315">
        <v>23</v>
      </c>
      <c r="AG11" s="312">
        <v>216</v>
      </c>
      <c r="AH11" s="317">
        <v>222</v>
      </c>
      <c r="AI11" s="311">
        <v>0</v>
      </c>
      <c r="AJ11" s="315">
        <v>18</v>
      </c>
      <c r="AK11" s="312">
        <v>18</v>
      </c>
      <c r="AL11" s="314">
        <v>0</v>
      </c>
      <c r="AM11" s="315">
        <v>0</v>
      </c>
      <c r="AN11" s="315">
        <v>46</v>
      </c>
      <c r="AO11" s="315">
        <v>94</v>
      </c>
      <c r="AP11" s="315">
        <v>15</v>
      </c>
      <c r="AQ11" s="315">
        <v>24</v>
      </c>
      <c r="AR11" s="312">
        <v>179</v>
      </c>
      <c r="AS11" s="317">
        <v>197</v>
      </c>
      <c r="AT11" s="311">
        <v>0</v>
      </c>
      <c r="AU11" s="315">
        <v>0</v>
      </c>
      <c r="AV11" s="312">
        <v>0</v>
      </c>
      <c r="AW11" s="314">
        <v>0</v>
      </c>
      <c r="AX11" s="315">
        <v>167</v>
      </c>
      <c r="AY11" s="315">
        <v>194</v>
      </c>
      <c r="AZ11" s="315">
        <v>14</v>
      </c>
      <c r="BA11" s="315">
        <v>93</v>
      </c>
      <c r="BB11" s="315">
        <v>16</v>
      </c>
      <c r="BC11" s="316">
        <v>484</v>
      </c>
      <c r="BD11" s="317">
        <v>484</v>
      </c>
      <c r="BE11" s="311">
        <v>0</v>
      </c>
      <c r="BF11" s="315">
        <v>0</v>
      </c>
      <c r="BG11" s="312">
        <v>0</v>
      </c>
      <c r="BH11" s="314">
        <v>0</v>
      </c>
      <c r="BI11" s="315">
        <v>94</v>
      </c>
      <c r="BJ11" s="315">
        <v>46</v>
      </c>
      <c r="BK11" s="315">
        <v>18</v>
      </c>
      <c r="BL11" s="315">
        <v>42</v>
      </c>
      <c r="BM11" s="315">
        <v>4</v>
      </c>
      <c r="BN11" s="312">
        <v>204</v>
      </c>
      <c r="BO11" s="317">
        <v>204</v>
      </c>
      <c r="BP11" s="311">
        <v>0</v>
      </c>
      <c r="BQ11" s="315">
        <v>0</v>
      </c>
      <c r="BR11" s="312">
        <v>0</v>
      </c>
      <c r="BS11" s="314">
        <v>0</v>
      </c>
      <c r="BT11" s="315">
        <v>17</v>
      </c>
      <c r="BU11" s="315">
        <v>107</v>
      </c>
      <c r="BV11" s="315">
        <v>25</v>
      </c>
      <c r="BW11" s="315">
        <v>28</v>
      </c>
      <c r="BX11" s="315">
        <v>10</v>
      </c>
      <c r="BY11" s="312">
        <v>187</v>
      </c>
      <c r="BZ11" s="317">
        <v>187</v>
      </c>
      <c r="CA11" s="311">
        <v>0</v>
      </c>
      <c r="CB11" s="315">
        <v>0</v>
      </c>
      <c r="CC11" s="312">
        <v>0</v>
      </c>
      <c r="CD11" s="314">
        <v>0</v>
      </c>
      <c r="CE11" s="315">
        <v>0</v>
      </c>
      <c r="CF11" s="315">
        <v>0</v>
      </c>
      <c r="CG11" s="315">
        <v>0</v>
      </c>
      <c r="CH11" s="315">
        <v>0</v>
      </c>
      <c r="CI11" s="315">
        <v>0</v>
      </c>
      <c r="CJ11" s="312">
        <v>0</v>
      </c>
      <c r="CK11" s="317">
        <v>0</v>
      </c>
      <c r="CL11" s="311">
        <v>0</v>
      </c>
      <c r="CM11" s="315">
        <v>0</v>
      </c>
      <c r="CN11" s="312">
        <v>0</v>
      </c>
      <c r="CO11" s="314">
        <v>0</v>
      </c>
      <c r="CP11" s="315">
        <v>0</v>
      </c>
      <c r="CQ11" s="315">
        <v>0</v>
      </c>
      <c r="CR11" s="315">
        <v>0</v>
      </c>
      <c r="CS11" s="315">
        <v>0</v>
      </c>
      <c r="CT11" s="315">
        <v>0</v>
      </c>
      <c r="CU11" s="312">
        <v>0</v>
      </c>
      <c r="CV11" s="317">
        <v>0</v>
      </c>
      <c r="CW11" s="311">
        <v>0</v>
      </c>
      <c r="CX11" s="315">
        <v>0</v>
      </c>
      <c r="CY11" s="312">
        <v>0</v>
      </c>
      <c r="CZ11" s="314">
        <v>0</v>
      </c>
      <c r="DA11" s="315">
        <v>0</v>
      </c>
      <c r="DB11" s="315">
        <v>0</v>
      </c>
      <c r="DC11" s="315">
        <v>0</v>
      </c>
      <c r="DD11" s="315">
        <v>0</v>
      </c>
      <c r="DE11" s="315">
        <v>0</v>
      </c>
      <c r="DF11" s="312">
        <v>0</v>
      </c>
      <c r="DG11" s="317">
        <v>0</v>
      </c>
    </row>
    <row r="12" spans="1:111" ht="18.75" customHeight="1" x14ac:dyDescent="0.2">
      <c r="A12" s="296" t="s">
        <v>9</v>
      </c>
      <c r="B12" s="311">
        <v>0</v>
      </c>
      <c r="C12" s="312">
        <v>0</v>
      </c>
      <c r="D12" s="313">
        <v>0</v>
      </c>
      <c r="E12" s="314">
        <v>0</v>
      </c>
      <c r="F12" s="315">
        <v>632</v>
      </c>
      <c r="G12" s="315">
        <v>624</v>
      </c>
      <c r="H12" s="315">
        <v>980</v>
      </c>
      <c r="I12" s="315">
        <v>1304</v>
      </c>
      <c r="J12" s="315">
        <v>1636</v>
      </c>
      <c r="K12" s="316">
        <v>5176</v>
      </c>
      <c r="L12" s="317">
        <v>5176</v>
      </c>
      <c r="M12" s="311">
        <v>0</v>
      </c>
      <c r="N12" s="315">
        <v>0</v>
      </c>
      <c r="O12" s="312">
        <v>0</v>
      </c>
      <c r="P12" s="314">
        <v>0</v>
      </c>
      <c r="Q12" s="315">
        <v>20</v>
      </c>
      <c r="R12" s="315">
        <v>7</v>
      </c>
      <c r="S12" s="315">
        <v>12</v>
      </c>
      <c r="T12" s="315">
        <v>16</v>
      </c>
      <c r="U12" s="315">
        <v>67</v>
      </c>
      <c r="V12" s="312">
        <v>122</v>
      </c>
      <c r="W12" s="317">
        <v>122</v>
      </c>
      <c r="X12" s="311">
        <v>27</v>
      </c>
      <c r="Y12" s="315">
        <v>39</v>
      </c>
      <c r="Z12" s="312">
        <v>66</v>
      </c>
      <c r="AA12" s="314">
        <v>0</v>
      </c>
      <c r="AB12" s="315">
        <v>452</v>
      </c>
      <c r="AC12" s="315">
        <v>306</v>
      </c>
      <c r="AD12" s="315">
        <v>226</v>
      </c>
      <c r="AE12" s="315">
        <v>269</v>
      </c>
      <c r="AF12" s="315">
        <v>156</v>
      </c>
      <c r="AG12" s="312">
        <v>1409</v>
      </c>
      <c r="AH12" s="317">
        <v>1475</v>
      </c>
      <c r="AI12" s="311">
        <v>0</v>
      </c>
      <c r="AJ12" s="315">
        <v>0</v>
      </c>
      <c r="AK12" s="312">
        <v>0</v>
      </c>
      <c r="AL12" s="314">
        <v>0</v>
      </c>
      <c r="AM12" s="315">
        <v>131</v>
      </c>
      <c r="AN12" s="315">
        <v>105</v>
      </c>
      <c r="AO12" s="315">
        <v>68</v>
      </c>
      <c r="AP12" s="315">
        <v>87</v>
      </c>
      <c r="AQ12" s="315">
        <v>61</v>
      </c>
      <c r="AR12" s="312">
        <v>452</v>
      </c>
      <c r="AS12" s="317">
        <v>452</v>
      </c>
      <c r="AT12" s="311">
        <v>0</v>
      </c>
      <c r="AU12" s="315">
        <v>0</v>
      </c>
      <c r="AV12" s="312">
        <v>0</v>
      </c>
      <c r="AW12" s="314">
        <v>0</v>
      </c>
      <c r="AX12" s="315">
        <v>325</v>
      </c>
      <c r="AY12" s="315">
        <v>272</v>
      </c>
      <c r="AZ12" s="315">
        <v>181</v>
      </c>
      <c r="BA12" s="315">
        <v>91</v>
      </c>
      <c r="BB12" s="315">
        <v>52</v>
      </c>
      <c r="BC12" s="316">
        <v>921</v>
      </c>
      <c r="BD12" s="317">
        <v>921</v>
      </c>
      <c r="BE12" s="311">
        <v>0</v>
      </c>
      <c r="BF12" s="315">
        <v>0</v>
      </c>
      <c r="BG12" s="312">
        <v>0</v>
      </c>
      <c r="BH12" s="314">
        <v>0</v>
      </c>
      <c r="BI12" s="315">
        <v>63</v>
      </c>
      <c r="BJ12" s="315">
        <v>82</v>
      </c>
      <c r="BK12" s="315">
        <v>30</v>
      </c>
      <c r="BL12" s="315">
        <v>55</v>
      </c>
      <c r="BM12" s="315">
        <v>6</v>
      </c>
      <c r="BN12" s="312">
        <v>236</v>
      </c>
      <c r="BO12" s="317">
        <v>236</v>
      </c>
      <c r="BP12" s="311">
        <v>0</v>
      </c>
      <c r="BQ12" s="315">
        <v>0</v>
      </c>
      <c r="BR12" s="312">
        <v>0</v>
      </c>
      <c r="BS12" s="314">
        <v>0</v>
      </c>
      <c r="BT12" s="315">
        <v>32</v>
      </c>
      <c r="BU12" s="315">
        <v>89</v>
      </c>
      <c r="BV12" s="315">
        <v>22</v>
      </c>
      <c r="BW12" s="315">
        <v>113</v>
      </c>
      <c r="BX12" s="315">
        <v>28</v>
      </c>
      <c r="BY12" s="312">
        <v>284</v>
      </c>
      <c r="BZ12" s="317">
        <v>284</v>
      </c>
      <c r="CA12" s="311">
        <v>0</v>
      </c>
      <c r="CB12" s="315">
        <v>0</v>
      </c>
      <c r="CC12" s="312">
        <v>0</v>
      </c>
      <c r="CD12" s="314">
        <v>0</v>
      </c>
      <c r="CE12" s="315">
        <v>0</v>
      </c>
      <c r="CF12" s="315">
        <v>3</v>
      </c>
      <c r="CG12" s="315">
        <v>5</v>
      </c>
      <c r="CH12" s="315">
        <v>9</v>
      </c>
      <c r="CI12" s="315">
        <v>9</v>
      </c>
      <c r="CJ12" s="312">
        <v>26</v>
      </c>
      <c r="CK12" s="317">
        <v>26</v>
      </c>
      <c r="CL12" s="311">
        <v>0</v>
      </c>
      <c r="CM12" s="315">
        <v>0</v>
      </c>
      <c r="CN12" s="312">
        <v>0</v>
      </c>
      <c r="CO12" s="314">
        <v>0</v>
      </c>
      <c r="CP12" s="315">
        <v>0</v>
      </c>
      <c r="CQ12" s="315">
        <v>0</v>
      </c>
      <c r="CR12" s="315">
        <v>0</v>
      </c>
      <c r="CS12" s="315">
        <v>0</v>
      </c>
      <c r="CT12" s="315">
        <v>0</v>
      </c>
      <c r="CU12" s="312">
        <v>0</v>
      </c>
      <c r="CV12" s="317">
        <v>0</v>
      </c>
      <c r="CW12" s="311">
        <v>0</v>
      </c>
      <c r="CX12" s="315">
        <v>0</v>
      </c>
      <c r="CY12" s="312">
        <v>0</v>
      </c>
      <c r="CZ12" s="314">
        <v>0</v>
      </c>
      <c r="DA12" s="315">
        <v>0</v>
      </c>
      <c r="DB12" s="315">
        <v>0</v>
      </c>
      <c r="DC12" s="315">
        <v>0</v>
      </c>
      <c r="DD12" s="315">
        <v>0</v>
      </c>
      <c r="DE12" s="315">
        <v>0</v>
      </c>
      <c r="DF12" s="312">
        <v>0</v>
      </c>
      <c r="DG12" s="317">
        <v>0</v>
      </c>
    </row>
    <row r="13" spans="1:111" ht="18.75" customHeight="1" x14ac:dyDescent="0.2">
      <c r="A13" s="296" t="s">
        <v>10</v>
      </c>
      <c r="B13" s="311">
        <v>0</v>
      </c>
      <c r="C13" s="312">
        <v>0</v>
      </c>
      <c r="D13" s="313">
        <v>0</v>
      </c>
      <c r="E13" s="314">
        <v>0</v>
      </c>
      <c r="F13" s="315">
        <v>1161</v>
      </c>
      <c r="G13" s="315">
        <v>1110</v>
      </c>
      <c r="H13" s="315">
        <v>940</v>
      </c>
      <c r="I13" s="315">
        <v>1601</v>
      </c>
      <c r="J13" s="315">
        <v>1246</v>
      </c>
      <c r="K13" s="316">
        <v>6058</v>
      </c>
      <c r="L13" s="317">
        <v>6058</v>
      </c>
      <c r="M13" s="311">
        <v>0</v>
      </c>
      <c r="N13" s="315">
        <v>0</v>
      </c>
      <c r="O13" s="312">
        <v>0</v>
      </c>
      <c r="P13" s="314">
        <v>0</v>
      </c>
      <c r="Q13" s="315">
        <v>6</v>
      </c>
      <c r="R13" s="315">
        <v>2</v>
      </c>
      <c r="S13" s="315">
        <v>4</v>
      </c>
      <c r="T13" s="315">
        <v>11</v>
      </c>
      <c r="U13" s="315">
        <v>52</v>
      </c>
      <c r="V13" s="312">
        <v>75</v>
      </c>
      <c r="W13" s="317">
        <v>75</v>
      </c>
      <c r="X13" s="311">
        <v>37</v>
      </c>
      <c r="Y13" s="315">
        <v>204</v>
      </c>
      <c r="Z13" s="312">
        <v>241</v>
      </c>
      <c r="AA13" s="314">
        <v>0</v>
      </c>
      <c r="AB13" s="315">
        <v>513</v>
      </c>
      <c r="AC13" s="315">
        <v>350</v>
      </c>
      <c r="AD13" s="315">
        <v>226</v>
      </c>
      <c r="AE13" s="315">
        <v>195</v>
      </c>
      <c r="AF13" s="315">
        <v>227</v>
      </c>
      <c r="AG13" s="312">
        <v>1511</v>
      </c>
      <c r="AH13" s="317">
        <v>1752</v>
      </c>
      <c r="AI13" s="311">
        <v>22</v>
      </c>
      <c r="AJ13" s="315">
        <v>29</v>
      </c>
      <c r="AK13" s="312">
        <v>51</v>
      </c>
      <c r="AL13" s="314">
        <v>0</v>
      </c>
      <c r="AM13" s="315">
        <v>40</v>
      </c>
      <c r="AN13" s="315">
        <v>43</v>
      </c>
      <c r="AO13" s="315">
        <v>78</v>
      </c>
      <c r="AP13" s="315">
        <v>44</v>
      </c>
      <c r="AQ13" s="315">
        <v>22</v>
      </c>
      <c r="AR13" s="312">
        <v>227</v>
      </c>
      <c r="AS13" s="317">
        <v>278</v>
      </c>
      <c r="AT13" s="311">
        <v>0</v>
      </c>
      <c r="AU13" s="315">
        <v>0</v>
      </c>
      <c r="AV13" s="312">
        <v>0</v>
      </c>
      <c r="AW13" s="314">
        <v>0</v>
      </c>
      <c r="AX13" s="315">
        <v>824</v>
      </c>
      <c r="AY13" s="315">
        <v>515</v>
      </c>
      <c r="AZ13" s="315">
        <v>207</v>
      </c>
      <c r="BA13" s="315">
        <v>72</v>
      </c>
      <c r="BB13" s="315">
        <v>25</v>
      </c>
      <c r="BC13" s="316">
        <v>1643</v>
      </c>
      <c r="BD13" s="317">
        <v>1643</v>
      </c>
      <c r="BE13" s="311">
        <v>0</v>
      </c>
      <c r="BF13" s="315">
        <v>0</v>
      </c>
      <c r="BG13" s="312">
        <v>0</v>
      </c>
      <c r="BH13" s="314">
        <v>0</v>
      </c>
      <c r="BI13" s="315">
        <v>91</v>
      </c>
      <c r="BJ13" s="315">
        <v>47</v>
      </c>
      <c r="BK13" s="315">
        <v>33</v>
      </c>
      <c r="BL13" s="315">
        <v>28</v>
      </c>
      <c r="BM13" s="315">
        <v>9</v>
      </c>
      <c r="BN13" s="312">
        <v>208</v>
      </c>
      <c r="BO13" s="317">
        <v>208</v>
      </c>
      <c r="BP13" s="311">
        <v>6</v>
      </c>
      <c r="BQ13" s="315">
        <v>4</v>
      </c>
      <c r="BR13" s="312">
        <v>10</v>
      </c>
      <c r="BS13" s="314">
        <v>0</v>
      </c>
      <c r="BT13" s="315">
        <v>41</v>
      </c>
      <c r="BU13" s="315">
        <v>19</v>
      </c>
      <c r="BV13" s="315">
        <v>58</v>
      </c>
      <c r="BW13" s="315">
        <v>134</v>
      </c>
      <c r="BX13" s="315">
        <v>22</v>
      </c>
      <c r="BY13" s="312">
        <v>274</v>
      </c>
      <c r="BZ13" s="317">
        <v>284</v>
      </c>
      <c r="CA13" s="311">
        <v>0</v>
      </c>
      <c r="CB13" s="315">
        <v>0</v>
      </c>
      <c r="CC13" s="312">
        <v>0</v>
      </c>
      <c r="CD13" s="314">
        <v>0</v>
      </c>
      <c r="CE13" s="315">
        <v>0</v>
      </c>
      <c r="CF13" s="315">
        <v>15</v>
      </c>
      <c r="CG13" s="315">
        <v>0</v>
      </c>
      <c r="CH13" s="315">
        <v>0</v>
      </c>
      <c r="CI13" s="315">
        <v>0</v>
      </c>
      <c r="CJ13" s="312">
        <v>15</v>
      </c>
      <c r="CK13" s="317">
        <v>15</v>
      </c>
      <c r="CL13" s="311">
        <v>0</v>
      </c>
      <c r="CM13" s="315">
        <v>0</v>
      </c>
      <c r="CN13" s="312">
        <v>0</v>
      </c>
      <c r="CO13" s="314">
        <v>0</v>
      </c>
      <c r="CP13" s="315">
        <v>0</v>
      </c>
      <c r="CQ13" s="315">
        <v>0</v>
      </c>
      <c r="CR13" s="315">
        <v>0</v>
      </c>
      <c r="CS13" s="315">
        <v>0</v>
      </c>
      <c r="CT13" s="315">
        <v>0</v>
      </c>
      <c r="CU13" s="312">
        <v>0</v>
      </c>
      <c r="CV13" s="317">
        <v>0</v>
      </c>
      <c r="CW13" s="311">
        <v>0</v>
      </c>
      <c r="CX13" s="315">
        <v>0</v>
      </c>
      <c r="CY13" s="312">
        <v>0</v>
      </c>
      <c r="CZ13" s="314">
        <v>0</v>
      </c>
      <c r="DA13" s="315">
        <v>0</v>
      </c>
      <c r="DB13" s="315">
        <v>0</v>
      </c>
      <c r="DC13" s="315">
        <v>0</v>
      </c>
      <c r="DD13" s="315">
        <v>0</v>
      </c>
      <c r="DE13" s="315">
        <v>0</v>
      </c>
      <c r="DF13" s="312">
        <v>0</v>
      </c>
      <c r="DG13" s="317">
        <v>0</v>
      </c>
    </row>
    <row r="14" spans="1:111" ht="18.75" customHeight="1" x14ac:dyDescent="0.2">
      <c r="A14" s="296" t="s">
        <v>11</v>
      </c>
      <c r="B14" s="311">
        <v>0</v>
      </c>
      <c r="C14" s="312">
        <v>0</v>
      </c>
      <c r="D14" s="313">
        <v>0</v>
      </c>
      <c r="E14" s="314">
        <v>0</v>
      </c>
      <c r="F14" s="315">
        <v>139</v>
      </c>
      <c r="G14" s="315">
        <v>173</v>
      </c>
      <c r="H14" s="315">
        <v>188</v>
      </c>
      <c r="I14" s="315">
        <v>279</v>
      </c>
      <c r="J14" s="315">
        <v>507</v>
      </c>
      <c r="K14" s="316">
        <v>1286</v>
      </c>
      <c r="L14" s="317">
        <v>1286</v>
      </c>
      <c r="M14" s="311">
        <v>0</v>
      </c>
      <c r="N14" s="315">
        <v>0</v>
      </c>
      <c r="O14" s="312">
        <v>0</v>
      </c>
      <c r="P14" s="314">
        <v>0</v>
      </c>
      <c r="Q14" s="315">
        <v>4</v>
      </c>
      <c r="R14" s="315">
        <v>0</v>
      </c>
      <c r="S14" s="315">
        <v>0</v>
      </c>
      <c r="T14" s="315">
        <v>12</v>
      </c>
      <c r="U14" s="315">
        <v>11</v>
      </c>
      <c r="V14" s="312">
        <v>27</v>
      </c>
      <c r="W14" s="317">
        <v>27</v>
      </c>
      <c r="X14" s="311">
        <v>23</v>
      </c>
      <c r="Y14" s="315">
        <v>34</v>
      </c>
      <c r="Z14" s="312">
        <v>57</v>
      </c>
      <c r="AA14" s="314">
        <v>0</v>
      </c>
      <c r="AB14" s="315">
        <v>145</v>
      </c>
      <c r="AC14" s="315">
        <v>67</v>
      </c>
      <c r="AD14" s="315">
        <v>91</v>
      </c>
      <c r="AE14" s="315">
        <v>118</v>
      </c>
      <c r="AF14" s="315">
        <v>89</v>
      </c>
      <c r="AG14" s="312">
        <v>510</v>
      </c>
      <c r="AH14" s="317">
        <v>567</v>
      </c>
      <c r="AI14" s="311">
        <v>0</v>
      </c>
      <c r="AJ14" s="315">
        <v>14</v>
      </c>
      <c r="AK14" s="312">
        <v>14</v>
      </c>
      <c r="AL14" s="314">
        <v>0</v>
      </c>
      <c r="AM14" s="315">
        <v>88</v>
      </c>
      <c r="AN14" s="315">
        <v>16</v>
      </c>
      <c r="AO14" s="315">
        <v>9</v>
      </c>
      <c r="AP14" s="315">
        <v>0</v>
      </c>
      <c r="AQ14" s="315">
        <v>19</v>
      </c>
      <c r="AR14" s="312">
        <v>132</v>
      </c>
      <c r="AS14" s="317">
        <v>146</v>
      </c>
      <c r="AT14" s="311">
        <v>0</v>
      </c>
      <c r="AU14" s="315">
        <v>0</v>
      </c>
      <c r="AV14" s="312">
        <v>0</v>
      </c>
      <c r="AW14" s="314">
        <v>0</v>
      </c>
      <c r="AX14" s="315">
        <v>125</v>
      </c>
      <c r="AY14" s="315">
        <v>122</v>
      </c>
      <c r="AZ14" s="315">
        <v>119</v>
      </c>
      <c r="BA14" s="315">
        <v>156</v>
      </c>
      <c r="BB14" s="315">
        <v>18</v>
      </c>
      <c r="BC14" s="316">
        <v>540</v>
      </c>
      <c r="BD14" s="317">
        <v>540</v>
      </c>
      <c r="BE14" s="311">
        <v>0</v>
      </c>
      <c r="BF14" s="315">
        <v>0</v>
      </c>
      <c r="BG14" s="312">
        <v>0</v>
      </c>
      <c r="BH14" s="314">
        <v>0</v>
      </c>
      <c r="BI14" s="315">
        <v>39</v>
      </c>
      <c r="BJ14" s="315">
        <v>17</v>
      </c>
      <c r="BK14" s="315">
        <v>47</v>
      </c>
      <c r="BL14" s="315">
        <v>18</v>
      </c>
      <c r="BM14" s="315">
        <v>22</v>
      </c>
      <c r="BN14" s="312">
        <v>143</v>
      </c>
      <c r="BO14" s="317">
        <v>143</v>
      </c>
      <c r="BP14" s="311">
        <v>0</v>
      </c>
      <c r="BQ14" s="315">
        <v>0</v>
      </c>
      <c r="BR14" s="312">
        <v>0</v>
      </c>
      <c r="BS14" s="314">
        <v>0</v>
      </c>
      <c r="BT14" s="315">
        <v>3</v>
      </c>
      <c r="BU14" s="315">
        <v>19</v>
      </c>
      <c r="BV14" s="315">
        <v>12</v>
      </c>
      <c r="BW14" s="315">
        <v>34</v>
      </c>
      <c r="BX14" s="315">
        <v>8</v>
      </c>
      <c r="BY14" s="312">
        <v>76</v>
      </c>
      <c r="BZ14" s="317">
        <v>76</v>
      </c>
      <c r="CA14" s="311">
        <v>0</v>
      </c>
      <c r="CB14" s="315">
        <v>0</v>
      </c>
      <c r="CC14" s="312">
        <v>0</v>
      </c>
      <c r="CD14" s="314">
        <v>0</v>
      </c>
      <c r="CE14" s="315">
        <v>1</v>
      </c>
      <c r="CF14" s="315">
        <v>0</v>
      </c>
      <c r="CG14" s="315">
        <v>8</v>
      </c>
      <c r="CH14" s="315">
        <v>16</v>
      </c>
      <c r="CI14" s="315">
        <v>0</v>
      </c>
      <c r="CJ14" s="312">
        <v>25</v>
      </c>
      <c r="CK14" s="317">
        <v>25</v>
      </c>
      <c r="CL14" s="311">
        <v>0</v>
      </c>
      <c r="CM14" s="315">
        <v>0</v>
      </c>
      <c r="CN14" s="312">
        <v>0</v>
      </c>
      <c r="CO14" s="314">
        <v>0</v>
      </c>
      <c r="CP14" s="315">
        <v>0</v>
      </c>
      <c r="CQ14" s="315">
        <v>0</v>
      </c>
      <c r="CR14" s="315">
        <v>0</v>
      </c>
      <c r="CS14" s="315">
        <v>0</v>
      </c>
      <c r="CT14" s="315">
        <v>0</v>
      </c>
      <c r="CU14" s="312">
        <v>0</v>
      </c>
      <c r="CV14" s="317">
        <v>0</v>
      </c>
      <c r="CW14" s="311">
        <v>0</v>
      </c>
      <c r="CX14" s="315">
        <v>0</v>
      </c>
      <c r="CY14" s="312">
        <v>0</v>
      </c>
      <c r="CZ14" s="314">
        <v>0</v>
      </c>
      <c r="DA14" s="315">
        <v>0</v>
      </c>
      <c r="DB14" s="315">
        <v>0</v>
      </c>
      <c r="DC14" s="315">
        <v>0</v>
      </c>
      <c r="DD14" s="315">
        <v>0</v>
      </c>
      <c r="DE14" s="315">
        <v>0</v>
      </c>
      <c r="DF14" s="312">
        <v>0</v>
      </c>
      <c r="DG14" s="317">
        <v>0</v>
      </c>
    </row>
    <row r="15" spans="1:111" ht="18.75" customHeight="1" x14ac:dyDescent="0.2">
      <c r="A15" s="296" t="s">
        <v>12</v>
      </c>
      <c r="B15" s="311">
        <v>0</v>
      </c>
      <c r="C15" s="312">
        <v>0</v>
      </c>
      <c r="D15" s="313">
        <v>0</v>
      </c>
      <c r="E15" s="314">
        <v>0</v>
      </c>
      <c r="F15" s="315">
        <v>335</v>
      </c>
      <c r="G15" s="315">
        <v>488</v>
      </c>
      <c r="H15" s="315">
        <v>495</v>
      </c>
      <c r="I15" s="315">
        <v>530</v>
      </c>
      <c r="J15" s="315">
        <v>624</v>
      </c>
      <c r="K15" s="316">
        <v>2472</v>
      </c>
      <c r="L15" s="317">
        <v>2472</v>
      </c>
      <c r="M15" s="311">
        <v>0</v>
      </c>
      <c r="N15" s="315">
        <v>0</v>
      </c>
      <c r="O15" s="312">
        <v>0</v>
      </c>
      <c r="P15" s="314">
        <v>0</v>
      </c>
      <c r="Q15" s="315">
        <v>0</v>
      </c>
      <c r="R15" s="315">
        <v>8</v>
      </c>
      <c r="S15" s="315">
        <v>0</v>
      </c>
      <c r="T15" s="315">
        <v>4</v>
      </c>
      <c r="U15" s="315">
        <v>43</v>
      </c>
      <c r="V15" s="312">
        <v>55</v>
      </c>
      <c r="W15" s="317">
        <v>55</v>
      </c>
      <c r="X15" s="311">
        <v>41</v>
      </c>
      <c r="Y15" s="315">
        <v>60</v>
      </c>
      <c r="Z15" s="312">
        <v>101</v>
      </c>
      <c r="AA15" s="314">
        <v>0</v>
      </c>
      <c r="AB15" s="315">
        <v>112</v>
      </c>
      <c r="AC15" s="315">
        <v>98</v>
      </c>
      <c r="AD15" s="315">
        <v>152</v>
      </c>
      <c r="AE15" s="315">
        <v>82</v>
      </c>
      <c r="AF15" s="315">
        <v>121</v>
      </c>
      <c r="AG15" s="312">
        <v>565</v>
      </c>
      <c r="AH15" s="317">
        <v>666</v>
      </c>
      <c r="AI15" s="311">
        <v>0</v>
      </c>
      <c r="AJ15" s="315">
        <v>0</v>
      </c>
      <c r="AK15" s="312">
        <v>0</v>
      </c>
      <c r="AL15" s="314">
        <v>0</v>
      </c>
      <c r="AM15" s="315">
        <v>0</v>
      </c>
      <c r="AN15" s="315">
        <v>6</v>
      </c>
      <c r="AO15" s="315">
        <v>10</v>
      </c>
      <c r="AP15" s="315">
        <v>0</v>
      </c>
      <c r="AQ15" s="315">
        <v>18</v>
      </c>
      <c r="AR15" s="312">
        <v>34</v>
      </c>
      <c r="AS15" s="317">
        <v>34</v>
      </c>
      <c r="AT15" s="311">
        <v>0</v>
      </c>
      <c r="AU15" s="315">
        <v>0</v>
      </c>
      <c r="AV15" s="312">
        <v>0</v>
      </c>
      <c r="AW15" s="314">
        <v>0</v>
      </c>
      <c r="AX15" s="315">
        <v>294</v>
      </c>
      <c r="AY15" s="315">
        <v>124</v>
      </c>
      <c r="AZ15" s="315">
        <v>64</v>
      </c>
      <c r="BA15" s="315">
        <v>101</v>
      </c>
      <c r="BB15" s="315">
        <v>38</v>
      </c>
      <c r="BC15" s="316">
        <v>621</v>
      </c>
      <c r="BD15" s="317">
        <v>621</v>
      </c>
      <c r="BE15" s="311">
        <v>0</v>
      </c>
      <c r="BF15" s="315">
        <v>0</v>
      </c>
      <c r="BG15" s="312">
        <v>0</v>
      </c>
      <c r="BH15" s="314">
        <v>0</v>
      </c>
      <c r="BI15" s="315">
        <v>57</v>
      </c>
      <c r="BJ15" s="315">
        <v>59</v>
      </c>
      <c r="BK15" s="315">
        <v>51</v>
      </c>
      <c r="BL15" s="315">
        <v>29</v>
      </c>
      <c r="BM15" s="315">
        <v>20</v>
      </c>
      <c r="BN15" s="312">
        <v>216</v>
      </c>
      <c r="BO15" s="317">
        <v>216</v>
      </c>
      <c r="BP15" s="311">
        <v>0</v>
      </c>
      <c r="BQ15" s="315">
        <v>4</v>
      </c>
      <c r="BR15" s="312">
        <v>4</v>
      </c>
      <c r="BS15" s="314">
        <v>0</v>
      </c>
      <c r="BT15" s="315">
        <v>7</v>
      </c>
      <c r="BU15" s="315">
        <v>10</v>
      </c>
      <c r="BV15" s="315">
        <v>97</v>
      </c>
      <c r="BW15" s="315">
        <v>38</v>
      </c>
      <c r="BX15" s="315">
        <v>12</v>
      </c>
      <c r="BY15" s="312">
        <v>164</v>
      </c>
      <c r="BZ15" s="317">
        <v>168</v>
      </c>
      <c r="CA15" s="311">
        <v>0</v>
      </c>
      <c r="CB15" s="315">
        <v>0</v>
      </c>
      <c r="CC15" s="312">
        <v>0</v>
      </c>
      <c r="CD15" s="314">
        <v>0</v>
      </c>
      <c r="CE15" s="315">
        <v>0</v>
      </c>
      <c r="CF15" s="315">
        <v>0</v>
      </c>
      <c r="CG15" s="315">
        <v>0</v>
      </c>
      <c r="CH15" s="315">
        <v>5</v>
      </c>
      <c r="CI15" s="315">
        <v>0</v>
      </c>
      <c r="CJ15" s="312">
        <v>5</v>
      </c>
      <c r="CK15" s="317">
        <v>5</v>
      </c>
      <c r="CL15" s="311">
        <v>0</v>
      </c>
      <c r="CM15" s="315">
        <v>0</v>
      </c>
      <c r="CN15" s="312">
        <v>0</v>
      </c>
      <c r="CO15" s="314">
        <v>0</v>
      </c>
      <c r="CP15" s="315">
        <v>0</v>
      </c>
      <c r="CQ15" s="315">
        <v>0</v>
      </c>
      <c r="CR15" s="315">
        <v>0</v>
      </c>
      <c r="CS15" s="315">
        <v>0</v>
      </c>
      <c r="CT15" s="315">
        <v>0</v>
      </c>
      <c r="CU15" s="312">
        <v>0</v>
      </c>
      <c r="CV15" s="317">
        <v>0</v>
      </c>
      <c r="CW15" s="311">
        <v>0</v>
      </c>
      <c r="CX15" s="315">
        <v>0</v>
      </c>
      <c r="CY15" s="312">
        <v>0</v>
      </c>
      <c r="CZ15" s="314">
        <v>0</v>
      </c>
      <c r="DA15" s="315">
        <v>0</v>
      </c>
      <c r="DB15" s="315">
        <v>0</v>
      </c>
      <c r="DC15" s="315">
        <v>0</v>
      </c>
      <c r="DD15" s="315">
        <v>0</v>
      </c>
      <c r="DE15" s="315">
        <v>0</v>
      </c>
      <c r="DF15" s="312">
        <v>0</v>
      </c>
      <c r="DG15" s="317">
        <v>0</v>
      </c>
    </row>
    <row r="16" spans="1:111" ht="18.75" customHeight="1" x14ac:dyDescent="0.2">
      <c r="A16" s="296" t="s">
        <v>13</v>
      </c>
      <c r="B16" s="311">
        <v>0</v>
      </c>
      <c r="C16" s="312">
        <v>0</v>
      </c>
      <c r="D16" s="313">
        <v>0</v>
      </c>
      <c r="E16" s="314">
        <v>0</v>
      </c>
      <c r="F16" s="315">
        <v>139</v>
      </c>
      <c r="G16" s="315">
        <v>294</v>
      </c>
      <c r="H16" s="315">
        <v>474</v>
      </c>
      <c r="I16" s="315">
        <v>467</v>
      </c>
      <c r="J16" s="315">
        <v>543</v>
      </c>
      <c r="K16" s="316">
        <v>1917</v>
      </c>
      <c r="L16" s="317">
        <v>1917</v>
      </c>
      <c r="M16" s="311">
        <v>0</v>
      </c>
      <c r="N16" s="315">
        <v>0</v>
      </c>
      <c r="O16" s="312">
        <v>0</v>
      </c>
      <c r="P16" s="314">
        <v>0</v>
      </c>
      <c r="Q16" s="315">
        <v>0</v>
      </c>
      <c r="R16" s="315">
        <v>0</v>
      </c>
      <c r="S16" s="315">
        <v>7</v>
      </c>
      <c r="T16" s="315">
        <v>8</v>
      </c>
      <c r="U16" s="315">
        <v>0</v>
      </c>
      <c r="V16" s="312">
        <v>15</v>
      </c>
      <c r="W16" s="317">
        <v>15</v>
      </c>
      <c r="X16" s="311">
        <v>6</v>
      </c>
      <c r="Y16" s="315">
        <v>14</v>
      </c>
      <c r="Z16" s="312">
        <v>20</v>
      </c>
      <c r="AA16" s="314">
        <v>0</v>
      </c>
      <c r="AB16" s="315">
        <v>51</v>
      </c>
      <c r="AC16" s="315">
        <v>88</v>
      </c>
      <c r="AD16" s="315">
        <v>145</v>
      </c>
      <c r="AE16" s="315">
        <v>119</v>
      </c>
      <c r="AF16" s="315">
        <v>70</v>
      </c>
      <c r="AG16" s="312">
        <v>473</v>
      </c>
      <c r="AH16" s="317">
        <v>493</v>
      </c>
      <c r="AI16" s="311">
        <v>0</v>
      </c>
      <c r="AJ16" s="315">
        <v>0</v>
      </c>
      <c r="AK16" s="312">
        <v>0</v>
      </c>
      <c r="AL16" s="314">
        <v>0</v>
      </c>
      <c r="AM16" s="315">
        <v>0</v>
      </c>
      <c r="AN16" s="315">
        <v>39</v>
      </c>
      <c r="AO16" s="315">
        <v>-40</v>
      </c>
      <c r="AP16" s="315">
        <v>8</v>
      </c>
      <c r="AQ16" s="315">
        <v>18</v>
      </c>
      <c r="AR16" s="312">
        <v>25</v>
      </c>
      <c r="AS16" s="317">
        <v>25</v>
      </c>
      <c r="AT16" s="311">
        <v>0</v>
      </c>
      <c r="AU16" s="315">
        <v>0</v>
      </c>
      <c r="AV16" s="312">
        <v>0</v>
      </c>
      <c r="AW16" s="314">
        <v>0</v>
      </c>
      <c r="AX16" s="315">
        <v>81</v>
      </c>
      <c r="AY16" s="315">
        <v>119</v>
      </c>
      <c r="AZ16" s="315">
        <v>172</v>
      </c>
      <c r="BA16" s="315">
        <v>47</v>
      </c>
      <c r="BB16" s="315">
        <v>6</v>
      </c>
      <c r="BC16" s="316">
        <v>425</v>
      </c>
      <c r="BD16" s="317">
        <v>425</v>
      </c>
      <c r="BE16" s="311">
        <v>0</v>
      </c>
      <c r="BF16" s="315">
        <v>0</v>
      </c>
      <c r="BG16" s="312">
        <v>0</v>
      </c>
      <c r="BH16" s="314">
        <v>0</v>
      </c>
      <c r="BI16" s="315">
        <v>3</v>
      </c>
      <c r="BJ16" s="315">
        <v>16</v>
      </c>
      <c r="BK16" s="315">
        <v>18</v>
      </c>
      <c r="BL16" s="315">
        <v>5</v>
      </c>
      <c r="BM16" s="315">
        <v>0</v>
      </c>
      <c r="BN16" s="312">
        <v>42</v>
      </c>
      <c r="BO16" s="317">
        <v>42</v>
      </c>
      <c r="BP16" s="311">
        <v>0</v>
      </c>
      <c r="BQ16" s="315">
        <v>0</v>
      </c>
      <c r="BR16" s="312">
        <v>0</v>
      </c>
      <c r="BS16" s="314">
        <v>0</v>
      </c>
      <c r="BT16" s="315">
        <v>8</v>
      </c>
      <c r="BU16" s="315">
        <v>8</v>
      </c>
      <c r="BV16" s="315">
        <v>22</v>
      </c>
      <c r="BW16" s="315">
        <v>10</v>
      </c>
      <c r="BX16" s="315">
        <v>27</v>
      </c>
      <c r="BY16" s="312">
        <v>75</v>
      </c>
      <c r="BZ16" s="317">
        <v>75</v>
      </c>
      <c r="CA16" s="311">
        <v>0</v>
      </c>
      <c r="CB16" s="315">
        <v>0</v>
      </c>
      <c r="CC16" s="312">
        <v>0</v>
      </c>
      <c r="CD16" s="314">
        <v>0</v>
      </c>
      <c r="CE16" s="315">
        <v>0</v>
      </c>
      <c r="CF16" s="315">
        <v>0</v>
      </c>
      <c r="CG16" s="315">
        <v>0</v>
      </c>
      <c r="CH16" s="315">
        <v>3</v>
      </c>
      <c r="CI16" s="315">
        <v>0</v>
      </c>
      <c r="CJ16" s="312">
        <v>3</v>
      </c>
      <c r="CK16" s="317">
        <v>3</v>
      </c>
      <c r="CL16" s="311">
        <v>0</v>
      </c>
      <c r="CM16" s="315">
        <v>0</v>
      </c>
      <c r="CN16" s="312">
        <v>0</v>
      </c>
      <c r="CO16" s="314">
        <v>0</v>
      </c>
      <c r="CP16" s="315">
        <v>0</v>
      </c>
      <c r="CQ16" s="315">
        <v>0</v>
      </c>
      <c r="CR16" s="315">
        <v>0</v>
      </c>
      <c r="CS16" s="315">
        <v>0</v>
      </c>
      <c r="CT16" s="315">
        <v>0</v>
      </c>
      <c r="CU16" s="312">
        <v>0</v>
      </c>
      <c r="CV16" s="317">
        <v>0</v>
      </c>
      <c r="CW16" s="311">
        <v>0</v>
      </c>
      <c r="CX16" s="315">
        <v>0</v>
      </c>
      <c r="CY16" s="312">
        <v>0</v>
      </c>
      <c r="CZ16" s="314">
        <v>0</v>
      </c>
      <c r="DA16" s="315">
        <v>0</v>
      </c>
      <c r="DB16" s="315">
        <v>0</v>
      </c>
      <c r="DC16" s="315">
        <v>0</v>
      </c>
      <c r="DD16" s="315">
        <v>0</v>
      </c>
      <c r="DE16" s="315">
        <v>0</v>
      </c>
      <c r="DF16" s="312">
        <v>0</v>
      </c>
      <c r="DG16" s="317">
        <v>0</v>
      </c>
    </row>
    <row r="17" spans="1:111" ht="18.75" customHeight="1" x14ac:dyDescent="0.2">
      <c r="A17" s="296" t="s">
        <v>15</v>
      </c>
      <c r="B17" s="311">
        <v>0</v>
      </c>
      <c r="C17" s="312">
        <v>0</v>
      </c>
      <c r="D17" s="313">
        <v>0</v>
      </c>
      <c r="E17" s="314">
        <v>0</v>
      </c>
      <c r="F17" s="315">
        <v>26</v>
      </c>
      <c r="G17" s="315">
        <v>18</v>
      </c>
      <c r="H17" s="315">
        <v>66</v>
      </c>
      <c r="I17" s="315">
        <v>25</v>
      </c>
      <c r="J17" s="315">
        <v>72</v>
      </c>
      <c r="K17" s="316">
        <v>207</v>
      </c>
      <c r="L17" s="317">
        <v>207</v>
      </c>
      <c r="M17" s="311">
        <v>0</v>
      </c>
      <c r="N17" s="315">
        <v>0</v>
      </c>
      <c r="O17" s="312">
        <v>0</v>
      </c>
      <c r="P17" s="314">
        <v>0</v>
      </c>
      <c r="Q17" s="315">
        <v>0</v>
      </c>
      <c r="R17" s="315">
        <v>0</v>
      </c>
      <c r="S17" s="315">
        <v>0</v>
      </c>
      <c r="T17" s="315">
        <v>2</v>
      </c>
      <c r="U17" s="315">
        <v>24</v>
      </c>
      <c r="V17" s="312">
        <v>26</v>
      </c>
      <c r="W17" s="317">
        <v>26</v>
      </c>
      <c r="X17" s="311">
        <v>0</v>
      </c>
      <c r="Y17" s="315">
        <v>0</v>
      </c>
      <c r="Z17" s="312">
        <v>0</v>
      </c>
      <c r="AA17" s="314">
        <v>0</v>
      </c>
      <c r="AB17" s="315">
        <v>26</v>
      </c>
      <c r="AC17" s="315">
        <v>8</v>
      </c>
      <c r="AD17" s="315">
        <v>21</v>
      </c>
      <c r="AE17" s="315">
        <v>12</v>
      </c>
      <c r="AF17" s="315">
        <v>31</v>
      </c>
      <c r="AG17" s="312">
        <v>98</v>
      </c>
      <c r="AH17" s="317">
        <v>98</v>
      </c>
      <c r="AI17" s="311">
        <v>0</v>
      </c>
      <c r="AJ17" s="315">
        <v>0</v>
      </c>
      <c r="AK17" s="312">
        <v>0</v>
      </c>
      <c r="AL17" s="314">
        <v>0</v>
      </c>
      <c r="AM17" s="315">
        <v>0</v>
      </c>
      <c r="AN17" s="315">
        <v>0</v>
      </c>
      <c r="AO17" s="315">
        <v>0</v>
      </c>
      <c r="AP17" s="315">
        <v>24</v>
      </c>
      <c r="AQ17" s="315">
        <v>12</v>
      </c>
      <c r="AR17" s="312">
        <v>36</v>
      </c>
      <c r="AS17" s="317">
        <v>36</v>
      </c>
      <c r="AT17" s="311">
        <v>0</v>
      </c>
      <c r="AU17" s="315">
        <v>0</v>
      </c>
      <c r="AV17" s="312">
        <v>0</v>
      </c>
      <c r="AW17" s="314">
        <v>0</v>
      </c>
      <c r="AX17" s="315">
        <v>31</v>
      </c>
      <c r="AY17" s="315">
        <v>15</v>
      </c>
      <c r="AZ17" s="315">
        <v>31</v>
      </c>
      <c r="BA17" s="315">
        <v>13</v>
      </c>
      <c r="BB17" s="315">
        <v>0</v>
      </c>
      <c r="BC17" s="316">
        <v>90</v>
      </c>
      <c r="BD17" s="317">
        <v>90</v>
      </c>
      <c r="BE17" s="311">
        <v>0</v>
      </c>
      <c r="BF17" s="315">
        <v>0</v>
      </c>
      <c r="BG17" s="312">
        <v>0</v>
      </c>
      <c r="BH17" s="314">
        <v>0</v>
      </c>
      <c r="BI17" s="315">
        <v>8</v>
      </c>
      <c r="BJ17" s="315">
        <v>1</v>
      </c>
      <c r="BK17" s="315">
        <v>2</v>
      </c>
      <c r="BL17" s="315">
        <v>1</v>
      </c>
      <c r="BM17" s="315">
        <v>0</v>
      </c>
      <c r="BN17" s="312">
        <v>12</v>
      </c>
      <c r="BO17" s="317">
        <v>12</v>
      </c>
      <c r="BP17" s="311">
        <v>0</v>
      </c>
      <c r="BQ17" s="315">
        <v>0</v>
      </c>
      <c r="BR17" s="312">
        <v>0</v>
      </c>
      <c r="BS17" s="314">
        <v>0</v>
      </c>
      <c r="BT17" s="315">
        <v>0</v>
      </c>
      <c r="BU17" s="315">
        <v>5</v>
      </c>
      <c r="BV17" s="315">
        <v>20</v>
      </c>
      <c r="BW17" s="315">
        <v>62</v>
      </c>
      <c r="BX17" s="315">
        <v>21</v>
      </c>
      <c r="BY17" s="312">
        <v>108</v>
      </c>
      <c r="BZ17" s="317">
        <v>108</v>
      </c>
      <c r="CA17" s="311">
        <v>0</v>
      </c>
      <c r="CB17" s="315">
        <v>0</v>
      </c>
      <c r="CC17" s="312">
        <v>0</v>
      </c>
      <c r="CD17" s="314">
        <v>0</v>
      </c>
      <c r="CE17" s="315">
        <v>0</v>
      </c>
      <c r="CF17" s="315">
        <v>0</v>
      </c>
      <c r="CG17" s="315">
        <v>0</v>
      </c>
      <c r="CH17" s="315">
        <v>0</v>
      </c>
      <c r="CI17" s="315">
        <v>0</v>
      </c>
      <c r="CJ17" s="312">
        <v>0</v>
      </c>
      <c r="CK17" s="317">
        <v>0</v>
      </c>
      <c r="CL17" s="311">
        <v>0</v>
      </c>
      <c r="CM17" s="315">
        <v>0</v>
      </c>
      <c r="CN17" s="312">
        <v>0</v>
      </c>
      <c r="CO17" s="314">
        <v>0</v>
      </c>
      <c r="CP17" s="315">
        <v>0</v>
      </c>
      <c r="CQ17" s="315">
        <v>0</v>
      </c>
      <c r="CR17" s="315">
        <v>0</v>
      </c>
      <c r="CS17" s="315">
        <v>0</v>
      </c>
      <c r="CT17" s="315">
        <v>0</v>
      </c>
      <c r="CU17" s="312">
        <v>0</v>
      </c>
      <c r="CV17" s="317">
        <v>0</v>
      </c>
      <c r="CW17" s="311">
        <v>0</v>
      </c>
      <c r="CX17" s="315">
        <v>0</v>
      </c>
      <c r="CY17" s="312">
        <v>0</v>
      </c>
      <c r="CZ17" s="314">
        <v>0</v>
      </c>
      <c r="DA17" s="315">
        <v>0</v>
      </c>
      <c r="DB17" s="315">
        <v>0</v>
      </c>
      <c r="DC17" s="315">
        <v>0</v>
      </c>
      <c r="DD17" s="315">
        <v>0</v>
      </c>
      <c r="DE17" s="315">
        <v>0</v>
      </c>
      <c r="DF17" s="312">
        <v>0</v>
      </c>
      <c r="DG17" s="317">
        <v>0</v>
      </c>
    </row>
    <row r="18" spans="1:111" ht="18.75" customHeight="1" x14ac:dyDescent="0.2">
      <c r="A18" s="296" t="s">
        <v>16</v>
      </c>
      <c r="B18" s="311">
        <v>0</v>
      </c>
      <c r="C18" s="312">
        <v>0</v>
      </c>
      <c r="D18" s="313">
        <v>0</v>
      </c>
      <c r="E18" s="314">
        <v>0</v>
      </c>
      <c r="F18" s="315">
        <v>89</v>
      </c>
      <c r="G18" s="315">
        <v>150</v>
      </c>
      <c r="H18" s="315">
        <v>248</v>
      </c>
      <c r="I18" s="315">
        <v>28</v>
      </c>
      <c r="J18" s="315">
        <v>49</v>
      </c>
      <c r="K18" s="316">
        <v>564</v>
      </c>
      <c r="L18" s="317">
        <v>564</v>
      </c>
      <c r="M18" s="311">
        <v>0</v>
      </c>
      <c r="N18" s="315">
        <v>0</v>
      </c>
      <c r="O18" s="312">
        <v>0</v>
      </c>
      <c r="P18" s="314">
        <v>0</v>
      </c>
      <c r="Q18" s="315">
        <v>0</v>
      </c>
      <c r="R18" s="315">
        <v>4</v>
      </c>
      <c r="S18" s="315">
        <v>2</v>
      </c>
      <c r="T18" s="315">
        <v>0</v>
      </c>
      <c r="U18" s="315">
        <v>5</v>
      </c>
      <c r="V18" s="312">
        <v>11</v>
      </c>
      <c r="W18" s="317">
        <v>11</v>
      </c>
      <c r="X18" s="311">
        <v>3</v>
      </c>
      <c r="Y18" s="315">
        <v>3</v>
      </c>
      <c r="Z18" s="312">
        <v>6</v>
      </c>
      <c r="AA18" s="314">
        <v>0</v>
      </c>
      <c r="AB18" s="315">
        <v>39</v>
      </c>
      <c r="AC18" s="315">
        <v>116</v>
      </c>
      <c r="AD18" s="315">
        <v>87</v>
      </c>
      <c r="AE18" s="315">
        <v>20</v>
      </c>
      <c r="AF18" s="315">
        <v>4</v>
      </c>
      <c r="AG18" s="312">
        <v>266</v>
      </c>
      <c r="AH18" s="317">
        <v>272</v>
      </c>
      <c r="AI18" s="311">
        <v>0</v>
      </c>
      <c r="AJ18" s="315">
        <v>9</v>
      </c>
      <c r="AK18" s="312">
        <v>9</v>
      </c>
      <c r="AL18" s="314">
        <v>0</v>
      </c>
      <c r="AM18" s="315">
        <v>0</v>
      </c>
      <c r="AN18" s="315">
        <v>0</v>
      </c>
      <c r="AO18" s="315">
        <v>21</v>
      </c>
      <c r="AP18" s="315">
        <v>0</v>
      </c>
      <c r="AQ18" s="315">
        <v>6</v>
      </c>
      <c r="AR18" s="312">
        <v>27</v>
      </c>
      <c r="AS18" s="317">
        <v>36</v>
      </c>
      <c r="AT18" s="311">
        <v>0</v>
      </c>
      <c r="AU18" s="315">
        <v>0</v>
      </c>
      <c r="AV18" s="312">
        <v>0</v>
      </c>
      <c r="AW18" s="314">
        <v>0</v>
      </c>
      <c r="AX18" s="315">
        <v>122</v>
      </c>
      <c r="AY18" s="315">
        <v>130</v>
      </c>
      <c r="AZ18" s="315">
        <v>38</v>
      </c>
      <c r="BA18" s="315">
        <v>18</v>
      </c>
      <c r="BB18" s="315">
        <v>12</v>
      </c>
      <c r="BC18" s="316">
        <v>320</v>
      </c>
      <c r="BD18" s="317">
        <v>320</v>
      </c>
      <c r="BE18" s="311">
        <v>0</v>
      </c>
      <c r="BF18" s="315">
        <v>0</v>
      </c>
      <c r="BG18" s="312">
        <v>0</v>
      </c>
      <c r="BH18" s="314">
        <v>0</v>
      </c>
      <c r="BI18" s="315">
        <v>59</v>
      </c>
      <c r="BJ18" s="315">
        <v>116</v>
      </c>
      <c r="BK18" s="315">
        <v>26</v>
      </c>
      <c r="BL18" s="315">
        <v>0</v>
      </c>
      <c r="BM18" s="315">
        <v>0</v>
      </c>
      <c r="BN18" s="312">
        <v>201</v>
      </c>
      <c r="BO18" s="317">
        <v>201</v>
      </c>
      <c r="BP18" s="311">
        <v>0</v>
      </c>
      <c r="BQ18" s="315">
        <v>0</v>
      </c>
      <c r="BR18" s="312">
        <v>0</v>
      </c>
      <c r="BS18" s="314">
        <v>0</v>
      </c>
      <c r="BT18" s="315">
        <v>30</v>
      </c>
      <c r="BU18" s="315">
        <v>9</v>
      </c>
      <c r="BV18" s="315">
        <v>17</v>
      </c>
      <c r="BW18" s="315">
        <v>0</v>
      </c>
      <c r="BX18" s="315">
        <v>10</v>
      </c>
      <c r="BY18" s="312">
        <v>66</v>
      </c>
      <c r="BZ18" s="317">
        <v>66</v>
      </c>
      <c r="CA18" s="311">
        <v>0</v>
      </c>
      <c r="CB18" s="315">
        <v>0</v>
      </c>
      <c r="CC18" s="312">
        <v>0</v>
      </c>
      <c r="CD18" s="314">
        <v>0</v>
      </c>
      <c r="CE18" s="315">
        <v>9</v>
      </c>
      <c r="CF18" s="315">
        <v>0</v>
      </c>
      <c r="CG18" s="315">
        <v>0</v>
      </c>
      <c r="CH18" s="315">
        <v>0</v>
      </c>
      <c r="CI18" s="315">
        <v>0</v>
      </c>
      <c r="CJ18" s="312">
        <v>9</v>
      </c>
      <c r="CK18" s="317">
        <v>9</v>
      </c>
      <c r="CL18" s="311">
        <v>0</v>
      </c>
      <c r="CM18" s="315">
        <v>0</v>
      </c>
      <c r="CN18" s="312">
        <v>0</v>
      </c>
      <c r="CO18" s="314">
        <v>0</v>
      </c>
      <c r="CP18" s="315">
        <v>0</v>
      </c>
      <c r="CQ18" s="315">
        <v>0</v>
      </c>
      <c r="CR18" s="315">
        <v>0</v>
      </c>
      <c r="CS18" s="315">
        <v>0</v>
      </c>
      <c r="CT18" s="315">
        <v>0</v>
      </c>
      <c r="CU18" s="312">
        <v>0</v>
      </c>
      <c r="CV18" s="317">
        <v>0</v>
      </c>
      <c r="CW18" s="311">
        <v>0</v>
      </c>
      <c r="CX18" s="315">
        <v>0</v>
      </c>
      <c r="CY18" s="312">
        <v>0</v>
      </c>
      <c r="CZ18" s="314">
        <v>0</v>
      </c>
      <c r="DA18" s="315">
        <v>0</v>
      </c>
      <c r="DB18" s="315">
        <v>0</v>
      </c>
      <c r="DC18" s="315">
        <v>0</v>
      </c>
      <c r="DD18" s="315">
        <v>0</v>
      </c>
      <c r="DE18" s="315">
        <v>0</v>
      </c>
      <c r="DF18" s="312">
        <v>0</v>
      </c>
      <c r="DG18" s="317">
        <v>0</v>
      </c>
    </row>
    <row r="19" spans="1:111" ht="18.75" customHeight="1" x14ac:dyDescent="0.2">
      <c r="A19" s="296" t="s">
        <v>17</v>
      </c>
      <c r="B19" s="311">
        <v>0</v>
      </c>
      <c r="C19" s="312">
        <v>0</v>
      </c>
      <c r="D19" s="313">
        <v>0</v>
      </c>
      <c r="E19" s="314">
        <v>0</v>
      </c>
      <c r="F19" s="315">
        <v>99</v>
      </c>
      <c r="G19" s="315">
        <v>301</v>
      </c>
      <c r="H19" s="315">
        <v>602</v>
      </c>
      <c r="I19" s="315">
        <v>200</v>
      </c>
      <c r="J19" s="315">
        <v>324</v>
      </c>
      <c r="K19" s="316">
        <v>1526</v>
      </c>
      <c r="L19" s="317">
        <v>1526</v>
      </c>
      <c r="M19" s="311">
        <v>0</v>
      </c>
      <c r="N19" s="315">
        <v>0</v>
      </c>
      <c r="O19" s="312">
        <v>0</v>
      </c>
      <c r="P19" s="314">
        <v>0</v>
      </c>
      <c r="Q19" s="315">
        <v>0</v>
      </c>
      <c r="R19" s="315">
        <v>13</v>
      </c>
      <c r="S19" s="315">
        <v>6</v>
      </c>
      <c r="T19" s="315">
        <v>16</v>
      </c>
      <c r="U19" s="315">
        <v>22</v>
      </c>
      <c r="V19" s="312">
        <v>57</v>
      </c>
      <c r="W19" s="317">
        <v>57</v>
      </c>
      <c r="X19" s="311">
        <v>38</v>
      </c>
      <c r="Y19" s="315">
        <v>10</v>
      </c>
      <c r="Z19" s="312">
        <v>48</v>
      </c>
      <c r="AA19" s="314">
        <v>0</v>
      </c>
      <c r="AB19" s="315">
        <v>80</v>
      </c>
      <c r="AC19" s="315">
        <v>195</v>
      </c>
      <c r="AD19" s="315">
        <v>90</v>
      </c>
      <c r="AE19" s="315">
        <v>82</v>
      </c>
      <c r="AF19" s="315">
        <v>68</v>
      </c>
      <c r="AG19" s="312">
        <v>515</v>
      </c>
      <c r="AH19" s="317">
        <v>563</v>
      </c>
      <c r="AI19" s="311">
        <v>0</v>
      </c>
      <c r="AJ19" s="315">
        <v>0</v>
      </c>
      <c r="AK19" s="312">
        <v>0</v>
      </c>
      <c r="AL19" s="314">
        <v>0</v>
      </c>
      <c r="AM19" s="315">
        <v>0</v>
      </c>
      <c r="AN19" s="315">
        <v>12</v>
      </c>
      <c r="AO19" s="315">
        <v>15</v>
      </c>
      <c r="AP19" s="315">
        <v>10</v>
      </c>
      <c r="AQ19" s="315">
        <v>0</v>
      </c>
      <c r="AR19" s="312">
        <v>37</v>
      </c>
      <c r="AS19" s="317">
        <v>37</v>
      </c>
      <c r="AT19" s="311">
        <v>0</v>
      </c>
      <c r="AU19" s="315">
        <v>0</v>
      </c>
      <c r="AV19" s="312">
        <v>0</v>
      </c>
      <c r="AW19" s="314">
        <v>0</v>
      </c>
      <c r="AX19" s="315">
        <v>198</v>
      </c>
      <c r="AY19" s="315">
        <v>242</v>
      </c>
      <c r="AZ19" s="315">
        <v>145</v>
      </c>
      <c r="BA19" s="315">
        <v>53</v>
      </c>
      <c r="BB19" s="315">
        <v>22</v>
      </c>
      <c r="BC19" s="316">
        <v>660</v>
      </c>
      <c r="BD19" s="317">
        <v>660</v>
      </c>
      <c r="BE19" s="311">
        <v>0</v>
      </c>
      <c r="BF19" s="315">
        <v>0</v>
      </c>
      <c r="BG19" s="312">
        <v>0</v>
      </c>
      <c r="BH19" s="314">
        <v>0</v>
      </c>
      <c r="BI19" s="315">
        <v>49</v>
      </c>
      <c r="BJ19" s="315">
        <v>24</v>
      </c>
      <c r="BK19" s="315">
        <v>41</v>
      </c>
      <c r="BL19" s="315">
        <v>11</v>
      </c>
      <c r="BM19" s="315">
        <v>0</v>
      </c>
      <c r="BN19" s="312">
        <v>125</v>
      </c>
      <c r="BO19" s="317">
        <v>125</v>
      </c>
      <c r="BP19" s="311">
        <v>0</v>
      </c>
      <c r="BQ19" s="315">
        <v>0</v>
      </c>
      <c r="BR19" s="312">
        <v>0</v>
      </c>
      <c r="BS19" s="314">
        <v>0</v>
      </c>
      <c r="BT19" s="315">
        <v>14</v>
      </c>
      <c r="BU19" s="315">
        <v>75</v>
      </c>
      <c r="BV19" s="315">
        <v>47</v>
      </c>
      <c r="BW19" s="315">
        <v>45</v>
      </c>
      <c r="BX19" s="315">
        <v>0</v>
      </c>
      <c r="BY19" s="312">
        <v>181</v>
      </c>
      <c r="BZ19" s="317">
        <v>181</v>
      </c>
      <c r="CA19" s="311">
        <v>0</v>
      </c>
      <c r="CB19" s="315">
        <v>0</v>
      </c>
      <c r="CC19" s="312">
        <v>0</v>
      </c>
      <c r="CD19" s="314">
        <v>0</v>
      </c>
      <c r="CE19" s="315">
        <v>0</v>
      </c>
      <c r="CF19" s="315">
        <v>0</v>
      </c>
      <c r="CG19" s="315">
        <v>29</v>
      </c>
      <c r="CH19" s="315">
        <v>0</v>
      </c>
      <c r="CI19" s="315">
        <v>0</v>
      </c>
      <c r="CJ19" s="312">
        <v>29</v>
      </c>
      <c r="CK19" s="317">
        <v>29</v>
      </c>
      <c r="CL19" s="311">
        <v>0</v>
      </c>
      <c r="CM19" s="315">
        <v>0</v>
      </c>
      <c r="CN19" s="312">
        <v>0</v>
      </c>
      <c r="CO19" s="314">
        <v>0</v>
      </c>
      <c r="CP19" s="315">
        <v>0</v>
      </c>
      <c r="CQ19" s="315">
        <v>0</v>
      </c>
      <c r="CR19" s="315">
        <v>0</v>
      </c>
      <c r="CS19" s="315">
        <v>0</v>
      </c>
      <c r="CT19" s="315">
        <v>0</v>
      </c>
      <c r="CU19" s="312">
        <v>0</v>
      </c>
      <c r="CV19" s="317">
        <v>0</v>
      </c>
      <c r="CW19" s="311">
        <v>0</v>
      </c>
      <c r="CX19" s="315">
        <v>0</v>
      </c>
      <c r="CY19" s="312">
        <v>0</v>
      </c>
      <c r="CZ19" s="314">
        <v>0</v>
      </c>
      <c r="DA19" s="315">
        <v>0</v>
      </c>
      <c r="DB19" s="315">
        <v>0</v>
      </c>
      <c r="DC19" s="315">
        <v>0</v>
      </c>
      <c r="DD19" s="315">
        <v>0</v>
      </c>
      <c r="DE19" s="315">
        <v>0</v>
      </c>
      <c r="DF19" s="312">
        <v>0</v>
      </c>
      <c r="DG19" s="317">
        <v>0</v>
      </c>
    </row>
    <row r="20" spans="1:111" ht="18.75" customHeight="1" x14ac:dyDescent="0.2">
      <c r="A20" s="296" t="s">
        <v>18</v>
      </c>
      <c r="B20" s="311">
        <v>0</v>
      </c>
      <c r="C20" s="312">
        <v>0</v>
      </c>
      <c r="D20" s="313">
        <v>0</v>
      </c>
      <c r="E20" s="314">
        <v>0</v>
      </c>
      <c r="F20" s="315">
        <v>224</v>
      </c>
      <c r="G20" s="315">
        <v>408</v>
      </c>
      <c r="H20" s="315">
        <v>598</v>
      </c>
      <c r="I20" s="315">
        <v>685</v>
      </c>
      <c r="J20" s="315">
        <v>363</v>
      </c>
      <c r="K20" s="316">
        <v>2278</v>
      </c>
      <c r="L20" s="317">
        <v>2278</v>
      </c>
      <c r="M20" s="311">
        <v>0</v>
      </c>
      <c r="N20" s="315">
        <v>0</v>
      </c>
      <c r="O20" s="312">
        <v>0</v>
      </c>
      <c r="P20" s="314">
        <v>0</v>
      </c>
      <c r="Q20" s="315">
        <v>0</v>
      </c>
      <c r="R20" s="315">
        <v>5</v>
      </c>
      <c r="S20" s="315">
        <v>2</v>
      </c>
      <c r="T20" s="315">
        <v>12</v>
      </c>
      <c r="U20" s="315">
        <v>20</v>
      </c>
      <c r="V20" s="312">
        <v>39</v>
      </c>
      <c r="W20" s="317">
        <v>39</v>
      </c>
      <c r="X20" s="311">
        <v>30</v>
      </c>
      <c r="Y20" s="315">
        <v>62</v>
      </c>
      <c r="Z20" s="312">
        <v>92</v>
      </c>
      <c r="AA20" s="314">
        <v>0</v>
      </c>
      <c r="AB20" s="315">
        <v>117</v>
      </c>
      <c r="AC20" s="315">
        <v>263</v>
      </c>
      <c r="AD20" s="315">
        <v>142</v>
      </c>
      <c r="AE20" s="315">
        <v>243</v>
      </c>
      <c r="AF20" s="315">
        <v>89</v>
      </c>
      <c r="AG20" s="312">
        <v>854</v>
      </c>
      <c r="AH20" s="317">
        <v>946</v>
      </c>
      <c r="AI20" s="311">
        <v>0</v>
      </c>
      <c r="AJ20" s="315">
        <v>0</v>
      </c>
      <c r="AK20" s="312">
        <v>0</v>
      </c>
      <c r="AL20" s="314">
        <v>0</v>
      </c>
      <c r="AM20" s="315">
        <v>21</v>
      </c>
      <c r="AN20" s="315">
        <v>44</v>
      </c>
      <c r="AO20" s="315">
        <v>18</v>
      </c>
      <c r="AP20" s="315">
        <v>69</v>
      </c>
      <c r="AQ20" s="315">
        <v>16</v>
      </c>
      <c r="AR20" s="312">
        <v>168</v>
      </c>
      <c r="AS20" s="317">
        <v>168</v>
      </c>
      <c r="AT20" s="311">
        <v>0</v>
      </c>
      <c r="AU20" s="315">
        <v>0</v>
      </c>
      <c r="AV20" s="312">
        <v>0</v>
      </c>
      <c r="AW20" s="314">
        <v>0</v>
      </c>
      <c r="AX20" s="315">
        <v>163</v>
      </c>
      <c r="AY20" s="315">
        <v>452</v>
      </c>
      <c r="AZ20" s="315">
        <v>129</v>
      </c>
      <c r="BA20" s="315">
        <v>99</v>
      </c>
      <c r="BB20" s="315">
        <v>30</v>
      </c>
      <c r="BC20" s="316">
        <v>873</v>
      </c>
      <c r="BD20" s="317">
        <v>873</v>
      </c>
      <c r="BE20" s="311">
        <v>0</v>
      </c>
      <c r="BF20" s="315">
        <v>0</v>
      </c>
      <c r="BG20" s="312">
        <v>0</v>
      </c>
      <c r="BH20" s="314">
        <v>0</v>
      </c>
      <c r="BI20" s="315">
        <v>43</v>
      </c>
      <c r="BJ20" s="315">
        <v>71</v>
      </c>
      <c r="BK20" s="315">
        <v>38</v>
      </c>
      <c r="BL20" s="315">
        <v>55</v>
      </c>
      <c r="BM20" s="315">
        <v>17</v>
      </c>
      <c r="BN20" s="312">
        <v>224</v>
      </c>
      <c r="BO20" s="317">
        <v>224</v>
      </c>
      <c r="BP20" s="311">
        <v>0</v>
      </c>
      <c r="BQ20" s="315">
        <v>0</v>
      </c>
      <c r="BR20" s="312">
        <v>0</v>
      </c>
      <c r="BS20" s="314">
        <v>0</v>
      </c>
      <c r="BT20" s="315">
        <v>44</v>
      </c>
      <c r="BU20" s="315">
        <v>90</v>
      </c>
      <c r="BV20" s="315">
        <v>107</v>
      </c>
      <c r="BW20" s="315">
        <v>64</v>
      </c>
      <c r="BX20" s="315">
        <v>27</v>
      </c>
      <c r="BY20" s="312">
        <v>332</v>
      </c>
      <c r="BZ20" s="317">
        <v>332</v>
      </c>
      <c r="CA20" s="311">
        <v>0</v>
      </c>
      <c r="CB20" s="315">
        <v>0</v>
      </c>
      <c r="CC20" s="312">
        <v>0</v>
      </c>
      <c r="CD20" s="314">
        <v>0</v>
      </c>
      <c r="CE20" s="315">
        <v>0</v>
      </c>
      <c r="CF20" s="315">
        <v>0</v>
      </c>
      <c r="CG20" s="315">
        <v>0</v>
      </c>
      <c r="CH20" s="315">
        <v>0</v>
      </c>
      <c r="CI20" s="315">
        <v>0</v>
      </c>
      <c r="CJ20" s="312">
        <v>0</v>
      </c>
      <c r="CK20" s="317">
        <v>0</v>
      </c>
      <c r="CL20" s="311">
        <v>0</v>
      </c>
      <c r="CM20" s="315">
        <v>0</v>
      </c>
      <c r="CN20" s="312">
        <v>0</v>
      </c>
      <c r="CO20" s="314">
        <v>0</v>
      </c>
      <c r="CP20" s="315">
        <v>0</v>
      </c>
      <c r="CQ20" s="315">
        <v>0</v>
      </c>
      <c r="CR20" s="315">
        <v>0</v>
      </c>
      <c r="CS20" s="315">
        <v>0</v>
      </c>
      <c r="CT20" s="315">
        <v>0</v>
      </c>
      <c r="CU20" s="312">
        <v>0</v>
      </c>
      <c r="CV20" s="317">
        <v>0</v>
      </c>
      <c r="CW20" s="311">
        <v>0</v>
      </c>
      <c r="CX20" s="315">
        <v>0</v>
      </c>
      <c r="CY20" s="312">
        <v>0</v>
      </c>
      <c r="CZ20" s="314">
        <v>0</v>
      </c>
      <c r="DA20" s="315">
        <v>0</v>
      </c>
      <c r="DB20" s="315">
        <v>0</v>
      </c>
      <c r="DC20" s="315">
        <v>0</v>
      </c>
      <c r="DD20" s="315">
        <v>0</v>
      </c>
      <c r="DE20" s="315">
        <v>0</v>
      </c>
      <c r="DF20" s="312">
        <v>0</v>
      </c>
      <c r="DG20" s="317">
        <v>0</v>
      </c>
    </row>
    <row r="21" spans="1:111" ht="18.75" customHeight="1" x14ac:dyDescent="0.2">
      <c r="A21" s="296" t="s">
        <v>19</v>
      </c>
      <c r="B21" s="311">
        <v>0</v>
      </c>
      <c r="C21" s="312">
        <v>0</v>
      </c>
      <c r="D21" s="313">
        <v>0</v>
      </c>
      <c r="E21" s="314">
        <v>0</v>
      </c>
      <c r="F21" s="315">
        <v>50</v>
      </c>
      <c r="G21" s="315">
        <v>161</v>
      </c>
      <c r="H21" s="315">
        <v>231</v>
      </c>
      <c r="I21" s="315">
        <v>93</v>
      </c>
      <c r="J21" s="315">
        <v>11</v>
      </c>
      <c r="K21" s="316">
        <v>546</v>
      </c>
      <c r="L21" s="317">
        <v>546</v>
      </c>
      <c r="M21" s="311">
        <v>0</v>
      </c>
      <c r="N21" s="315">
        <v>0</v>
      </c>
      <c r="O21" s="312">
        <v>0</v>
      </c>
      <c r="P21" s="314">
        <v>0</v>
      </c>
      <c r="Q21" s="315">
        <v>0</v>
      </c>
      <c r="R21" s="315">
        <v>0</v>
      </c>
      <c r="S21" s="315">
        <v>8</v>
      </c>
      <c r="T21" s="315">
        <v>4</v>
      </c>
      <c r="U21" s="315">
        <v>6</v>
      </c>
      <c r="V21" s="312">
        <v>18</v>
      </c>
      <c r="W21" s="317">
        <v>18</v>
      </c>
      <c r="X21" s="311">
        <v>14</v>
      </c>
      <c r="Y21" s="315">
        <v>24</v>
      </c>
      <c r="Z21" s="312">
        <v>38</v>
      </c>
      <c r="AA21" s="314">
        <v>0</v>
      </c>
      <c r="AB21" s="315">
        <v>56</v>
      </c>
      <c r="AC21" s="315">
        <v>52</v>
      </c>
      <c r="AD21" s="315">
        <v>36</v>
      </c>
      <c r="AE21" s="315">
        <v>45</v>
      </c>
      <c r="AF21" s="315">
        <v>41</v>
      </c>
      <c r="AG21" s="312">
        <v>230</v>
      </c>
      <c r="AH21" s="317">
        <v>268</v>
      </c>
      <c r="AI21" s="311">
        <v>0</v>
      </c>
      <c r="AJ21" s="315">
        <v>0</v>
      </c>
      <c r="AK21" s="312">
        <v>0</v>
      </c>
      <c r="AL21" s="314">
        <v>0</v>
      </c>
      <c r="AM21" s="315">
        <v>12</v>
      </c>
      <c r="AN21" s="315">
        <v>0</v>
      </c>
      <c r="AO21" s="315">
        <v>25</v>
      </c>
      <c r="AP21" s="315">
        <v>0</v>
      </c>
      <c r="AQ21" s="315">
        <v>0</v>
      </c>
      <c r="AR21" s="312">
        <v>37</v>
      </c>
      <c r="AS21" s="317">
        <v>37</v>
      </c>
      <c r="AT21" s="311">
        <v>0</v>
      </c>
      <c r="AU21" s="315">
        <v>0</v>
      </c>
      <c r="AV21" s="312">
        <v>0</v>
      </c>
      <c r="AW21" s="314">
        <v>0</v>
      </c>
      <c r="AX21" s="315">
        <v>126</v>
      </c>
      <c r="AY21" s="315">
        <v>70</v>
      </c>
      <c r="AZ21" s="315">
        <v>65</v>
      </c>
      <c r="BA21" s="315">
        <v>2</v>
      </c>
      <c r="BB21" s="315">
        <v>19</v>
      </c>
      <c r="BC21" s="316">
        <v>282</v>
      </c>
      <c r="BD21" s="317">
        <v>282</v>
      </c>
      <c r="BE21" s="311">
        <v>0</v>
      </c>
      <c r="BF21" s="315">
        <v>0</v>
      </c>
      <c r="BG21" s="312">
        <v>0</v>
      </c>
      <c r="BH21" s="314">
        <v>0</v>
      </c>
      <c r="BI21" s="315">
        <v>20</v>
      </c>
      <c r="BJ21" s="315">
        <v>19</v>
      </c>
      <c r="BK21" s="315">
        <v>15</v>
      </c>
      <c r="BL21" s="315">
        <v>39</v>
      </c>
      <c r="BM21" s="315">
        <v>11</v>
      </c>
      <c r="BN21" s="312">
        <v>104</v>
      </c>
      <c r="BO21" s="317">
        <v>104</v>
      </c>
      <c r="BP21" s="311">
        <v>0</v>
      </c>
      <c r="BQ21" s="315">
        <v>3</v>
      </c>
      <c r="BR21" s="312">
        <v>3</v>
      </c>
      <c r="BS21" s="314">
        <v>0</v>
      </c>
      <c r="BT21" s="315">
        <v>8</v>
      </c>
      <c r="BU21" s="315">
        <v>15</v>
      </c>
      <c r="BV21" s="315">
        <v>23</v>
      </c>
      <c r="BW21" s="315">
        <v>0</v>
      </c>
      <c r="BX21" s="315">
        <v>0</v>
      </c>
      <c r="BY21" s="312">
        <v>46</v>
      </c>
      <c r="BZ21" s="317">
        <v>49</v>
      </c>
      <c r="CA21" s="311">
        <v>0</v>
      </c>
      <c r="CB21" s="315">
        <v>0</v>
      </c>
      <c r="CC21" s="312">
        <v>0</v>
      </c>
      <c r="CD21" s="314">
        <v>0</v>
      </c>
      <c r="CE21" s="315">
        <v>0</v>
      </c>
      <c r="CF21" s="315">
        <v>4</v>
      </c>
      <c r="CG21" s="315">
        <v>4</v>
      </c>
      <c r="CH21" s="315">
        <v>11</v>
      </c>
      <c r="CI21" s="315">
        <v>0</v>
      </c>
      <c r="CJ21" s="312">
        <v>19</v>
      </c>
      <c r="CK21" s="317">
        <v>19</v>
      </c>
      <c r="CL21" s="311">
        <v>0</v>
      </c>
      <c r="CM21" s="315">
        <v>0</v>
      </c>
      <c r="CN21" s="312">
        <v>0</v>
      </c>
      <c r="CO21" s="314">
        <v>0</v>
      </c>
      <c r="CP21" s="315">
        <v>0</v>
      </c>
      <c r="CQ21" s="315">
        <v>0</v>
      </c>
      <c r="CR21" s="315">
        <v>0</v>
      </c>
      <c r="CS21" s="315">
        <v>0</v>
      </c>
      <c r="CT21" s="315">
        <v>0</v>
      </c>
      <c r="CU21" s="312">
        <v>0</v>
      </c>
      <c r="CV21" s="317">
        <v>0</v>
      </c>
      <c r="CW21" s="311">
        <v>0</v>
      </c>
      <c r="CX21" s="315">
        <v>0</v>
      </c>
      <c r="CY21" s="312">
        <v>0</v>
      </c>
      <c r="CZ21" s="314">
        <v>0</v>
      </c>
      <c r="DA21" s="315">
        <v>0</v>
      </c>
      <c r="DB21" s="315">
        <v>0</v>
      </c>
      <c r="DC21" s="315">
        <v>0</v>
      </c>
      <c r="DD21" s="315">
        <v>0</v>
      </c>
      <c r="DE21" s="315">
        <v>0</v>
      </c>
      <c r="DF21" s="312">
        <v>0</v>
      </c>
      <c r="DG21" s="317">
        <v>0</v>
      </c>
    </row>
    <row r="22" spans="1:111" ht="18.75" customHeight="1" x14ac:dyDescent="0.2">
      <c r="A22" s="296" t="s">
        <v>20</v>
      </c>
      <c r="B22" s="311">
        <v>0</v>
      </c>
      <c r="C22" s="312">
        <v>0</v>
      </c>
      <c r="D22" s="313">
        <v>0</v>
      </c>
      <c r="E22" s="314">
        <v>0</v>
      </c>
      <c r="F22" s="315">
        <v>170</v>
      </c>
      <c r="G22" s="315">
        <v>126</v>
      </c>
      <c r="H22" s="315">
        <v>84</v>
      </c>
      <c r="I22" s="315">
        <v>282</v>
      </c>
      <c r="J22" s="315">
        <v>74</v>
      </c>
      <c r="K22" s="316">
        <v>736</v>
      </c>
      <c r="L22" s="317">
        <v>736</v>
      </c>
      <c r="M22" s="311">
        <v>0</v>
      </c>
      <c r="N22" s="315">
        <v>0</v>
      </c>
      <c r="O22" s="312">
        <v>0</v>
      </c>
      <c r="P22" s="314">
        <v>0</v>
      </c>
      <c r="Q22" s="315">
        <v>1</v>
      </c>
      <c r="R22" s="315">
        <v>0</v>
      </c>
      <c r="S22" s="315">
        <v>2</v>
      </c>
      <c r="T22" s="315">
        <v>0</v>
      </c>
      <c r="U22" s="315">
        <v>19</v>
      </c>
      <c r="V22" s="312">
        <v>22</v>
      </c>
      <c r="W22" s="317">
        <v>22</v>
      </c>
      <c r="X22" s="311">
        <v>3</v>
      </c>
      <c r="Y22" s="315">
        <v>25</v>
      </c>
      <c r="Z22" s="312">
        <v>28</v>
      </c>
      <c r="AA22" s="314">
        <v>0</v>
      </c>
      <c r="AB22" s="315">
        <v>142</v>
      </c>
      <c r="AC22" s="315">
        <v>51</v>
      </c>
      <c r="AD22" s="315">
        <v>102</v>
      </c>
      <c r="AE22" s="315">
        <v>90</v>
      </c>
      <c r="AF22" s="315">
        <v>32</v>
      </c>
      <c r="AG22" s="312">
        <v>417</v>
      </c>
      <c r="AH22" s="317">
        <v>445</v>
      </c>
      <c r="AI22" s="311">
        <v>18</v>
      </c>
      <c r="AJ22" s="315">
        <v>16</v>
      </c>
      <c r="AK22" s="312">
        <v>34</v>
      </c>
      <c r="AL22" s="314">
        <v>0</v>
      </c>
      <c r="AM22" s="315">
        <v>10</v>
      </c>
      <c r="AN22" s="315">
        <v>54</v>
      </c>
      <c r="AO22" s="315">
        <v>33</v>
      </c>
      <c r="AP22" s="315">
        <v>0</v>
      </c>
      <c r="AQ22" s="315">
        <v>6</v>
      </c>
      <c r="AR22" s="312">
        <v>103</v>
      </c>
      <c r="AS22" s="317">
        <v>137</v>
      </c>
      <c r="AT22" s="311">
        <v>0</v>
      </c>
      <c r="AU22" s="315">
        <v>0</v>
      </c>
      <c r="AV22" s="312">
        <v>0</v>
      </c>
      <c r="AW22" s="314">
        <v>0</v>
      </c>
      <c r="AX22" s="315">
        <v>37</v>
      </c>
      <c r="AY22" s="315">
        <v>76</v>
      </c>
      <c r="AZ22" s="315">
        <v>61</v>
      </c>
      <c r="BA22" s="315">
        <v>28</v>
      </c>
      <c r="BB22" s="315">
        <v>52</v>
      </c>
      <c r="BC22" s="316">
        <v>254</v>
      </c>
      <c r="BD22" s="317">
        <v>254</v>
      </c>
      <c r="BE22" s="311">
        <v>0</v>
      </c>
      <c r="BF22" s="315">
        <v>0</v>
      </c>
      <c r="BG22" s="312">
        <v>0</v>
      </c>
      <c r="BH22" s="314">
        <v>0</v>
      </c>
      <c r="BI22" s="315">
        <v>50</v>
      </c>
      <c r="BJ22" s="315">
        <v>100</v>
      </c>
      <c r="BK22" s="315">
        <v>24</v>
      </c>
      <c r="BL22" s="315">
        <v>15</v>
      </c>
      <c r="BM22" s="315">
        <v>10</v>
      </c>
      <c r="BN22" s="312">
        <v>199</v>
      </c>
      <c r="BO22" s="317">
        <v>199</v>
      </c>
      <c r="BP22" s="311">
        <v>0</v>
      </c>
      <c r="BQ22" s="315">
        <v>7</v>
      </c>
      <c r="BR22" s="312">
        <v>7</v>
      </c>
      <c r="BS22" s="314">
        <v>0</v>
      </c>
      <c r="BT22" s="315">
        <v>8</v>
      </c>
      <c r="BU22" s="315">
        <v>0</v>
      </c>
      <c r="BV22" s="315">
        <v>59</v>
      </c>
      <c r="BW22" s="315">
        <v>41</v>
      </c>
      <c r="BX22" s="315">
        <v>0</v>
      </c>
      <c r="BY22" s="312">
        <v>108</v>
      </c>
      <c r="BZ22" s="317">
        <v>115</v>
      </c>
      <c r="CA22" s="311">
        <v>0</v>
      </c>
      <c r="CB22" s="315">
        <v>0</v>
      </c>
      <c r="CC22" s="312">
        <v>0</v>
      </c>
      <c r="CD22" s="314">
        <v>0</v>
      </c>
      <c r="CE22" s="315">
        <v>0</v>
      </c>
      <c r="CF22" s="315">
        <v>9</v>
      </c>
      <c r="CG22" s="315">
        <v>9</v>
      </c>
      <c r="CH22" s="315">
        <v>0</v>
      </c>
      <c r="CI22" s="315">
        <v>0</v>
      </c>
      <c r="CJ22" s="312">
        <v>18</v>
      </c>
      <c r="CK22" s="317">
        <v>18</v>
      </c>
      <c r="CL22" s="311">
        <v>0</v>
      </c>
      <c r="CM22" s="315">
        <v>0</v>
      </c>
      <c r="CN22" s="312">
        <v>0</v>
      </c>
      <c r="CO22" s="314">
        <v>0</v>
      </c>
      <c r="CP22" s="315">
        <v>0</v>
      </c>
      <c r="CQ22" s="315">
        <v>0</v>
      </c>
      <c r="CR22" s="315">
        <v>0</v>
      </c>
      <c r="CS22" s="315">
        <v>0</v>
      </c>
      <c r="CT22" s="315">
        <v>0</v>
      </c>
      <c r="CU22" s="312">
        <v>0</v>
      </c>
      <c r="CV22" s="317">
        <v>0</v>
      </c>
      <c r="CW22" s="311">
        <v>0</v>
      </c>
      <c r="CX22" s="315">
        <v>0</v>
      </c>
      <c r="CY22" s="312">
        <v>0</v>
      </c>
      <c r="CZ22" s="314">
        <v>0</v>
      </c>
      <c r="DA22" s="315">
        <v>0</v>
      </c>
      <c r="DB22" s="315">
        <v>0</v>
      </c>
      <c r="DC22" s="315">
        <v>0</v>
      </c>
      <c r="DD22" s="315">
        <v>0</v>
      </c>
      <c r="DE22" s="315">
        <v>0</v>
      </c>
      <c r="DF22" s="312">
        <v>0</v>
      </c>
      <c r="DG22" s="317">
        <v>0</v>
      </c>
    </row>
    <row r="23" spans="1:111" ht="18.75" customHeight="1" x14ac:dyDescent="0.2">
      <c r="A23" s="296" t="s">
        <v>21</v>
      </c>
      <c r="B23" s="311">
        <v>0</v>
      </c>
      <c r="C23" s="312">
        <v>0</v>
      </c>
      <c r="D23" s="313">
        <v>0</v>
      </c>
      <c r="E23" s="314">
        <v>0</v>
      </c>
      <c r="F23" s="315">
        <v>133</v>
      </c>
      <c r="G23" s="315">
        <v>124</v>
      </c>
      <c r="H23" s="315">
        <v>130</v>
      </c>
      <c r="I23" s="315">
        <v>39</v>
      </c>
      <c r="J23" s="315">
        <v>0</v>
      </c>
      <c r="K23" s="316">
        <v>426</v>
      </c>
      <c r="L23" s="317">
        <v>426</v>
      </c>
      <c r="M23" s="311">
        <v>0</v>
      </c>
      <c r="N23" s="315">
        <v>0</v>
      </c>
      <c r="O23" s="312">
        <v>0</v>
      </c>
      <c r="P23" s="314">
        <v>0</v>
      </c>
      <c r="Q23" s="315">
        <v>0</v>
      </c>
      <c r="R23" s="315">
        <v>0</v>
      </c>
      <c r="S23" s="315">
        <v>8</v>
      </c>
      <c r="T23" s="315">
        <v>11</v>
      </c>
      <c r="U23" s="315">
        <v>11</v>
      </c>
      <c r="V23" s="312">
        <v>30</v>
      </c>
      <c r="W23" s="317">
        <v>30</v>
      </c>
      <c r="X23" s="311">
        <v>9</v>
      </c>
      <c r="Y23" s="315">
        <v>8</v>
      </c>
      <c r="Z23" s="312">
        <v>17</v>
      </c>
      <c r="AA23" s="314">
        <v>0</v>
      </c>
      <c r="AB23" s="315">
        <v>113</v>
      </c>
      <c r="AC23" s="315">
        <v>116</v>
      </c>
      <c r="AD23" s="315">
        <v>66</v>
      </c>
      <c r="AE23" s="315">
        <v>25</v>
      </c>
      <c r="AF23" s="315">
        <v>35</v>
      </c>
      <c r="AG23" s="312">
        <v>355</v>
      </c>
      <c r="AH23" s="317">
        <v>372</v>
      </c>
      <c r="AI23" s="311">
        <v>6</v>
      </c>
      <c r="AJ23" s="315">
        <v>0</v>
      </c>
      <c r="AK23" s="312">
        <v>6</v>
      </c>
      <c r="AL23" s="314">
        <v>0</v>
      </c>
      <c r="AM23" s="315">
        <v>0</v>
      </c>
      <c r="AN23" s="315">
        <v>18</v>
      </c>
      <c r="AO23" s="315">
        <v>0</v>
      </c>
      <c r="AP23" s="315">
        <v>0</v>
      </c>
      <c r="AQ23" s="315">
        <v>12</v>
      </c>
      <c r="AR23" s="312">
        <v>30</v>
      </c>
      <c r="AS23" s="317">
        <v>36</v>
      </c>
      <c r="AT23" s="311">
        <v>0</v>
      </c>
      <c r="AU23" s="315">
        <v>0</v>
      </c>
      <c r="AV23" s="312">
        <v>0</v>
      </c>
      <c r="AW23" s="314">
        <v>0</v>
      </c>
      <c r="AX23" s="315">
        <v>124</v>
      </c>
      <c r="AY23" s="315">
        <v>122</v>
      </c>
      <c r="AZ23" s="315">
        <v>36</v>
      </c>
      <c r="BA23" s="315">
        <v>50</v>
      </c>
      <c r="BB23" s="315">
        <v>0</v>
      </c>
      <c r="BC23" s="316">
        <v>332</v>
      </c>
      <c r="BD23" s="317">
        <v>332</v>
      </c>
      <c r="BE23" s="311">
        <v>0</v>
      </c>
      <c r="BF23" s="315">
        <v>0</v>
      </c>
      <c r="BG23" s="312">
        <v>0</v>
      </c>
      <c r="BH23" s="314">
        <v>0</v>
      </c>
      <c r="BI23" s="315">
        <v>4</v>
      </c>
      <c r="BJ23" s="315">
        <v>8</v>
      </c>
      <c r="BK23" s="315">
        <v>8</v>
      </c>
      <c r="BL23" s="315">
        <v>5</v>
      </c>
      <c r="BM23" s="315">
        <v>8</v>
      </c>
      <c r="BN23" s="312">
        <v>33</v>
      </c>
      <c r="BO23" s="317">
        <v>33</v>
      </c>
      <c r="BP23" s="311">
        <v>7</v>
      </c>
      <c r="BQ23" s="315">
        <v>0</v>
      </c>
      <c r="BR23" s="312">
        <v>7</v>
      </c>
      <c r="BS23" s="314">
        <v>0</v>
      </c>
      <c r="BT23" s="315">
        <v>2</v>
      </c>
      <c r="BU23" s="315">
        <v>9</v>
      </c>
      <c r="BV23" s="315">
        <v>0</v>
      </c>
      <c r="BW23" s="315">
        <v>5</v>
      </c>
      <c r="BX23" s="315">
        <v>0</v>
      </c>
      <c r="BY23" s="312">
        <v>16</v>
      </c>
      <c r="BZ23" s="317">
        <v>23</v>
      </c>
      <c r="CA23" s="311">
        <v>0</v>
      </c>
      <c r="CB23" s="315">
        <v>0</v>
      </c>
      <c r="CC23" s="312">
        <v>0</v>
      </c>
      <c r="CD23" s="314">
        <v>0</v>
      </c>
      <c r="CE23" s="315">
        <v>0</v>
      </c>
      <c r="CF23" s="315">
        <v>10</v>
      </c>
      <c r="CG23" s="315">
        <v>0</v>
      </c>
      <c r="CH23" s="315">
        <v>0</v>
      </c>
      <c r="CI23" s="315">
        <v>0</v>
      </c>
      <c r="CJ23" s="312">
        <v>10</v>
      </c>
      <c r="CK23" s="317">
        <v>10</v>
      </c>
      <c r="CL23" s="311">
        <v>0</v>
      </c>
      <c r="CM23" s="315">
        <v>0</v>
      </c>
      <c r="CN23" s="312">
        <v>0</v>
      </c>
      <c r="CO23" s="314">
        <v>0</v>
      </c>
      <c r="CP23" s="315">
        <v>0</v>
      </c>
      <c r="CQ23" s="315">
        <v>0</v>
      </c>
      <c r="CR23" s="315">
        <v>0</v>
      </c>
      <c r="CS23" s="315">
        <v>0</v>
      </c>
      <c r="CT23" s="315">
        <v>0</v>
      </c>
      <c r="CU23" s="312">
        <v>0</v>
      </c>
      <c r="CV23" s="317">
        <v>0</v>
      </c>
      <c r="CW23" s="311">
        <v>0</v>
      </c>
      <c r="CX23" s="315">
        <v>0</v>
      </c>
      <c r="CY23" s="312">
        <v>0</v>
      </c>
      <c r="CZ23" s="314">
        <v>0</v>
      </c>
      <c r="DA23" s="315">
        <v>0</v>
      </c>
      <c r="DB23" s="315">
        <v>0</v>
      </c>
      <c r="DC23" s="315">
        <v>0</v>
      </c>
      <c r="DD23" s="315">
        <v>0</v>
      </c>
      <c r="DE23" s="315">
        <v>0</v>
      </c>
      <c r="DF23" s="312">
        <v>0</v>
      </c>
      <c r="DG23" s="317">
        <v>0</v>
      </c>
    </row>
    <row r="24" spans="1:111" ht="18.75" customHeight="1" x14ac:dyDescent="0.2">
      <c r="A24" s="296" t="s">
        <v>22</v>
      </c>
      <c r="B24" s="311">
        <v>0</v>
      </c>
      <c r="C24" s="312">
        <v>0</v>
      </c>
      <c r="D24" s="313">
        <v>0</v>
      </c>
      <c r="E24" s="314">
        <v>0</v>
      </c>
      <c r="F24" s="315">
        <v>29</v>
      </c>
      <c r="G24" s="315">
        <v>3</v>
      </c>
      <c r="H24" s="315">
        <v>112</v>
      </c>
      <c r="I24" s="315">
        <v>159</v>
      </c>
      <c r="J24" s="315">
        <v>128</v>
      </c>
      <c r="K24" s="316">
        <v>431</v>
      </c>
      <c r="L24" s="317">
        <v>431</v>
      </c>
      <c r="M24" s="311">
        <v>0</v>
      </c>
      <c r="N24" s="315">
        <v>0</v>
      </c>
      <c r="O24" s="312">
        <v>0</v>
      </c>
      <c r="P24" s="314">
        <v>0</v>
      </c>
      <c r="Q24" s="315">
        <v>0</v>
      </c>
      <c r="R24" s="315">
        <v>0</v>
      </c>
      <c r="S24" s="315">
        <v>0</v>
      </c>
      <c r="T24" s="315">
        <v>7</v>
      </c>
      <c r="U24" s="315">
        <v>27</v>
      </c>
      <c r="V24" s="312">
        <v>34</v>
      </c>
      <c r="W24" s="317">
        <v>34</v>
      </c>
      <c r="X24" s="311">
        <v>2</v>
      </c>
      <c r="Y24" s="315">
        <v>4</v>
      </c>
      <c r="Z24" s="312">
        <v>6</v>
      </c>
      <c r="AA24" s="314">
        <v>0</v>
      </c>
      <c r="AB24" s="315">
        <v>3</v>
      </c>
      <c r="AC24" s="315">
        <v>45</v>
      </c>
      <c r="AD24" s="315">
        <v>0</v>
      </c>
      <c r="AE24" s="315">
        <v>38</v>
      </c>
      <c r="AF24" s="315">
        <v>77</v>
      </c>
      <c r="AG24" s="312">
        <v>163</v>
      </c>
      <c r="AH24" s="317">
        <v>169</v>
      </c>
      <c r="AI24" s="311">
        <v>0</v>
      </c>
      <c r="AJ24" s="315">
        <v>0</v>
      </c>
      <c r="AK24" s="312">
        <v>0</v>
      </c>
      <c r="AL24" s="314">
        <v>0</v>
      </c>
      <c r="AM24" s="315">
        <v>12</v>
      </c>
      <c r="AN24" s="315">
        <v>0</v>
      </c>
      <c r="AO24" s="315">
        <v>0</v>
      </c>
      <c r="AP24" s="315">
        <v>0</v>
      </c>
      <c r="AQ24" s="315">
        <v>0</v>
      </c>
      <c r="AR24" s="312">
        <v>12</v>
      </c>
      <c r="AS24" s="317">
        <v>12</v>
      </c>
      <c r="AT24" s="311">
        <v>0</v>
      </c>
      <c r="AU24" s="315">
        <v>0</v>
      </c>
      <c r="AV24" s="312">
        <v>0</v>
      </c>
      <c r="AW24" s="314">
        <v>0</v>
      </c>
      <c r="AX24" s="315">
        <v>73</v>
      </c>
      <c r="AY24" s="315">
        <v>50</v>
      </c>
      <c r="AZ24" s="315">
        <v>0</v>
      </c>
      <c r="BA24" s="315">
        <v>45</v>
      </c>
      <c r="BB24" s="315">
        <v>24</v>
      </c>
      <c r="BC24" s="316">
        <v>192</v>
      </c>
      <c r="BD24" s="317">
        <v>192</v>
      </c>
      <c r="BE24" s="311">
        <v>0</v>
      </c>
      <c r="BF24" s="315">
        <v>0</v>
      </c>
      <c r="BG24" s="312">
        <v>0</v>
      </c>
      <c r="BH24" s="314">
        <v>0</v>
      </c>
      <c r="BI24" s="315">
        <v>0</v>
      </c>
      <c r="BJ24" s="315">
        <v>1</v>
      </c>
      <c r="BK24" s="315">
        <v>3</v>
      </c>
      <c r="BL24" s="315">
        <v>8</v>
      </c>
      <c r="BM24" s="315">
        <v>0</v>
      </c>
      <c r="BN24" s="312">
        <v>12</v>
      </c>
      <c r="BO24" s="317">
        <v>12</v>
      </c>
      <c r="BP24" s="311">
        <v>0</v>
      </c>
      <c r="BQ24" s="315">
        <v>0</v>
      </c>
      <c r="BR24" s="312">
        <v>0</v>
      </c>
      <c r="BS24" s="314">
        <v>0</v>
      </c>
      <c r="BT24" s="315">
        <v>0</v>
      </c>
      <c r="BU24" s="315">
        <v>0</v>
      </c>
      <c r="BV24" s="315">
        <v>0</v>
      </c>
      <c r="BW24" s="315">
        <v>0</v>
      </c>
      <c r="BX24" s="315">
        <v>17</v>
      </c>
      <c r="BY24" s="312">
        <v>17</v>
      </c>
      <c r="BZ24" s="317">
        <v>17</v>
      </c>
      <c r="CA24" s="311">
        <v>0</v>
      </c>
      <c r="CB24" s="315">
        <v>0</v>
      </c>
      <c r="CC24" s="312">
        <v>0</v>
      </c>
      <c r="CD24" s="314">
        <v>0</v>
      </c>
      <c r="CE24" s="315">
        <v>0</v>
      </c>
      <c r="CF24" s="315">
        <v>30</v>
      </c>
      <c r="CG24" s="315">
        <v>0</v>
      </c>
      <c r="CH24" s="315">
        <v>0</v>
      </c>
      <c r="CI24" s="315">
        <v>0</v>
      </c>
      <c r="CJ24" s="312">
        <v>30</v>
      </c>
      <c r="CK24" s="317">
        <v>30</v>
      </c>
      <c r="CL24" s="311">
        <v>0</v>
      </c>
      <c r="CM24" s="315">
        <v>0</v>
      </c>
      <c r="CN24" s="312">
        <v>0</v>
      </c>
      <c r="CO24" s="314">
        <v>0</v>
      </c>
      <c r="CP24" s="315">
        <v>0</v>
      </c>
      <c r="CQ24" s="315">
        <v>0</v>
      </c>
      <c r="CR24" s="315">
        <v>0</v>
      </c>
      <c r="CS24" s="315">
        <v>0</v>
      </c>
      <c r="CT24" s="315">
        <v>0</v>
      </c>
      <c r="CU24" s="312">
        <v>0</v>
      </c>
      <c r="CV24" s="317">
        <v>0</v>
      </c>
      <c r="CW24" s="311">
        <v>0</v>
      </c>
      <c r="CX24" s="315">
        <v>0</v>
      </c>
      <c r="CY24" s="312">
        <v>0</v>
      </c>
      <c r="CZ24" s="314">
        <v>0</v>
      </c>
      <c r="DA24" s="315">
        <v>0</v>
      </c>
      <c r="DB24" s="315">
        <v>0</v>
      </c>
      <c r="DC24" s="315">
        <v>0</v>
      </c>
      <c r="DD24" s="315">
        <v>0</v>
      </c>
      <c r="DE24" s="315">
        <v>0</v>
      </c>
      <c r="DF24" s="312">
        <v>0</v>
      </c>
      <c r="DG24" s="317">
        <v>0</v>
      </c>
    </row>
    <row r="25" spans="1:111" ht="18.75" customHeight="1" x14ac:dyDescent="0.2">
      <c r="A25" s="296" t="s">
        <v>23</v>
      </c>
      <c r="B25" s="311">
        <v>0</v>
      </c>
      <c r="C25" s="312">
        <v>0</v>
      </c>
      <c r="D25" s="313">
        <v>0</v>
      </c>
      <c r="E25" s="314">
        <v>0</v>
      </c>
      <c r="F25" s="315">
        <v>9</v>
      </c>
      <c r="G25" s="315">
        <v>97</v>
      </c>
      <c r="H25" s="315">
        <v>156</v>
      </c>
      <c r="I25" s="315">
        <v>62</v>
      </c>
      <c r="J25" s="315">
        <v>0</v>
      </c>
      <c r="K25" s="316">
        <v>324</v>
      </c>
      <c r="L25" s="317">
        <v>324</v>
      </c>
      <c r="M25" s="311">
        <v>0</v>
      </c>
      <c r="N25" s="315">
        <v>0</v>
      </c>
      <c r="O25" s="312">
        <v>0</v>
      </c>
      <c r="P25" s="314">
        <v>0</v>
      </c>
      <c r="Q25" s="315">
        <v>0</v>
      </c>
      <c r="R25" s="315">
        <v>4</v>
      </c>
      <c r="S25" s="315">
        <v>7</v>
      </c>
      <c r="T25" s="315">
        <v>4</v>
      </c>
      <c r="U25" s="315">
        <v>0</v>
      </c>
      <c r="V25" s="312">
        <v>15</v>
      </c>
      <c r="W25" s="317">
        <v>15</v>
      </c>
      <c r="X25" s="311">
        <v>9</v>
      </c>
      <c r="Y25" s="315">
        <v>19</v>
      </c>
      <c r="Z25" s="312">
        <v>28</v>
      </c>
      <c r="AA25" s="314">
        <v>0</v>
      </c>
      <c r="AB25" s="315">
        <v>12</v>
      </c>
      <c r="AC25" s="315">
        <v>62</v>
      </c>
      <c r="AD25" s="315">
        <v>129</v>
      </c>
      <c r="AE25" s="315">
        <v>84</v>
      </c>
      <c r="AF25" s="315">
        <v>29</v>
      </c>
      <c r="AG25" s="312">
        <v>316</v>
      </c>
      <c r="AH25" s="317">
        <v>344</v>
      </c>
      <c r="AI25" s="311">
        <v>0</v>
      </c>
      <c r="AJ25" s="315">
        <v>12</v>
      </c>
      <c r="AK25" s="312">
        <v>12</v>
      </c>
      <c r="AL25" s="314">
        <v>0</v>
      </c>
      <c r="AM25" s="315">
        <v>0</v>
      </c>
      <c r="AN25" s="315">
        <v>32</v>
      </c>
      <c r="AO25" s="315">
        <v>0</v>
      </c>
      <c r="AP25" s="315">
        <v>0</v>
      </c>
      <c r="AQ25" s="315">
        <v>0</v>
      </c>
      <c r="AR25" s="312">
        <v>32</v>
      </c>
      <c r="AS25" s="317">
        <v>44</v>
      </c>
      <c r="AT25" s="311">
        <v>0</v>
      </c>
      <c r="AU25" s="315">
        <v>0</v>
      </c>
      <c r="AV25" s="312">
        <v>0</v>
      </c>
      <c r="AW25" s="314">
        <v>0</v>
      </c>
      <c r="AX25" s="315">
        <v>62</v>
      </c>
      <c r="AY25" s="315">
        <v>145</v>
      </c>
      <c r="AZ25" s="315">
        <v>37</v>
      </c>
      <c r="BA25" s="315">
        <v>25</v>
      </c>
      <c r="BB25" s="315">
        <v>0</v>
      </c>
      <c r="BC25" s="316">
        <v>269</v>
      </c>
      <c r="BD25" s="317">
        <v>269</v>
      </c>
      <c r="BE25" s="311">
        <v>0</v>
      </c>
      <c r="BF25" s="315">
        <v>0</v>
      </c>
      <c r="BG25" s="312">
        <v>0</v>
      </c>
      <c r="BH25" s="314">
        <v>0</v>
      </c>
      <c r="BI25" s="315">
        <v>2</v>
      </c>
      <c r="BJ25" s="315">
        <v>32</v>
      </c>
      <c r="BK25" s="315">
        <v>39</v>
      </c>
      <c r="BL25" s="315">
        <v>19</v>
      </c>
      <c r="BM25" s="315">
        <v>0</v>
      </c>
      <c r="BN25" s="312">
        <v>92</v>
      </c>
      <c r="BO25" s="317">
        <v>92</v>
      </c>
      <c r="BP25" s="311">
        <v>0</v>
      </c>
      <c r="BQ25" s="315">
        <v>0</v>
      </c>
      <c r="BR25" s="312">
        <v>0</v>
      </c>
      <c r="BS25" s="314">
        <v>0</v>
      </c>
      <c r="BT25" s="315">
        <v>0</v>
      </c>
      <c r="BU25" s="315">
        <v>3</v>
      </c>
      <c r="BV25" s="315">
        <v>9</v>
      </c>
      <c r="BW25" s="315">
        <v>3</v>
      </c>
      <c r="BX25" s="315">
        <v>0</v>
      </c>
      <c r="BY25" s="312">
        <v>15</v>
      </c>
      <c r="BZ25" s="317">
        <v>15</v>
      </c>
      <c r="CA25" s="311">
        <v>0</v>
      </c>
      <c r="CB25" s="315">
        <v>0</v>
      </c>
      <c r="CC25" s="312">
        <v>0</v>
      </c>
      <c r="CD25" s="314">
        <v>0</v>
      </c>
      <c r="CE25" s="315">
        <v>0</v>
      </c>
      <c r="CF25" s="315">
        <v>0</v>
      </c>
      <c r="CG25" s="315">
        <v>0</v>
      </c>
      <c r="CH25" s="315">
        <v>0</v>
      </c>
      <c r="CI25" s="315">
        <v>0</v>
      </c>
      <c r="CJ25" s="312">
        <v>0</v>
      </c>
      <c r="CK25" s="317">
        <v>0</v>
      </c>
      <c r="CL25" s="311">
        <v>0</v>
      </c>
      <c r="CM25" s="315">
        <v>0</v>
      </c>
      <c r="CN25" s="312">
        <v>0</v>
      </c>
      <c r="CO25" s="314">
        <v>0</v>
      </c>
      <c r="CP25" s="315">
        <v>0</v>
      </c>
      <c r="CQ25" s="315">
        <v>0</v>
      </c>
      <c r="CR25" s="315">
        <v>0</v>
      </c>
      <c r="CS25" s="315">
        <v>0</v>
      </c>
      <c r="CT25" s="315">
        <v>0</v>
      </c>
      <c r="CU25" s="312">
        <v>0</v>
      </c>
      <c r="CV25" s="317">
        <v>0</v>
      </c>
      <c r="CW25" s="311">
        <v>0</v>
      </c>
      <c r="CX25" s="315">
        <v>0</v>
      </c>
      <c r="CY25" s="312">
        <v>0</v>
      </c>
      <c r="CZ25" s="314">
        <v>0</v>
      </c>
      <c r="DA25" s="315">
        <v>0</v>
      </c>
      <c r="DB25" s="315">
        <v>0</v>
      </c>
      <c r="DC25" s="315">
        <v>0</v>
      </c>
      <c r="DD25" s="315">
        <v>0</v>
      </c>
      <c r="DE25" s="315">
        <v>0</v>
      </c>
      <c r="DF25" s="312">
        <v>0</v>
      </c>
      <c r="DG25" s="317">
        <v>0</v>
      </c>
    </row>
    <row r="26" spans="1:111" ht="18.75" customHeight="1" x14ac:dyDescent="0.2">
      <c r="A26" s="296" t="s">
        <v>24</v>
      </c>
      <c r="B26" s="311">
        <v>0</v>
      </c>
      <c r="C26" s="312">
        <v>0</v>
      </c>
      <c r="D26" s="313">
        <v>0</v>
      </c>
      <c r="E26" s="314">
        <v>0</v>
      </c>
      <c r="F26" s="315">
        <v>54</v>
      </c>
      <c r="G26" s="315">
        <v>97</v>
      </c>
      <c r="H26" s="315">
        <v>17</v>
      </c>
      <c r="I26" s="315">
        <v>173</v>
      </c>
      <c r="J26" s="315">
        <v>172</v>
      </c>
      <c r="K26" s="316">
        <v>513</v>
      </c>
      <c r="L26" s="317">
        <v>513</v>
      </c>
      <c r="M26" s="311">
        <v>0</v>
      </c>
      <c r="N26" s="315">
        <v>0</v>
      </c>
      <c r="O26" s="312">
        <v>0</v>
      </c>
      <c r="P26" s="314">
        <v>0</v>
      </c>
      <c r="Q26" s="315">
        <v>0</v>
      </c>
      <c r="R26" s="315">
        <v>0</v>
      </c>
      <c r="S26" s="315">
        <v>0</v>
      </c>
      <c r="T26" s="315">
        <v>0</v>
      </c>
      <c r="U26" s="315">
        <v>6</v>
      </c>
      <c r="V26" s="312">
        <v>6</v>
      </c>
      <c r="W26" s="317">
        <v>6</v>
      </c>
      <c r="X26" s="311">
        <v>0</v>
      </c>
      <c r="Y26" s="315">
        <v>8</v>
      </c>
      <c r="Z26" s="312">
        <v>8</v>
      </c>
      <c r="AA26" s="314">
        <v>0</v>
      </c>
      <c r="AB26" s="315">
        <v>71</v>
      </c>
      <c r="AC26" s="315">
        <v>25</v>
      </c>
      <c r="AD26" s="315">
        <v>15</v>
      </c>
      <c r="AE26" s="315">
        <v>35</v>
      </c>
      <c r="AF26" s="315">
        <v>55</v>
      </c>
      <c r="AG26" s="312">
        <v>201</v>
      </c>
      <c r="AH26" s="317">
        <v>209</v>
      </c>
      <c r="AI26" s="311">
        <v>0</v>
      </c>
      <c r="AJ26" s="315">
        <v>0</v>
      </c>
      <c r="AK26" s="312">
        <v>0</v>
      </c>
      <c r="AL26" s="314">
        <v>0</v>
      </c>
      <c r="AM26" s="315">
        <v>0</v>
      </c>
      <c r="AN26" s="315">
        <v>18</v>
      </c>
      <c r="AO26" s="315">
        <v>0</v>
      </c>
      <c r="AP26" s="315">
        <v>0</v>
      </c>
      <c r="AQ26" s="315">
        <v>24</v>
      </c>
      <c r="AR26" s="312">
        <v>42</v>
      </c>
      <c r="AS26" s="317">
        <v>42</v>
      </c>
      <c r="AT26" s="311">
        <v>0</v>
      </c>
      <c r="AU26" s="315">
        <v>0</v>
      </c>
      <c r="AV26" s="312">
        <v>0</v>
      </c>
      <c r="AW26" s="314">
        <v>0</v>
      </c>
      <c r="AX26" s="315">
        <v>69</v>
      </c>
      <c r="AY26" s="315">
        <v>46</v>
      </c>
      <c r="AZ26" s="315">
        <v>0</v>
      </c>
      <c r="BA26" s="315">
        <v>0</v>
      </c>
      <c r="BB26" s="315">
        <v>0</v>
      </c>
      <c r="BC26" s="316">
        <v>115</v>
      </c>
      <c r="BD26" s="317">
        <v>115</v>
      </c>
      <c r="BE26" s="311">
        <v>0</v>
      </c>
      <c r="BF26" s="315">
        <v>0</v>
      </c>
      <c r="BG26" s="312">
        <v>0</v>
      </c>
      <c r="BH26" s="314">
        <v>0</v>
      </c>
      <c r="BI26" s="315">
        <v>36</v>
      </c>
      <c r="BJ26" s="315">
        <v>22</v>
      </c>
      <c r="BK26" s="315">
        <v>8</v>
      </c>
      <c r="BL26" s="315">
        <v>26</v>
      </c>
      <c r="BM26" s="315">
        <v>14</v>
      </c>
      <c r="BN26" s="312">
        <v>106</v>
      </c>
      <c r="BO26" s="317">
        <v>106</v>
      </c>
      <c r="BP26" s="311">
        <v>0</v>
      </c>
      <c r="BQ26" s="315">
        <v>0</v>
      </c>
      <c r="BR26" s="312">
        <v>0</v>
      </c>
      <c r="BS26" s="314">
        <v>0</v>
      </c>
      <c r="BT26" s="315">
        <v>0</v>
      </c>
      <c r="BU26" s="315">
        <v>7</v>
      </c>
      <c r="BV26" s="315">
        <v>0</v>
      </c>
      <c r="BW26" s="315">
        <v>0</v>
      </c>
      <c r="BX26" s="315">
        <v>6</v>
      </c>
      <c r="BY26" s="312">
        <v>13</v>
      </c>
      <c r="BZ26" s="317">
        <v>13</v>
      </c>
      <c r="CA26" s="311">
        <v>0</v>
      </c>
      <c r="CB26" s="315">
        <v>0</v>
      </c>
      <c r="CC26" s="312">
        <v>0</v>
      </c>
      <c r="CD26" s="314">
        <v>0</v>
      </c>
      <c r="CE26" s="315">
        <v>0</v>
      </c>
      <c r="CF26" s="315">
        <v>0</v>
      </c>
      <c r="CG26" s="315">
        <v>0</v>
      </c>
      <c r="CH26" s="315">
        <v>0</v>
      </c>
      <c r="CI26" s="315">
        <v>0</v>
      </c>
      <c r="CJ26" s="312">
        <v>0</v>
      </c>
      <c r="CK26" s="317">
        <v>0</v>
      </c>
      <c r="CL26" s="311">
        <v>0</v>
      </c>
      <c r="CM26" s="315">
        <v>0</v>
      </c>
      <c r="CN26" s="312">
        <v>0</v>
      </c>
      <c r="CO26" s="314">
        <v>0</v>
      </c>
      <c r="CP26" s="315">
        <v>0</v>
      </c>
      <c r="CQ26" s="315">
        <v>0</v>
      </c>
      <c r="CR26" s="315">
        <v>0</v>
      </c>
      <c r="CS26" s="315">
        <v>0</v>
      </c>
      <c r="CT26" s="315">
        <v>0</v>
      </c>
      <c r="CU26" s="312">
        <v>0</v>
      </c>
      <c r="CV26" s="317">
        <v>0</v>
      </c>
      <c r="CW26" s="311">
        <v>0</v>
      </c>
      <c r="CX26" s="315">
        <v>0</v>
      </c>
      <c r="CY26" s="312">
        <v>0</v>
      </c>
      <c r="CZ26" s="314">
        <v>0</v>
      </c>
      <c r="DA26" s="315">
        <v>0</v>
      </c>
      <c r="DB26" s="315">
        <v>0</v>
      </c>
      <c r="DC26" s="315">
        <v>0</v>
      </c>
      <c r="DD26" s="315">
        <v>0</v>
      </c>
      <c r="DE26" s="315">
        <v>0</v>
      </c>
      <c r="DF26" s="312">
        <v>0</v>
      </c>
      <c r="DG26" s="317">
        <v>0</v>
      </c>
    </row>
    <row r="27" spans="1:111" ht="18.75" customHeight="1" x14ac:dyDescent="0.2">
      <c r="A27" s="296" t="s">
        <v>25</v>
      </c>
      <c r="B27" s="311">
        <v>0</v>
      </c>
      <c r="C27" s="312">
        <v>0</v>
      </c>
      <c r="D27" s="313">
        <v>0</v>
      </c>
      <c r="E27" s="314">
        <v>0</v>
      </c>
      <c r="F27" s="315">
        <v>34</v>
      </c>
      <c r="G27" s="315">
        <v>3</v>
      </c>
      <c r="H27" s="315">
        <v>21</v>
      </c>
      <c r="I27" s="315">
        <v>8</v>
      </c>
      <c r="J27" s="315">
        <v>4</v>
      </c>
      <c r="K27" s="316">
        <v>70</v>
      </c>
      <c r="L27" s="317">
        <v>70</v>
      </c>
      <c r="M27" s="311">
        <v>0</v>
      </c>
      <c r="N27" s="315">
        <v>0</v>
      </c>
      <c r="O27" s="312">
        <v>0</v>
      </c>
      <c r="P27" s="314">
        <v>0</v>
      </c>
      <c r="Q27" s="315">
        <v>0</v>
      </c>
      <c r="R27" s="315">
        <v>4</v>
      </c>
      <c r="S27" s="315">
        <v>0</v>
      </c>
      <c r="T27" s="315">
        <v>0</v>
      </c>
      <c r="U27" s="315">
        <v>18</v>
      </c>
      <c r="V27" s="312">
        <v>22</v>
      </c>
      <c r="W27" s="317">
        <v>22</v>
      </c>
      <c r="X27" s="311">
        <v>2</v>
      </c>
      <c r="Y27" s="315">
        <v>17</v>
      </c>
      <c r="Z27" s="312">
        <v>19</v>
      </c>
      <c r="AA27" s="314">
        <v>0</v>
      </c>
      <c r="AB27" s="315">
        <v>22</v>
      </c>
      <c r="AC27" s="315">
        <v>11</v>
      </c>
      <c r="AD27" s="315">
        <v>7</v>
      </c>
      <c r="AE27" s="315">
        <v>1</v>
      </c>
      <c r="AF27" s="315">
        <v>22</v>
      </c>
      <c r="AG27" s="312">
        <v>63</v>
      </c>
      <c r="AH27" s="317">
        <v>82</v>
      </c>
      <c r="AI27" s="311">
        <v>0</v>
      </c>
      <c r="AJ27" s="315">
        <v>0</v>
      </c>
      <c r="AK27" s="312">
        <v>0</v>
      </c>
      <c r="AL27" s="314">
        <v>0</v>
      </c>
      <c r="AM27" s="315">
        <v>0</v>
      </c>
      <c r="AN27" s="315">
        <v>0</v>
      </c>
      <c r="AO27" s="315">
        <v>0</v>
      </c>
      <c r="AP27" s="315">
        <v>0</v>
      </c>
      <c r="AQ27" s="315">
        <v>0</v>
      </c>
      <c r="AR27" s="312">
        <v>0</v>
      </c>
      <c r="AS27" s="317">
        <v>0</v>
      </c>
      <c r="AT27" s="311">
        <v>0</v>
      </c>
      <c r="AU27" s="315">
        <v>0</v>
      </c>
      <c r="AV27" s="312">
        <v>0</v>
      </c>
      <c r="AW27" s="314">
        <v>0</v>
      </c>
      <c r="AX27" s="315">
        <v>87</v>
      </c>
      <c r="AY27" s="315">
        <v>17</v>
      </c>
      <c r="AZ27" s="315">
        <v>19</v>
      </c>
      <c r="BA27" s="315">
        <v>28</v>
      </c>
      <c r="BB27" s="315">
        <v>0</v>
      </c>
      <c r="BC27" s="316">
        <v>151</v>
      </c>
      <c r="BD27" s="317">
        <v>151</v>
      </c>
      <c r="BE27" s="311">
        <v>0</v>
      </c>
      <c r="BF27" s="315">
        <v>0</v>
      </c>
      <c r="BG27" s="312">
        <v>0</v>
      </c>
      <c r="BH27" s="314">
        <v>0</v>
      </c>
      <c r="BI27" s="315">
        <v>0</v>
      </c>
      <c r="BJ27" s="315">
        <v>32</v>
      </c>
      <c r="BK27" s="315">
        <v>20</v>
      </c>
      <c r="BL27" s="315">
        <v>13</v>
      </c>
      <c r="BM27" s="315">
        <v>0</v>
      </c>
      <c r="BN27" s="312">
        <v>65</v>
      </c>
      <c r="BO27" s="317">
        <v>65</v>
      </c>
      <c r="BP27" s="311">
        <v>0</v>
      </c>
      <c r="BQ27" s="315">
        <v>0</v>
      </c>
      <c r="BR27" s="312">
        <v>0</v>
      </c>
      <c r="BS27" s="314">
        <v>0</v>
      </c>
      <c r="BT27" s="315">
        <v>20</v>
      </c>
      <c r="BU27" s="315">
        <v>4</v>
      </c>
      <c r="BV27" s="315">
        <v>5</v>
      </c>
      <c r="BW27" s="315">
        <v>7</v>
      </c>
      <c r="BX27" s="315">
        <v>0</v>
      </c>
      <c r="BY27" s="312">
        <v>36</v>
      </c>
      <c r="BZ27" s="317">
        <v>36</v>
      </c>
      <c r="CA27" s="311">
        <v>0</v>
      </c>
      <c r="CB27" s="315">
        <v>0</v>
      </c>
      <c r="CC27" s="312">
        <v>0</v>
      </c>
      <c r="CD27" s="314">
        <v>0</v>
      </c>
      <c r="CE27" s="315">
        <v>0</v>
      </c>
      <c r="CF27" s="315">
        <v>0</v>
      </c>
      <c r="CG27" s="315">
        <v>0</v>
      </c>
      <c r="CH27" s="315">
        <v>0</v>
      </c>
      <c r="CI27" s="315">
        <v>0</v>
      </c>
      <c r="CJ27" s="312">
        <v>0</v>
      </c>
      <c r="CK27" s="317">
        <v>0</v>
      </c>
      <c r="CL27" s="311">
        <v>0</v>
      </c>
      <c r="CM27" s="315">
        <v>0</v>
      </c>
      <c r="CN27" s="312">
        <v>0</v>
      </c>
      <c r="CO27" s="314">
        <v>0</v>
      </c>
      <c r="CP27" s="315">
        <v>0</v>
      </c>
      <c r="CQ27" s="315">
        <v>0</v>
      </c>
      <c r="CR27" s="315">
        <v>0</v>
      </c>
      <c r="CS27" s="315">
        <v>0</v>
      </c>
      <c r="CT27" s="315">
        <v>0</v>
      </c>
      <c r="CU27" s="312">
        <v>0</v>
      </c>
      <c r="CV27" s="317">
        <v>0</v>
      </c>
      <c r="CW27" s="311">
        <v>0</v>
      </c>
      <c r="CX27" s="315">
        <v>0</v>
      </c>
      <c r="CY27" s="312">
        <v>0</v>
      </c>
      <c r="CZ27" s="314">
        <v>0</v>
      </c>
      <c r="DA27" s="315">
        <v>0</v>
      </c>
      <c r="DB27" s="315">
        <v>0</v>
      </c>
      <c r="DC27" s="315">
        <v>0</v>
      </c>
      <c r="DD27" s="315">
        <v>0</v>
      </c>
      <c r="DE27" s="315">
        <v>0</v>
      </c>
      <c r="DF27" s="312">
        <v>0</v>
      </c>
      <c r="DG27" s="317">
        <v>0</v>
      </c>
    </row>
    <row r="28" spans="1:111" ht="18.75" customHeight="1" x14ac:dyDescent="0.2">
      <c r="A28" s="296" t="s">
        <v>26</v>
      </c>
      <c r="B28" s="311">
        <v>0</v>
      </c>
      <c r="C28" s="312">
        <v>0</v>
      </c>
      <c r="D28" s="313">
        <v>0</v>
      </c>
      <c r="E28" s="314">
        <v>0</v>
      </c>
      <c r="F28" s="315">
        <v>40</v>
      </c>
      <c r="G28" s="315">
        <v>81</v>
      </c>
      <c r="H28" s="315">
        <v>84</v>
      </c>
      <c r="I28" s="315">
        <v>67</v>
      </c>
      <c r="J28" s="315">
        <v>102</v>
      </c>
      <c r="K28" s="316">
        <v>374</v>
      </c>
      <c r="L28" s="317">
        <v>374</v>
      </c>
      <c r="M28" s="311">
        <v>0</v>
      </c>
      <c r="N28" s="315">
        <v>0</v>
      </c>
      <c r="O28" s="312">
        <v>0</v>
      </c>
      <c r="P28" s="314">
        <v>0</v>
      </c>
      <c r="Q28" s="315">
        <v>0</v>
      </c>
      <c r="R28" s="315">
        <v>0</v>
      </c>
      <c r="S28" s="315">
        <v>0</v>
      </c>
      <c r="T28" s="315">
        <v>0</v>
      </c>
      <c r="U28" s="315">
        <v>9</v>
      </c>
      <c r="V28" s="312">
        <v>9</v>
      </c>
      <c r="W28" s="317">
        <v>9</v>
      </c>
      <c r="X28" s="311">
        <v>0</v>
      </c>
      <c r="Y28" s="315">
        <v>19</v>
      </c>
      <c r="Z28" s="312">
        <v>19</v>
      </c>
      <c r="AA28" s="314">
        <v>0</v>
      </c>
      <c r="AB28" s="315">
        <v>17</v>
      </c>
      <c r="AC28" s="315">
        <v>64</v>
      </c>
      <c r="AD28" s="315">
        <v>15</v>
      </c>
      <c r="AE28" s="315">
        <v>19</v>
      </c>
      <c r="AF28" s="315">
        <v>29</v>
      </c>
      <c r="AG28" s="312">
        <v>144</v>
      </c>
      <c r="AH28" s="317">
        <v>163</v>
      </c>
      <c r="AI28" s="311">
        <v>0</v>
      </c>
      <c r="AJ28" s="315">
        <v>0</v>
      </c>
      <c r="AK28" s="312">
        <v>0</v>
      </c>
      <c r="AL28" s="314">
        <v>0</v>
      </c>
      <c r="AM28" s="315">
        <v>0</v>
      </c>
      <c r="AN28" s="315">
        <v>0</v>
      </c>
      <c r="AO28" s="315">
        <v>0</v>
      </c>
      <c r="AP28" s="315">
        <v>0</v>
      </c>
      <c r="AQ28" s="315">
        <v>0</v>
      </c>
      <c r="AR28" s="312">
        <v>0</v>
      </c>
      <c r="AS28" s="317">
        <v>0</v>
      </c>
      <c r="AT28" s="311">
        <v>0</v>
      </c>
      <c r="AU28" s="315">
        <v>0</v>
      </c>
      <c r="AV28" s="312">
        <v>0</v>
      </c>
      <c r="AW28" s="314">
        <v>0</v>
      </c>
      <c r="AX28" s="315">
        <v>75</v>
      </c>
      <c r="AY28" s="315">
        <v>18</v>
      </c>
      <c r="AZ28" s="315">
        <v>10</v>
      </c>
      <c r="BA28" s="315">
        <v>0</v>
      </c>
      <c r="BB28" s="315">
        <v>0</v>
      </c>
      <c r="BC28" s="316">
        <v>103</v>
      </c>
      <c r="BD28" s="317">
        <v>103</v>
      </c>
      <c r="BE28" s="311">
        <v>0</v>
      </c>
      <c r="BF28" s="315">
        <v>0</v>
      </c>
      <c r="BG28" s="312">
        <v>0</v>
      </c>
      <c r="BH28" s="314">
        <v>0</v>
      </c>
      <c r="BI28" s="315">
        <v>12</v>
      </c>
      <c r="BJ28" s="315">
        <v>26</v>
      </c>
      <c r="BK28" s="315">
        <v>13</v>
      </c>
      <c r="BL28" s="315">
        <v>0</v>
      </c>
      <c r="BM28" s="315">
        <v>0</v>
      </c>
      <c r="BN28" s="312">
        <v>51</v>
      </c>
      <c r="BO28" s="317">
        <v>51</v>
      </c>
      <c r="BP28" s="311">
        <v>0</v>
      </c>
      <c r="BQ28" s="315">
        <v>0</v>
      </c>
      <c r="BR28" s="312">
        <v>0</v>
      </c>
      <c r="BS28" s="314">
        <v>0</v>
      </c>
      <c r="BT28" s="315">
        <v>0</v>
      </c>
      <c r="BU28" s="315">
        <v>0</v>
      </c>
      <c r="BV28" s="315">
        <v>25</v>
      </c>
      <c r="BW28" s="315">
        <v>0</v>
      </c>
      <c r="BX28" s="315">
        <v>0</v>
      </c>
      <c r="BY28" s="312">
        <v>25</v>
      </c>
      <c r="BZ28" s="317">
        <v>25</v>
      </c>
      <c r="CA28" s="311">
        <v>0</v>
      </c>
      <c r="CB28" s="315">
        <v>0</v>
      </c>
      <c r="CC28" s="312">
        <v>0</v>
      </c>
      <c r="CD28" s="314">
        <v>0</v>
      </c>
      <c r="CE28" s="315">
        <v>0</v>
      </c>
      <c r="CF28" s="315">
        <v>2</v>
      </c>
      <c r="CG28" s="315">
        <v>0</v>
      </c>
      <c r="CH28" s="315">
        <v>0</v>
      </c>
      <c r="CI28" s="315">
        <v>0</v>
      </c>
      <c r="CJ28" s="312">
        <v>2</v>
      </c>
      <c r="CK28" s="317">
        <v>2</v>
      </c>
      <c r="CL28" s="311">
        <v>0</v>
      </c>
      <c r="CM28" s="315">
        <v>0</v>
      </c>
      <c r="CN28" s="312">
        <v>0</v>
      </c>
      <c r="CO28" s="314">
        <v>0</v>
      </c>
      <c r="CP28" s="315">
        <v>0</v>
      </c>
      <c r="CQ28" s="315">
        <v>0</v>
      </c>
      <c r="CR28" s="315">
        <v>0</v>
      </c>
      <c r="CS28" s="315">
        <v>0</v>
      </c>
      <c r="CT28" s="315">
        <v>0</v>
      </c>
      <c r="CU28" s="312">
        <v>0</v>
      </c>
      <c r="CV28" s="317">
        <v>0</v>
      </c>
      <c r="CW28" s="311">
        <v>0</v>
      </c>
      <c r="CX28" s="315">
        <v>0</v>
      </c>
      <c r="CY28" s="312">
        <v>0</v>
      </c>
      <c r="CZ28" s="314">
        <v>0</v>
      </c>
      <c r="DA28" s="315">
        <v>0</v>
      </c>
      <c r="DB28" s="315">
        <v>0</v>
      </c>
      <c r="DC28" s="315">
        <v>0</v>
      </c>
      <c r="DD28" s="315">
        <v>0</v>
      </c>
      <c r="DE28" s="315">
        <v>0</v>
      </c>
      <c r="DF28" s="312">
        <v>0</v>
      </c>
      <c r="DG28" s="317">
        <v>0</v>
      </c>
    </row>
    <row r="29" spans="1:111" ht="18.75" customHeight="1" x14ac:dyDescent="0.2">
      <c r="A29" s="296" t="s">
        <v>27</v>
      </c>
      <c r="B29" s="311">
        <v>0</v>
      </c>
      <c r="C29" s="312">
        <v>0</v>
      </c>
      <c r="D29" s="313">
        <v>0</v>
      </c>
      <c r="E29" s="314">
        <v>0</v>
      </c>
      <c r="F29" s="315">
        <v>7</v>
      </c>
      <c r="G29" s="315">
        <v>42</v>
      </c>
      <c r="H29" s="315">
        <v>64</v>
      </c>
      <c r="I29" s="315">
        <v>0</v>
      </c>
      <c r="J29" s="315">
        <v>164</v>
      </c>
      <c r="K29" s="316">
        <v>277</v>
      </c>
      <c r="L29" s="317">
        <v>277</v>
      </c>
      <c r="M29" s="311">
        <v>0</v>
      </c>
      <c r="N29" s="315">
        <v>0</v>
      </c>
      <c r="O29" s="312">
        <v>0</v>
      </c>
      <c r="P29" s="314">
        <v>0</v>
      </c>
      <c r="Q29" s="315">
        <v>0</v>
      </c>
      <c r="R29" s="315">
        <v>0</v>
      </c>
      <c r="S29" s="315">
        <v>0</v>
      </c>
      <c r="T29" s="315">
        <v>0</v>
      </c>
      <c r="U29" s="315">
        <v>0</v>
      </c>
      <c r="V29" s="312">
        <v>0</v>
      </c>
      <c r="W29" s="317">
        <v>0</v>
      </c>
      <c r="X29" s="311">
        <v>26</v>
      </c>
      <c r="Y29" s="315">
        <v>16</v>
      </c>
      <c r="Z29" s="312">
        <v>42</v>
      </c>
      <c r="AA29" s="314">
        <v>0</v>
      </c>
      <c r="AB29" s="315">
        <v>28</v>
      </c>
      <c r="AC29" s="315">
        <v>12</v>
      </c>
      <c r="AD29" s="315">
        <v>19</v>
      </c>
      <c r="AE29" s="315">
        <v>2</v>
      </c>
      <c r="AF29" s="315">
        <v>8</v>
      </c>
      <c r="AG29" s="312">
        <v>69</v>
      </c>
      <c r="AH29" s="317">
        <v>111</v>
      </c>
      <c r="AI29" s="311">
        <v>0</v>
      </c>
      <c r="AJ29" s="315">
        <v>12</v>
      </c>
      <c r="AK29" s="312">
        <v>12</v>
      </c>
      <c r="AL29" s="314">
        <v>0</v>
      </c>
      <c r="AM29" s="315">
        <v>0</v>
      </c>
      <c r="AN29" s="315">
        <v>0</v>
      </c>
      <c r="AO29" s="315">
        <v>0</v>
      </c>
      <c r="AP29" s="315">
        <v>0</v>
      </c>
      <c r="AQ29" s="315">
        <v>0</v>
      </c>
      <c r="AR29" s="312">
        <v>0</v>
      </c>
      <c r="AS29" s="317">
        <v>12</v>
      </c>
      <c r="AT29" s="311">
        <v>0</v>
      </c>
      <c r="AU29" s="315">
        <v>0</v>
      </c>
      <c r="AV29" s="312">
        <v>0</v>
      </c>
      <c r="AW29" s="314">
        <v>0</v>
      </c>
      <c r="AX29" s="315">
        <v>4</v>
      </c>
      <c r="AY29" s="315">
        <v>3</v>
      </c>
      <c r="AZ29" s="315">
        <v>20</v>
      </c>
      <c r="BA29" s="315">
        <v>10</v>
      </c>
      <c r="BB29" s="315">
        <v>0</v>
      </c>
      <c r="BC29" s="316">
        <v>37</v>
      </c>
      <c r="BD29" s="317">
        <v>37</v>
      </c>
      <c r="BE29" s="311">
        <v>0</v>
      </c>
      <c r="BF29" s="315">
        <v>0</v>
      </c>
      <c r="BG29" s="312">
        <v>0</v>
      </c>
      <c r="BH29" s="314">
        <v>0</v>
      </c>
      <c r="BI29" s="315">
        <v>4</v>
      </c>
      <c r="BJ29" s="315">
        <v>4</v>
      </c>
      <c r="BK29" s="315">
        <v>8</v>
      </c>
      <c r="BL29" s="315">
        <v>0</v>
      </c>
      <c r="BM29" s="315">
        <v>0</v>
      </c>
      <c r="BN29" s="312">
        <v>16</v>
      </c>
      <c r="BO29" s="317">
        <v>16</v>
      </c>
      <c r="BP29" s="311">
        <v>0</v>
      </c>
      <c r="BQ29" s="315">
        <v>0</v>
      </c>
      <c r="BR29" s="312">
        <v>0</v>
      </c>
      <c r="BS29" s="314">
        <v>0</v>
      </c>
      <c r="BT29" s="315">
        <v>0</v>
      </c>
      <c r="BU29" s="315">
        <v>0</v>
      </c>
      <c r="BV29" s="315">
        <v>19</v>
      </c>
      <c r="BW29" s="315">
        <v>4</v>
      </c>
      <c r="BX29" s="315">
        <v>0</v>
      </c>
      <c r="BY29" s="312">
        <v>23</v>
      </c>
      <c r="BZ29" s="317">
        <v>23</v>
      </c>
      <c r="CA29" s="311">
        <v>0</v>
      </c>
      <c r="CB29" s="315">
        <v>0</v>
      </c>
      <c r="CC29" s="312">
        <v>0</v>
      </c>
      <c r="CD29" s="314">
        <v>0</v>
      </c>
      <c r="CE29" s="315">
        <v>0</v>
      </c>
      <c r="CF29" s="315">
        <v>0</v>
      </c>
      <c r="CG29" s="315">
        <v>0</v>
      </c>
      <c r="CH29" s="315">
        <v>0</v>
      </c>
      <c r="CI29" s="315">
        <v>0</v>
      </c>
      <c r="CJ29" s="312">
        <v>0</v>
      </c>
      <c r="CK29" s="317">
        <v>0</v>
      </c>
      <c r="CL29" s="311">
        <v>0</v>
      </c>
      <c r="CM29" s="315">
        <v>0</v>
      </c>
      <c r="CN29" s="312">
        <v>0</v>
      </c>
      <c r="CO29" s="314">
        <v>0</v>
      </c>
      <c r="CP29" s="315">
        <v>0</v>
      </c>
      <c r="CQ29" s="315">
        <v>0</v>
      </c>
      <c r="CR29" s="315">
        <v>0</v>
      </c>
      <c r="CS29" s="315">
        <v>0</v>
      </c>
      <c r="CT29" s="315">
        <v>0</v>
      </c>
      <c r="CU29" s="312">
        <v>0</v>
      </c>
      <c r="CV29" s="317">
        <v>0</v>
      </c>
      <c r="CW29" s="311">
        <v>0</v>
      </c>
      <c r="CX29" s="315">
        <v>0</v>
      </c>
      <c r="CY29" s="312">
        <v>0</v>
      </c>
      <c r="CZ29" s="314">
        <v>0</v>
      </c>
      <c r="DA29" s="315">
        <v>0</v>
      </c>
      <c r="DB29" s="315">
        <v>0</v>
      </c>
      <c r="DC29" s="315">
        <v>0</v>
      </c>
      <c r="DD29" s="315">
        <v>0</v>
      </c>
      <c r="DE29" s="315">
        <v>0</v>
      </c>
      <c r="DF29" s="312">
        <v>0</v>
      </c>
      <c r="DG29" s="317">
        <v>0</v>
      </c>
    </row>
    <row r="30" spans="1:111" ht="18.75" customHeight="1" x14ac:dyDescent="0.2">
      <c r="A30" s="296" t="s">
        <v>28</v>
      </c>
      <c r="B30" s="311">
        <v>0</v>
      </c>
      <c r="C30" s="312">
        <v>0</v>
      </c>
      <c r="D30" s="313">
        <v>0</v>
      </c>
      <c r="E30" s="314">
        <v>0</v>
      </c>
      <c r="F30" s="315">
        <v>8</v>
      </c>
      <c r="G30" s="315">
        <v>24</v>
      </c>
      <c r="H30" s="315">
        <v>0</v>
      </c>
      <c r="I30" s="315">
        <v>6</v>
      </c>
      <c r="J30" s="315">
        <v>0</v>
      </c>
      <c r="K30" s="316">
        <v>38</v>
      </c>
      <c r="L30" s="317">
        <v>38</v>
      </c>
      <c r="M30" s="311">
        <v>0</v>
      </c>
      <c r="N30" s="315">
        <v>0</v>
      </c>
      <c r="O30" s="312">
        <v>0</v>
      </c>
      <c r="P30" s="314">
        <v>0</v>
      </c>
      <c r="Q30" s="315">
        <v>0</v>
      </c>
      <c r="R30" s="315">
        <v>0</v>
      </c>
      <c r="S30" s="315">
        <v>0</v>
      </c>
      <c r="T30" s="315">
        <v>0</v>
      </c>
      <c r="U30" s="315">
        <v>0</v>
      </c>
      <c r="V30" s="312">
        <v>0</v>
      </c>
      <c r="W30" s="317">
        <v>0</v>
      </c>
      <c r="X30" s="311">
        <v>0</v>
      </c>
      <c r="Y30" s="315">
        <v>0</v>
      </c>
      <c r="Z30" s="312">
        <v>0</v>
      </c>
      <c r="AA30" s="314">
        <v>0</v>
      </c>
      <c r="AB30" s="315">
        <v>0</v>
      </c>
      <c r="AC30" s="315">
        <v>5</v>
      </c>
      <c r="AD30" s="315">
        <v>2</v>
      </c>
      <c r="AE30" s="315">
        <v>0</v>
      </c>
      <c r="AF30" s="315">
        <v>0</v>
      </c>
      <c r="AG30" s="312">
        <v>7</v>
      </c>
      <c r="AH30" s="317">
        <v>7</v>
      </c>
      <c r="AI30" s="311">
        <v>0</v>
      </c>
      <c r="AJ30" s="315">
        <v>0</v>
      </c>
      <c r="AK30" s="312">
        <v>0</v>
      </c>
      <c r="AL30" s="314">
        <v>0</v>
      </c>
      <c r="AM30" s="315">
        <v>24</v>
      </c>
      <c r="AN30" s="315">
        <v>0</v>
      </c>
      <c r="AO30" s="315">
        <v>0</v>
      </c>
      <c r="AP30" s="315">
        <v>0</v>
      </c>
      <c r="AQ30" s="315">
        <v>0</v>
      </c>
      <c r="AR30" s="312">
        <v>24</v>
      </c>
      <c r="AS30" s="317">
        <v>24</v>
      </c>
      <c r="AT30" s="311">
        <v>0</v>
      </c>
      <c r="AU30" s="315">
        <v>0</v>
      </c>
      <c r="AV30" s="312">
        <v>0</v>
      </c>
      <c r="AW30" s="314">
        <v>0</v>
      </c>
      <c r="AX30" s="315">
        <v>7</v>
      </c>
      <c r="AY30" s="315">
        <v>11</v>
      </c>
      <c r="AZ30" s="315">
        <v>0</v>
      </c>
      <c r="BA30" s="315">
        <v>0</v>
      </c>
      <c r="BB30" s="315">
        <v>0</v>
      </c>
      <c r="BC30" s="316">
        <v>18</v>
      </c>
      <c r="BD30" s="317">
        <v>18</v>
      </c>
      <c r="BE30" s="311">
        <v>0</v>
      </c>
      <c r="BF30" s="315">
        <v>0</v>
      </c>
      <c r="BG30" s="312">
        <v>0</v>
      </c>
      <c r="BH30" s="314">
        <v>0</v>
      </c>
      <c r="BI30" s="315">
        <v>0</v>
      </c>
      <c r="BJ30" s="315">
        <v>4</v>
      </c>
      <c r="BK30" s="315">
        <v>1</v>
      </c>
      <c r="BL30" s="315">
        <v>0</v>
      </c>
      <c r="BM30" s="315">
        <v>3</v>
      </c>
      <c r="BN30" s="312">
        <v>8</v>
      </c>
      <c r="BO30" s="317">
        <v>8</v>
      </c>
      <c r="BP30" s="311">
        <v>0</v>
      </c>
      <c r="BQ30" s="315">
        <v>0</v>
      </c>
      <c r="BR30" s="312">
        <v>0</v>
      </c>
      <c r="BS30" s="314">
        <v>0</v>
      </c>
      <c r="BT30" s="315">
        <v>0</v>
      </c>
      <c r="BU30" s="315">
        <v>0</v>
      </c>
      <c r="BV30" s="315">
        <v>0</v>
      </c>
      <c r="BW30" s="315">
        <v>0</v>
      </c>
      <c r="BX30" s="315">
        <v>0</v>
      </c>
      <c r="BY30" s="312">
        <v>0</v>
      </c>
      <c r="BZ30" s="317">
        <v>0</v>
      </c>
      <c r="CA30" s="311">
        <v>0</v>
      </c>
      <c r="CB30" s="315">
        <v>0</v>
      </c>
      <c r="CC30" s="312">
        <v>0</v>
      </c>
      <c r="CD30" s="314">
        <v>0</v>
      </c>
      <c r="CE30" s="315">
        <v>0</v>
      </c>
      <c r="CF30" s="315">
        <v>4</v>
      </c>
      <c r="CG30" s="315">
        <v>0</v>
      </c>
      <c r="CH30" s="315">
        <v>0</v>
      </c>
      <c r="CI30" s="315">
        <v>0</v>
      </c>
      <c r="CJ30" s="312">
        <v>4</v>
      </c>
      <c r="CK30" s="317">
        <v>4</v>
      </c>
      <c r="CL30" s="311">
        <v>0</v>
      </c>
      <c r="CM30" s="315">
        <v>0</v>
      </c>
      <c r="CN30" s="312">
        <v>0</v>
      </c>
      <c r="CO30" s="314">
        <v>0</v>
      </c>
      <c r="CP30" s="315">
        <v>0</v>
      </c>
      <c r="CQ30" s="315">
        <v>0</v>
      </c>
      <c r="CR30" s="315">
        <v>0</v>
      </c>
      <c r="CS30" s="315">
        <v>0</v>
      </c>
      <c r="CT30" s="315">
        <v>0</v>
      </c>
      <c r="CU30" s="312">
        <v>0</v>
      </c>
      <c r="CV30" s="317">
        <v>0</v>
      </c>
      <c r="CW30" s="311">
        <v>0</v>
      </c>
      <c r="CX30" s="315">
        <v>0</v>
      </c>
      <c r="CY30" s="312">
        <v>0</v>
      </c>
      <c r="CZ30" s="314">
        <v>0</v>
      </c>
      <c r="DA30" s="315">
        <v>0</v>
      </c>
      <c r="DB30" s="315">
        <v>0</v>
      </c>
      <c r="DC30" s="315">
        <v>0</v>
      </c>
      <c r="DD30" s="315">
        <v>0</v>
      </c>
      <c r="DE30" s="315">
        <v>0</v>
      </c>
      <c r="DF30" s="312">
        <v>0</v>
      </c>
      <c r="DG30" s="317">
        <v>0</v>
      </c>
    </row>
    <row r="31" spans="1:111" ht="18.75" customHeight="1" x14ac:dyDescent="0.2">
      <c r="A31" s="296" t="s">
        <v>29</v>
      </c>
      <c r="B31" s="311">
        <v>0</v>
      </c>
      <c r="C31" s="312">
        <v>0</v>
      </c>
      <c r="D31" s="313">
        <v>0</v>
      </c>
      <c r="E31" s="314">
        <v>0</v>
      </c>
      <c r="F31" s="315">
        <v>4</v>
      </c>
      <c r="G31" s="315">
        <v>22</v>
      </c>
      <c r="H31" s="315">
        <v>67</v>
      </c>
      <c r="I31" s="315">
        <v>0</v>
      </c>
      <c r="J31" s="315">
        <v>0</v>
      </c>
      <c r="K31" s="316">
        <v>93</v>
      </c>
      <c r="L31" s="317">
        <v>93</v>
      </c>
      <c r="M31" s="311">
        <v>0</v>
      </c>
      <c r="N31" s="315">
        <v>0</v>
      </c>
      <c r="O31" s="312">
        <v>0</v>
      </c>
      <c r="P31" s="314">
        <v>0</v>
      </c>
      <c r="Q31" s="315">
        <v>0</v>
      </c>
      <c r="R31" s="315">
        <v>0</v>
      </c>
      <c r="S31" s="315">
        <v>3</v>
      </c>
      <c r="T31" s="315">
        <v>0</v>
      </c>
      <c r="U31" s="315">
        <v>0</v>
      </c>
      <c r="V31" s="312">
        <v>3</v>
      </c>
      <c r="W31" s="317">
        <v>3</v>
      </c>
      <c r="X31" s="311">
        <v>8</v>
      </c>
      <c r="Y31" s="315">
        <v>0</v>
      </c>
      <c r="Z31" s="312">
        <v>8</v>
      </c>
      <c r="AA31" s="314">
        <v>0</v>
      </c>
      <c r="AB31" s="315">
        <v>16</v>
      </c>
      <c r="AC31" s="315">
        <v>14</v>
      </c>
      <c r="AD31" s="315">
        <v>43</v>
      </c>
      <c r="AE31" s="315">
        <v>0</v>
      </c>
      <c r="AF31" s="315">
        <v>0</v>
      </c>
      <c r="AG31" s="312">
        <v>73</v>
      </c>
      <c r="AH31" s="317">
        <v>81</v>
      </c>
      <c r="AI31" s="311">
        <v>0</v>
      </c>
      <c r="AJ31" s="315">
        <v>0</v>
      </c>
      <c r="AK31" s="312">
        <v>0</v>
      </c>
      <c r="AL31" s="314">
        <v>0</v>
      </c>
      <c r="AM31" s="315">
        <v>0</v>
      </c>
      <c r="AN31" s="315">
        <v>12</v>
      </c>
      <c r="AO31" s="315">
        <v>0</v>
      </c>
      <c r="AP31" s="315">
        <v>0</v>
      </c>
      <c r="AQ31" s="315">
        <v>0</v>
      </c>
      <c r="AR31" s="312">
        <v>12</v>
      </c>
      <c r="AS31" s="317">
        <v>12</v>
      </c>
      <c r="AT31" s="311">
        <v>0</v>
      </c>
      <c r="AU31" s="315">
        <v>0</v>
      </c>
      <c r="AV31" s="312">
        <v>0</v>
      </c>
      <c r="AW31" s="314">
        <v>0</v>
      </c>
      <c r="AX31" s="315">
        <v>0</v>
      </c>
      <c r="AY31" s="315">
        <v>0</v>
      </c>
      <c r="AZ31" s="315">
        <v>3</v>
      </c>
      <c r="BA31" s="315">
        <v>0</v>
      </c>
      <c r="BB31" s="315">
        <v>0</v>
      </c>
      <c r="BC31" s="316">
        <v>3</v>
      </c>
      <c r="BD31" s="317">
        <v>3</v>
      </c>
      <c r="BE31" s="311">
        <v>0</v>
      </c>
      <c r="BF31" s="315">
        <v>0</v>
      </c>
      <c r="BG31" s="312">
        <v>0</v>
      </c>
      <c r="BH31" s="314">
        <v>0</v>
      </c>
      <c r="BI31" s="315">
        <v>0</v>
      </c>
      <c r="BJ31" s="315">
        <v>3</v>
      </c>
      <c r="BK31" s="315">
        <v>4</v>
      </c>
      <c r="BL31" s="315">
        <v>0</v>
      </c>
      <c r="BM31" s="315">
        <v>0</v>
      </c>
      <c r="BN31" s="312">
        <v>7</v>
      </c>
      <c r="BO31" s="317">
        <v>7</v>
      </c>
      <c r="BP31" s="311">
        <v>0</v>
      </c>
      <c r="BQ31" s="315">
        <v>0</v>
      </c>
      <c r="BR31" s="312">
        <v>0</v>
      </c>
      <c r="BS31" s="314">
        <v>0</v>
      </c>
      <c r="BT31" s="315">
        <v>0</v>
      </c>
      <c r="BU31" s="315">
        <v>0</v>
      </c>
      <c r="BV31" s="315">
        <v>5</v>
      </c>
      <c r="BW31" s="315">
        <v>0</v>
      </c>
      <c r="BX31" s="315">
        <v>0</v>
      </c>
      <c r="BY31" s="312">
        <v>5</v>
      </c>
      <c r="BZ31" s="317">
        <v>5</v>
      </c>
      <c r="CA31" s="311">
        <v>0</v>
      </c>
      <c r="CB31" s="315">
        <v>0</v>
      </c>
      <c r="CC31" s="312">
        <v>0</v>
      </c>
      <c r="CD31" s="314">
        <v>0</v>
      </c>
      <c r="CE31" s="315">
        <v>0</v>
      </c>
      <c r="CF31" s="315">
        <v>0</v>
      </c>
      <c r="CG31" s="315">
        <v>0</v>
      </c>
      <c r="CH31" s="315">
        <v>0</v>
      </c>
      <c r="CI31" s="315">
        <v>0</v>
      </c>
      <c r="CJ31" s="312">
        <v>0</v>
      </c>
      <c r="CK31" s="317">
        <v>0</v>
      </c>
      <c r="CL31" s="311">
        <v>0</v>
      </c>
      <c r="CM31" s="315">
        <v>0</v>
      </c>
      <c r="CN31" s="312">
        <v>0</v>
      </c>
      <c r="CO31" s="314">
        <v>0</v>
      </c>
      <c r="CP31" s="315">
        <v>0</v>
      </c>
      <c r="CQ31" s="315">
        <v>0</v>
      </c>
      <c r="CR31" s="315">
        <v>0</v>
      </c>
      <c r="CS31" s="315">
        <v>0</v>
      </c>
      <c r="CT31" s="315">
        <v>0</v>
      </c>
      <c r="CU31" s="312">
        <v>0</v>
      </c>
      <c r="CV31" s="317">
        <v>0</v>
      </c>
      <c r="CW31" s="311">
        <v>0</v>
      </c>
      <c r="CX31" s="315">
        <v>0</v>
      </c>
      <c r="CY31" s="312">
        <v>0</v>
      </c>
      <c r="CZ31" s="314">
        <v>0</v>
      </c>
      <c r="DA31" s="315">
        <v>0</v>
      </c>
      <c r="DB31" s="315">
        <v>0</v>
      </c>
      <c r="DC31" s="315">
        <v>0</v>
      </c>
      <c r="DD31" s="315">
        <v>0</v>
      </c>
      <c r="DE31" s="315">
        <v>0</v>
      </c>
      <c r="DF31" s="312">
        <v>0</v>
      </c>
      <c r="DG31" s="317">
        <v>0</v>
      </c>
    </row>
    <row r="32" spans="1:111" ht="18.75" customHeight="1" x14ac:dyDescent="0.2">
      <c r="A32" s="296" t="s">
        <v>30</v>
      </c>
      <c r="B32" s="311">
        <v>0</v>
      </c>
      <c r="C32" s="312">
        <v>0</v>
      </c>
      <c r="D32" s="313">
        <v>0</v>
      </c>
      <c r="E32" s="314">
        <v>0</v>
      </c>
      <c r="F32" s="315">
        <v>0</v>
      </c>
      <c r="G32" s="315">
        <v>0</v>
      </c>
      <c r="H32" s="315">
        <v>84</v>
      </c>
      <c r="I32" s="315">
        <v>45</v>
      </c>
      <c r="J32" s="315">
        <v>0</v>
      </c>
      <c r="K32" s="316">
        <v>129</v>
      </c>
      <c r="L32" s="317">
        <v>129</v>
      </c>
      <c r="M32" s="311">
        <v>0</v>
      </c>
      <c r="N32" s="315">
        <v>0</v>
      </c>
      <c r="O32" s="312">
        <v>0</v>
      </c>
      <c r="P32" s="314">
        <v>0</v>
      </c>
      <c r="Q32" s="315">
        <v>0</v>
      </c>
      <c r="R32" s="315">
        <v>0</v>
      </c>
      <c r="S32" s="315">
        <v>0</v>
      </c>
      <c r="T32" s="315">
        <v>4</v>
      </c>
      <c r="U32" s="315">
        <v>0</v>
      </c>
      <c r="V32" s="312">
        <v>4</v>
      </c>
      <c r="W32" s="317">
        <v>4</v>
      </c>
      <c r="X32" s="311">
        <v>0</v>
      </c>
      <c r="Y32" s="315">
        <v>8</v>
      </c>
      <c r="Z32" s="312">
        <v>8</v>
      </c>
      <c r="AA32" s="314">
        <v>0</v>
      </c>
      <c r="AB32" s="315">
        <v>0</v>
      </c>
      <c r="AC32" s="315">
        <v>3</v>
      </c>
      <c r="AD32" s="315">
        <v>0</v>
      </c>
      <c r="AE32" s="315">
        <v>4</v>
      </c>
      <c r="AF32" s="315">
        <v>0</v>
      </c>
      <c r="AG32" s="312">
        <v>7</v>
      </c>
      <c r="AH32" s="317">
        <v>15</v>
      </c>
      <c r="AI32" s="311">
        <v>0</v>
      </c>
      <c r="AJ32" s="315">
        <v>0</v>
      </c>
      <c r="AK32" s="312">
        <v>0</v>
      </c>
      <c r="AL32" s="314">
        <v>0</v>
      </c>
      <c r="AM32" s="315">
        <v>0</v>
      </c>
      <c r="AN32" s="315">
        <v>0</v>
      </c>
      <c r="AO32" s="315">
        <v>0</v>
      </c>
      <c r="AP32" s="315">
        <v>12</v>
      </c>
      <c r="AQ32" s="315">
        <v>0</v>
      </c>
      <c r="AR32" s="312">
        <v>12</v>
      </c>
      <c r="AS32" s="317">
        <v>12</v>
      </c>
      <c r="AT32" s="311">
        <v>0</v>
      </c>
      <c r="AU32" s="315">
        <v>0</v>
      </c>
      <c r="AV32" s="312">
        <v>0</v>
      </c>
      <c r="AW32" s="314">
        <v>0</v>
      </c>
      <c r="AX32" s="315">
        <v>0</v>
      </c>
      <c r="AY32" s="315">
        <v>8</v>
      </c>
      <c r="AZ32" s="315">
        <v>11</v>
      </c>
      <c r="BA32" s="315">
        <v>4</v>
      </c>
      <c r="BB32" s="315">
        <v>0</v>
      </c>
      <c r="BC32" s="316">
        <v>23</v>
      </c>
      <c r="BD32" s="317">
        <v>23</v>
      </c>
      <c r="BE32" s="311">
        <v>0</v>
      </c>
      <c r="BF32" s="315">
        <v>0</v>
      </c>
      <c r="BG32" s="312">
        <v>0</v>
      </c>
      <c r="BH32" s="314">
        <v>0</v>
      </c>
      <c r="BI32" s="315">
        <v>0</v>
      </c>
      <c r="BJ32" s="315">
        <v>7</v>
      </c>
      <c r="BK32" s="315">
        <v>0</v>
      </c>
      <c r="BL32" s="315">
        <v>0</v>
      </c>
      <c r="BM32" s="315">
        <v>0</v>
      </c>
      <c r="BN32" s="312">
        <v>7</v>
      </c>
      <c r="BO32" s="317">
        <v>7</v>
      </c>
      <c r="BP32" s="311">
        <v>0</v>
      </c>
      <c r="BQ32" s="315">
        <v>0</v>
      </c>
      <c r="BR32" s="312">
        <v>0</v>
      </c>
      <c r="BS32" s="314">
        <v>0</v>
      </c>
      <c r="BT32" s="315">
        <v>0</v>
      </c>
      <c r="BU32" s="315">
        <v>0</v>
      </c>
      <c r="BV32" s="315">
        <v>7</v>
      </c>
      <c r="BW32" s="315">
        <v>0</v>
      </c>
      <c r="BX32" s="315">
        <v>0</v>
      </c>
      <c r="BY32" s="312">
        <v>7</v>
      </c>
      <c r="BZ32" s="317">
        <v>7</v>
      </c>
      <c r="CA32" s="311">
        <v>0</v>
      </c>
      <c r="CB32" s="315">
        <v>0</v>
      </c>
      <c r="CC32" s="312">
        <v>0</v>
      </c>
      <c r="CD32" s="314">
        <v>0</v>
      </c>
      <c r="CE32" s="315">
        <v>0</v>
      </c>
      <c r="CF32" s="315">
        <v>2</v>
      </c>
      <c r="CG32" s="315">
        <v>0</v>
      </c>
      <c r="CH32" s="315">
        <v>0</v>
      </c>
      <c r="CI32" s="315">
        <v>0</v>
      </c>
      <c r="CJ32" s="312">
        <v>2</v>
      </c>
      <c r="CK32" s="317">
        <v>2</v>
      </c>
      <c r="CL32" s="311">
        <v>0</v>
      </c>
      <c r="CM32" s="315">
        <v>0</v>
      </c>
      <c r="CN32" s="312">
        <v>0</v>
      </c>
      <c r="CO32" s="314">
        <v>0</v>
      </c>
      <c r="CP32" s="315">
        <v>0</v>
      </c>
      <c r="CQ32" s="315">
        <v>0</v>
      </c>
      <c r="CR32" s="315">
        <v>0</v>
      </c>
      <c r="CS32" s="315">
        <v>0</v>
      </c>
      <c r="CT32" s="315">
        <v>0</v>
      </c>
      <c r="CU32" s="312">
        <v>0</v>
      </c>
      <c r="CV32" s="317">
        <v>0</v>
      </c>
      <c r="CW32" s="311">
        <v>0</v>
      </c>
      <c r="CX32" s="315">
        <v>0</v>
      </c>
      <c r="CY32" s="312">
        <v>0</v>
      </c>
      <c r="CZ32" s="314">
        <v>0</v>
      </c>
      <c r="DA32" s="315">
        <v>0</v>
      </c>
      <c r="DB32" s="315">
        <v>0</v>
      </c>
      <c r="DC32" s="315">
        <v>0</v>
      </c>
      <c r="DD32" s="315">
        <v>0</v>
      </c>
      <c r="DE32" s="315">
        <v>0</v>
      </c>
      <c r="DF32" s="312">
        <v>0</v>
      </c>
      <c r="DG32" s="317">
        <v>0</v>
      </c>
    </row>
    <row r="33" spans="1:111" ht="18.75" customHeight="1" x14ac:dyDescent="0.2">
      <c r="A33" s="296" t="s">
        <v>31</v>
      </c>
      <c r="B33" s="311">
        <v>0</v>
      </c>
      <c r="C33" s="312">
        <v>0</v>
      </c>
      <c r="D33" s="313">
        <v>0</v>
      </c>
      <c r="E33" s="314">
        <v>0</v>
      </c>
      <c r="F33" s="315">
        <v>7</v>
      </c>
      <c r="G33" s="315">
        <v>0</v>
      </c>
      <c r="H33" s="315">
        <v>0</v>
      </c>
      <c r="I33" s="315">
        <v>0</v>
      </c>
      <c r="J33" s="315">
        <v>0</v>
      </c>
      <c r="K33" s="316">
        <v>7</v>
      </c>
      <c r="L33" s="317">
        <v>7</v>
      </c>
      <c r="M33" s="311">
        <v>0</v>
      </c>
      <c r="N33" s="315">
        <v>0</v>
      </c>
      <c r="O33" s="312">
        <v>0</v>
      </c>
      <c r="P33" s="314">
        <v>0</v>
      </c>
      <c r="Q33" s="315">
        <v>1</v>
      </c>
      <c r="R33" s="315">
        <v>0</v>
      </c>
      <c r="S33" s="315">
        <v>0</v>
      </c>
      <c r="T33" s="315">
        <v>0</v>
      </c>
      <c r="U33" s="315">
        <v>11</v>
      </c>
      <c r="V33" s="312">
        <v>12</v>
      </c>
      <c r="W33" s="317">
        <v>12</v>
      </c>
      <c r="X33" s="311">
        <v>2</v>
      </c>
      <c r="Y33" s="315">
        <v>0</v>
      </c>
      <c r="Z33" s="312">
        <v>2</v>
      </c>
      <c r="AA33" s="314">
        <v>0</v>
      </c>
      <c r="AB33" s="315">
        <v>8</v>
      </c>
      <c r="AC33" s="315">
        <v>0</v>
      </c>
      <c r="AD33" s="315">
        <v>0</v>
      </c>
      <c r="AE33" s="315">
        <v>0</v>
      </c>
      <c r="AF33" s="315">
        <v>26</v>
      </c>
      <c r="AG33" s="312">
        <v>34</v>
      </c>
      <c r="AH33" s="317">
        <v>36</v>
      </c>
      <c r="AI33" s="311">
        <v>0</v>
      </c>
      <c r="AJ33" s="315">
        <v>0</v>
      </c>
      <c r="AK33" s="312">
        <v>0</v>
      </c>
      <c r="AL33" s="314">
        <v>0</v>
      </c>
      <c r="AM33" s="315">
        <v>0</v>
      </c>
      <c r="AN33" s="315">
        <v>0</v>
      </c>
      <c r="AO33" s="315">
        <v>20</v>
      </c>
      <c r="AP33" s="315">
        <v>0</v>
      </c>
      <c r="AQ33" s="315">
        <v>0</v>
      </c>
      <c r="AR33" s="312">
        <v>20</v>
      </c>
      <c r="AS33" s="317">
        <v>20</v>
      </c>
      <c r="AT33" s="311">
        <v>0</v>
      </c>
      <c r="AU33" s="315">
        <v>0</v>
      </c>
      <c r="AV33" s="312">
        <v>0</v>
      </c>
      <c r="AW33" s="314">
        <v>0</v>
      </c>
      <c r="AX33" s="315">
        <v>0</v>
      </c>
      <c r="AY33" s="315">
        <v>8</v>
      </c>
      <c r="AZ33" s="315">
        <v>14</v>
      </c>
      <c r="BA33" s="315">
        <v>7</v>
      </c>
      <c r="BB33" s="315">
        <v>0</v>
      </c>
      <c r="BC33" s="316">
        <v>29</v>
      </c>
      <c r="BD33" s="317">
        <v>29</v>
      </c>
      <c r="BE33" s="311">
        <v>0</v>
      </c>
      <c r="BF33" s="315">
        <v>0</v>
      </c>
      <c r="BG33" s="312">
        <v>0</v>
      </c>
      <c r="BH33" s="314">
        <v>0</v>
      </c>
      <c r="BI33" s="315">
        <v>0</v>
      </c>
      <c r="BJ33" s="315">
        <v>0</v>
      </c>
      <c r="BK33" s="315">
        <v>0</v>
      </c>
      <c r="BL33" s="315">
        <v>0</v>
      </c>
      <c r="BM33" s="315">
        <v>0</v>
      </c>
      <c r="BN33" s="312">
        <v>0</v>
      </c>
      <c r="BO33" s="317">
        <v>0</v>
      </c>
      <c r="BP33" s="311">
        <v>0</v>
      </c>
      <c r="BQ33" s="315">
        <v>0</v>
      </c>
      <c r="BR33" s="312">
        <v>0</v>
      </c>
      <c r="BS33" s="314">
        <v>0</v>
      </c>
      <c r="BT33" s="315">
        <v>0</v>
      </c>
      <c r="BU33" s="315">
        <v>0</v>
      </c>
      <c r="BV33" s="315">
        <v>0</v>
      </c>
      <c r="BW33" s="315">
        <v>10</v>
      </c>
      <c r="BX33" s="315">
        <v>0</v>
      </c>
      <c r="BY33" s="312">
        <v>10</v>
      </c>
      <c r="BZ33" s="317">
        <v>10</v>
      </c>
      <c r="CA33" s="311">
        <v>0</v>
      </c>
      <c r="CB33" s="315">
        <v>0</v>
      </c>
      <c r="CC33" s="312">
        <v>0</v>
      </c>
      <c r="CD33" s="314">
        <v>0</v>
      </c>
      <c r="CE33" s="315">
        <v>0</v>
      </c>
      <c r="CF33" s="315">
        <v>0</v>
      </c>
      <c r="CG33" s="315">
        <v>0</v>
      </c>
      <c r="CH33" s="315">
        <v>0</v>
      </c>
      <c r="CI33" s="315">
        <v>0</v>
      </c>
      <c r="CJ33" s="312">
        <v>0</v>
      </c>
      <c r="CK33" s="317">
        <v>0</v>
      </c>
      <c r="CL33" s="311">
        <v>0</v>
      </c>
      <c r="CM33" s="315">
        <v>0</v>
      </c>
      <c r="CN33" s="312">
        <v>0</v>
      </c>
      <c r="CO33" s="314">
        <v>0</v>
      </c>
      <c r="CP33" s="315">
        <v>0</v>
      </c>
      <c r="CQ33" s="315">
        <v>0</v>
      </c>
      <c r="CR33" s="315">
        <v>0</v>
      </c>
      <c r="CS33" s="315">
        <v>0</v>
      </c>
      <c r="CT33" s="315">
        <v>0</v>
      </c>
      <c r="CU33" s="312">
        <v>0</v>
      </c>
      <c r="CV33" s="317">
        <v>0</v>
      </c>
      <c r="CW33" s="311">
        <v>0</v>
      </c>
      <c r="CX33" s="315">
        <v>0</v>
      </c>
      <c r="CY33" s="312">
        <v>0</v>
      </c>
      <c r="CZ33" s="314">
        <v>0</v>
      </c>
      <c r="DA33" s="315">
        <v>0</v>
      </c>
      <c r="DB33" s="315">
        <v>0</v>
      </c>
      <c r="DC33" s="315">
        <v>0</v>
      </c>
      <c r="DD33" s="315">
        <v>0</v>
      </c>
      <c r="DE33" s="315">
        <v>0</v>
      </c>
      <c r="DF33" s="312">
        <v>0</v>
      </c>
      <c r="DG33" s="317">
        <v>0</v>
      </c>
    </row>
    <row r="34" spans="1:111" ht="18.75" customHeight="1" x14ac:dyDescent="0.2">
      <c r="A34" s="296" t="s">
        <v>32</v>
      </c>
      <c r="B34" s="311">
        <v>0</v>
      </c>
      <c r="C34" s="312">
        <v>0</v>
      </c>
      <c r="D34" s="313">
        <v>0</v>
      </c>
      <c r="E34" s="314">
        <v>0</v>
      </c>
      <c r="F34" s="315">
        <v>3</v>
      </c>
      <c r="G34" s="315">
        <v>8</v>
      </c>
      <c r="H34" s="315">
        <v>0</v>
      </c>
      <c r="I34" s="315">
        <v>112</v>
      </c>
      <c r="J34" s="315">
        <v>0</v>
      </c>
      <c r="K34" s="316">
        <v>123</v>
      </c>
      <c r="L34" s="317">
        <v>123</v>
      </c>
      <c r="M34" s="311">
        <v>0</v>
      </c>
      <c r="N34" s="315">
        <v>0</v>
      </c>
      <c r="O34" s="312">
        <v>0</v>
      </c>
      <c r="P34" s="314">
        <v>0</v>
      </c>
      <c r="Q34" s="315">
        <v>0</v>
      </c>
      <c r="R34" s="315">
        <v>0</v>
      </c>
      <c r="S34" s="315">
        <v>0</v>
      </c>
      <c r="T34" s="315">
        <v>0</v>
      </c>
      <c r="U34" s="315">
        <v>0</v>
      </c>
      <c r="V34" s="312">
        <v>0</v>
      </c>
      <c r="W34" s="317">
        <v>0</v>
      </c>
      <c r="X34" s="311">
        <v>0</v>
      </c>
      <c r="Y34" s="315">
        <v>0</v>
      </c>
      <c r="Z34" s="312">
        <v>0</v>
      </c>
      <c r="AA34" s="314">
        <v>0</v>
      </c>
      <c r="AB34" s="315">
        <v>0</v>
      </c>
      <c r="AC34" s="315">
        <v>4</v>
      </c>
      <c r="AD34" s="315">
        <v>0</v>
      </c>
      <c r="AE34" s="315">
        <v>4</v>
      </c>
      <c r="AF34" s="315">
        <v>0</v>
      </c>
      <c r="AG34" s="312">
        <v>8</v>
      </c>
      <c r="AH34" s="317">
        <v>8</v>
      </c>
      <c r="AI34" s="311">
        <v>0</v>
      </c>
      <c r="AJ34" s="315">
        <v>0</v>
      </c>
      <c r="AK34" s="312">
        <v>0</v>
      </c>
      <c r="AL34" s="314">
        <v>0</v>
      </c>
      <c r="AM34" s="315">
        <v>0</v>
      </c>
      <c r="AN34" s="315">
        <v>0</v>
      </c>
      <c r="AO34" s="315">
        <v>12</v>
      </c>
      <c r="AP34" s="315">
        <v>0</v>
      </c>
      <c r="AQ34" s="315">
        <v>0</v>
      </c>
      <c r="AR34" s="312">
        <v>12</v>
      </c>
      <c r="AS34" s="317">
        <v>12</v>
      </c>
      <c r="AT34" s="311">
        <v>0</v>
      </c>
      <c r="AU34" s="315">
        <v>0</v>
      </c>
      <c r="AV34" s="312">
        <v>0</v>
      </c>
      <c r="AW34" s="314">
        <v>0</v>
      </c>
      <c r="AX34" s="315">
        <v>15</v>
      </c>
      <c r="AY34" s="315">
        <v>12</v>
      </c>
      <c r="AZ34" s="315">
        <v>0</v>
      </c>
      <c r="BA34" s="315">
        <v>0</v>
      </c>
      <c r="BB34" s="315">
        <v>0</v>
      </c>
      <c r="BC34" s="316">
        <v>27</v>
      </c>
      <c r="BD34" s="317">
        <v>27</v>
      </c>
      <c r="BE34" s="311">
        <v>0</v>
      </c>
      <c r="BF34" s="315">
        <v>0</v>
      </c>
      <c r="BG34" s="312">
        <v>0</v>
      </c>
      <c r="BH34" s="314">
        <v>0</v>
      </c>
      <c r="BI34" s="315">
        <v>0</v>
      </c>
      <c r="BJ34" s="315">
        <v>3</v>
      </c>
      <c r="BK34" s="315">
        <v>6</v>
      </c>
      <c r="BL34" s="315">
        <v>0</v>
      </c>
      <c r="BM34" s="315">
        <v>0</v>
      </c>
      <c r="BN34" s="312">
        <v>9</v>
      </c>
      <c r="BO34" s="317">
        <v>9</v>
      </c>
      <c r="BP34" s="311">
        <v>0</v>
      </c>
      <c r="BQ34" s="315">
        <v>0</v>
      </c>
      <c r="BR34" s="312">
        <v>0</v>
      </c>
      <c r="BS34" s="314">
        <v>0</v>
      </c>
      <c r="BT34" s="315">
        <v>9</v>
      </c>
      <c r="BU34" s="315">
        <v>0</v>
      </c>
      <c r="BV34" s="315">
        <v>0</v>
      </c>
      <c r="BW34" s="315">
        <v>0</v>
      </c>
      <c r="BX34" s="315">
        <v>0</v>
      </c>
      <c r="BY34" s="312">
        <v>9</v>
      </c>
      <c r="BZ34" s="317">
        <v>9</v>
      </c>
      <c r="CA34" s="311">
        <v>0</v>
      </c>
      <c r="CB34" s="315">
        <v>0</v>
      </c>
      <c r="CC34" s="312">
        <v>0</v>
      </c>
      <c r="CD34" s="314">
        <v>0</v>
      </c>
      <c r="CE34" s="315">
        <v>0</v>
      </c>
      <c r="CF34" s="315">
        <v>0</v>
      </c>
      <c r="CG34" s="315">
        <v>3</v>
      </c>
      <c r="CH34" s="315">
        <v>0</v>
      </c>
      <c r="CI34" s="315">
        <v>0</v>
      </c>
      <c r="CJ34" s="312">
        <v>3</v>
      </c>
      <c r="CK34" s="317">
        <v>3</v>
      </c>
      <c r="CL34" s="311">
        <v>0</v>
      </c>
      <c r="CM34" s="315">
        <v>0</v>
      </c>
      <c r="CN34" s="312">
        <v>0</v>
      </c>
      <c r="CO34" s="314">
        <v>0</v>
      </c>
      <c r="CP34" s="315">
        <v>0</v>
      </c>
      <c r="CQ34" s="315">
        <v>0</v>
      </c>
      <c r="CR34" s="315">
        <v>0</v>
      </c>
      <c r="CS34" s="315">
        <v>0</v>
      </c>
      <c r="CT34" s="315">
        <v>0</v>
      </c>
      <c r="CU34" s="312">
        <v>0</v>
      </c>
      <c r="CV34" s="317">
        <v>0</v>
      </c>
      <c r="CW34" s="311">
        <v>0</v>
      </c>
      <c r="CX34" s="315">
        <v>0</v>
      </c>
      <c r="CY34" s="312">
        <v>0</v>
      </c>
      <c r="CZ34" s="314">
        <v>0</v>
      </c>
      <c r="DA34" s="315">
        <v>0</v>
      </c>
      <c r="DB34" s="315">
        <v>0</v>
      </c>
      <c r="DC34" s="315">
        <v>0</v>
      </c>
      <c r="DD34" s="315">
        <v>0</v>
      </c>
      <c r="DE34" s="315">
        <v>0</v>
      </c>
      <c r="DF34" s="312">
        <v>0</v>
      </c>
      <c r="DG34" s="317">
        <v>0</v>
      </c>
    </row>
    <row r="35" spans="1:111" ht="18.75" customHeight="1" x14ac:dyDescent="0.2">
      <c r="A35" s="296" t="s">
        <v>33</v>
      </c>
      <c r="B35" s="311">
        <v>0</v>
      </c>
      <c r="C35" s="312">
        <v>0</v>
      </c>
      <c r="D35" s="313">
        <v>0</v>
      </c>
      <c r="E35" s="314">
        <v>0</v>
      </c>
      <c r="F35" s="315">
        <v>7</v>
      </c>
      <c r="G35" s="315">
        <v>0</v>
      </c>
      <c r="H35" s="315">
        <v>26</v>
      </c>
      <c r="I35" s="315">
        <v>0</v>
      </c>
      <c r="J35" s="315">
        <v>0</v>
      </c>
      <c r="K35" s="316">
        <v>33</v>
      </c>
      <c r="L35" s="317">
        <v>33</v>
      </c>
      <c r="M35" s="311">
        <v>0</v>
      </c>
      <c r="N35" s="315">
        <v>0</v>
      </c>
      <c r="O35" s="312">
        <v>0</v>
      </c>
      <c r="P35" s="314">
        <v>0</v>
      </c>
      <c r="Q35" s="315">
        <v>0</v>
      </c>
      <c r="R35" s="315">
        <v>0</v>
      </c>
      <c r="S35" s="315">
        <v>0</v>
      </c>
      <c r="T35" s="315">
        <v>0</v>
      </c>
      <c r="U35" s="315">
        <v>0</v>
      </c>
      <c r="V35" s="312">
        <v>0</v>
      </c>
      <c r="W35" s="317">
        <v>0</v>
      </c>
      <c r="X35" s="311">
        <v>3</v>
      </c>
      <c r="Y35" s="315">
        <v>0</v>
      </c>
      <c r="Z35" s="312">
        <v>3</v>
      </c>
      <c r="AA35" s="314">
        <v>0</v>
      </c>
      <c r="AB35" s="315">
        <v>4</v>
      </c>
      <c r="AC35" s="315">
        <v>0</v>
      </c>
      <c r="AD35" s="315">
        <v>40</v>
      </c>
      <c r="AE35" s="315">
        <v>0</v>
      </c>
      <c r="AF35" s="315">
        <v>11</v>
      </c>
      <c r="AG35" s="312">
        <v>55</v>
      </c>
      <c r="AH35" s="317">
        <v>58</v>
      </c>
      <c r="AI35" s="311">
        <v>0</v>
      </c>
      <c r="AJ35" s="315">
        <v>9</v>
      </c>
      <c r="AK35" s="312">
        <v>9</v>
      </c>
      <c r="AL35" s="314">
        <v>0</v>
      </c>
      <c r="AM35" s="315">
        <v>12</v>
      </c>
      <c r="AN35" s="315">
        <v>0</v>
      </c>
      <c r="AO35" s="315">
        <v>12</v>
      </c>
      <c r="AP35" s="315">
        <v>30</v>
      </c>
      <c r="AQ35" s="315">
        <v>24</v>
      </c>
      <c r="AR35" s="312">
        <v>78</v>
      </c>
      <c r="AS35" s="317">
        <v>87</v>
      </c>
      <c r="AT35" s="311">
        <v>0</v>
      </c>
      <c r="AU35" s="315">
        <v>0</v>
      </c>
      <c r="AV35" s="312">
        <v>0</v>
      </c>
      <c r="AW35" s="314">
        <v>0</v>
      </c>
      <c r="AX35" s="315">
        <v>19</v>
      </c>
      <c r="AY35" s="315">
        <v>0</v>
      </c>
      <c r="AZ35" s="315">
        <v>0</v>
      </c>
      <c r="BA35" s="315">
        <v>0</v>
      </c>
      <c r="BB35" s="315">
        <v>0</v>
      </c>
      <c r="BC35" s="316">
        <v>19</v>
      </c>
      <c r="BD35" s="317">
        <v>19</v>
      </c>
      <c r="BE35" s="311">
        <v>0</v>
      </c>
      <c r="BF35" s="315">
        <v>0</v>
      </c>
      <c r="BG35" s="312">
        <v>0</v>
      </c>
      <c r="BH35" s="314">
        <v>0</v>
      </c>
      <c r="BI35" s="315">
        <v>2</v>
      </c>
      <c r="BJ35" s="315">
        <v>0</v>
      </c>
      <c r="BK35" s="315">
        <v>0</v>
      </c>
      <c r="BL35" s="315">
        <v>1</v>
      </c>
      <c r="BM35" s="315">
        <v>0</v>
      </c>
      <c r="BN35" s="312">
        <v>3</v>
      </c>
      <c r="BO35" s="317">
        <v>3</v>
      </c>
      <c r="BP35" s="311">
        <v>0</v>
      </c>
      <c r="BQ35" s="315">
        <v>0</v>
      </c>
      <c r="BR35" s="312">
        <v>0</v>
      </c>
      <c r="BS35" s="314">
        <v>0</v>
      </c>
      <c r="BT35" s="315">
        <v>0</v>
      </c>
      <c r="BU35" s="315">
        <v>0</v>
      </c>
      <c r="BV35" s="315">
        <v>0</v>
      </c>
      <c r="BW35" s="315">
        <v>0</v>
      </c>
      <c r="BX35" s="315">
        <v>0</v>
      </c>
      <c r="BY35" s="312">
        <v>0</v>
      </c>
      <c r="BZ35" s="317">
        <v>0</v>
      </c>
      <c r="CA35" s="311">
        <v>0</v>
      </c>
      <c r="CB35" s="315">
        <v>0</v>
      </c>
      <c r="CC35" s="312">
        <v>0</v>
      </c>
      <c r="CD35" s="314">
        <v>0</v>
      </c>
      <c r="CE35" s="315">
        <v>0</v>
      </c>
      <c r="CF35" s="315">
        <v>0</v>
      </c>
      <c r="CG35" s="315">
        <v>0</v>
      </c>
      <c r="CH35" s="315">
        <v>0</v>
      </c>
      <c r="CI35" s="315">
        <v>0</v>
      </c>
      <c r="CJ35" s="312">
        <v>0</v>
      </c>
      <c r="CK35" s="317">
        <v>0</v>
      </c>
      <c r="CL35" s="311">
        <v>0</v>
      </c>
      <c r="CM35" s="315">
        <v>0</v>
      </c>
      <c r="CN35" s="312">
        <v>0</v>
      </c>
      <c r="CO35" s="314">
        <v>0</v>
      </c>
      <c r="CP35" s="315">
        <v>0</v>
      </c>
      <c r="CQ35" s="315">
        <v>0</v>
      </c>
      <c r="CR35" s="315">
        <v>0</v>
      </c>
      <c r="CS35" s="315">
        <v>0</v>
      </c>
      <c r="CT35" s="315">
        <v>0</v>
      </c>
      <c r="CU35" s="312">
        <v>0</v>
      </c>
      <c r="CV35" s="317">
        <v>0</v>
      </c>
      <c r="CW35" s="311">
        <v>0</v>
      </c>
      <c r="CX35" s="315">
        <v>0</v>
      </c>
      <c r="CY35" s="312">
        <v>0</v>
      </c>
      <c r="CZ35" s="314">
        <v>0</v>
      </c>
      <c r="DA35" s="315">
        <v>0</v>
      </c>
      <c r="DB35" s="315">
        <v>0</v>
      </c>
      <c r="DC35" s="315">
        <v>0</v>
      </c>
      <c r="DD35" s="315">
        <v>0</v>
      </c>
      <c r="DE35" s="315">
        <v>0</v>
      </c>
      <c r="DF35" s="312">
        <v>0</v>
      </c>
      <c r="DG35" s="317">
        <v>0</v>
      </c>
    </row>
    <row r="36" spans="1:111" ht="18.75" customHeight="1" x14ac:dyDescent="0.2">
      <c r="A36" s="296" t="s">
        <v>34</v>
      </c>
      <c r="B36" s="311">
        <v>0</v>
      </c>
      <c r="C36" s="312">
        <v>0</v>
      </c>
      <c r="D36" s="313">
        <v>0</v>
      </c>
      <c r="E36" s="314">
        <v>0</v>
      </c>
      <c r="F36" s="315">
        <v>0</v>
      </c>
      <c r="G36" s="315">
        <v>0</v>
      </c>
      <c r="H36" s="315">
        <v>8</v>
      </c>
      <c r="I36" s="315">
        <v>94</v>
      </c>
      <c r="J36" s="315">
        <v>0</v>
      </c>
      <c r="K36" s="316">
        <v>102</v>
      </c>
      <c r="L36" s="317">
        <v>102</v>
      </c>
      <c r="M36" s="311">
        <v>0</v>
      </c>
      <c r="N36" s="315">
        <v>0</v>
      </c>
      <c r="O36" s="312">
        <v>0</v>
      </c>
      <c r="P36" s="314">
        <v>0</v>
      </c>
      <c r="Q36" s="315">
        <v>0</v>
      </c>
      <c r="R36" s="315">
        <v>0</v>
      </c>
      <c r="S36" s="315">
        <v>0</v>
      </c>
      <c r="T36" s="315">
        <v>0</v>
      </c>
      <c r="U36" s="315">
        <v>0</v>
      </c>
      <c r="V36" s="312">
        <v>0</v>
      </c>
      <c r="W36" s="317">
        <v>0</v>
      </c>
      <c r="X36" s="311">
        <v>0</v>
      </c>
      <c r="Y36" s="315">
        <v>0</v>
      </c>
      <c r="Z36" s="312">
        <v>0</v>
      </c>
      <c r="AA36" s="314">
        <v>0</v>
      </c>
      <c r="AB36" s="315">
        <v>0</v>
      </c>
      <c r="AC36" s="315">
        <v>0</v>
      </c>
      <c r="AD36" s="315">
        <v>0</v>
      </c>
      <c r="AE36" s="315">
        <v>0</v>
      </c>
      <c r="AF36" s="315">
        <v>0</v>
      </c>
      <c r="AG36" s="312">
        <v>0</v>
      </c>
      <c r="AH36" s="317">
        <v>0</v>
      </c>
      <c r="AI36" s="311">
        <v>0</v>
      </c>
      <c r="AJ36" s="315">
        <v>0</v>
      </c>
      <c r="AK36" s="312">
        <v>0</v>
      </c>
      <c r="AL36" s="314">
        <v>0</v>
      </c>
      <c r="AM36" s="315">
        <v>0</v>
      </c>
      <c r="AN36" s="315">
        <v>0</v>
      </c>
      <c r="AO36" s="315">
        <v>0</v>
      </c>
      <c r="AP36" s="315">
        <v>0</v>
      </c>
      <c r="AQ36" s="315">
        <v>0</v>
      </c>
      <c r="AR36" s="312">
        <v>0</v>
      </c>
      <c r="AS36" s="317">
        <v>0</v>
      </c>
      <c r="AT36" s="311">
        <v>0</v>
      </c>
      <c r="AU36" s="315">
        <v>0</v>
      </c>
      <c r="AV36" s="312">
        <v>0</v>
      </c>
      <c r="AW36" s="314">
        <v>0</v>
      </c>
      <c r="AX36" s="315">
        <v>0</v>
      </c>
      <c r="AY36" s="315">
        <v>8</v>
      </c>
      <c r="AZ36" s="315">
        <v>22</v>
      </c>
      <c r="BA36" s="315">
        <v>10</v>
      </c>
      <c r="BB36" s="315">
        <v>0</v>
      </c>
      <c r="BC36" s="316">
        <v>40</v>
      </c>
      <c r="BD36" s="317">
        <v>40</v>
      </c>
      <c r="BE36" s="311">
        <v>0</v>
      </c>
      <c r="BF36" s="315">
        <v>0</v>
      </c>
      <c r="BG36" s="312">
        <v>0</v>
      </c>
      <c r="BH36" s="314">
        <v>0</v>
      </c>
      <c r="BI36" s="315">
        <v>0</v>
      </c>
      <c r="BJ36" s="315">
        <v>0</v>
      </c>
      <c r="BK36" s="315">
        <v>0</v>
      </c>
      <c r="BL36" s="315">
        <v>0</v>
      </c>
      <c r="BM36" s="315">
        <v>0</v>
      </c>
      <c r="BN36" s="312">
        <v>0</v>
      </c>
      <c r="BO36" s="317">
        <v>0</v>
      </c>
      <c r="BP36" s="311">
        <v>0</v>
      </c>
      <c r="BQ36" s="315">
        <v>0</v>
      </c>
      <c r="BR36" s="312">
        <v>0</v>
      </c>
      <c r="BS36" s="314">
        <v>0</v>
      </c>
      <c r="BT36" s="315">
        <v>0</v>
      </c>
      <c r="BU36" s="315">
        <v>0</v>
      </c>
      <c r="BV36" s="315">
        <v>0</v>
      </c>
      <c r="BW36" s="315">
        <v>4</v>
      </c>
      <c r="BX36" s="315">
        <v>0</v>
      </c>
      <c r="BY36" s="312">
        <v>4</v>
      </c>
      <c r="BZ36" s="317">
        <v>4</v>
      </c>
      <c r="CA36" s="311">
        <v>0</v>
      </c>
      <c r="CB36" s="315">
        <v>0</v>
      </c>
      <c r="CC36" s="312">
        <v>0</v>
      </c>
      <c r="CD36" s="314">
        <v>0</v>
      </c>
      <c r="CE36" s="315">
        <v>0</v>
      </c>
      <c r="CF36" s="315">
        <v>0</v>
      </c>
      <c r="CG36" s="315">
        <v>0</v>
      </c>
      <c r="CH36" s="315">
        <v>0</v>
      </c>
      <c r="CI36" s="315">
        <v>0</v>
      </c>
      <c r="CJ36" s="312">
        <v>0</v>
      </c>
      <c r="CK36" s="317">
        <v>0</v>
      </c>
      <c r="CL36" s="311">
        <v>0</v>
      </c>
      <c r="CM36" s="315">
        <v>0</v>
      </c>
      <c r="CN36" s="312">
        <v>0</v>
      </c>
      <c r="CO36" s="314">
        <v>0</v>
      </c>
      <c r="CP36" s="315">
        <v>0</v>
      </c>
      <c r="CQ36" s="315">
        <v>0</v>
      </c>
      <c r="CR36" s="315">
        <v>0</v>
      </c>
      <c r="CS36" s="315">
        <v>0</v>
      </c>
      <c r="CT36" s="315">
        <v>0</v>
      </c>
      <c r="CU36" s="312">
        <v>0</v>
      </c>
      <c r="CV36" s="317">
        <v>0</v>
      </c>
      <c r="CW36" s="311">
        <v>0</v>
      </c>
      <c r="CX36" s="315">
        <v>0</v>
      </c>
      <c r="CY36" s="312">
        <v>0</v>
      </c>
      <c r="CZ36" s="314">
        <v>0</v>
      </c>
      <c r="DA36" s="315">
        <v>0</v>
      </c>
      <c r="DB36" s="315">
        <v>0</v>
      </c>
      <c r="DC36" s="315">
        <v>0</v>
      </c>
      <c r="DD36" s="315">
        <v>0</v>
      </c>
      <c r="DE36" s="315">
        <v>0</v>
      </c>
      <c r="DF36" s="312">
        <v>0</v>
      </c>
      <c r="DG36" s="317">
        <v>0</v>
      </c>
    </row>
    <row r="37" spans="1:111" ht="18.75" customHeight="1" x14ac:dyDescent="0.2">
      <c r="A37" s="296" t="s">
        <v>35</v>
      </c>
      <c r="B37" s="311">
        <v>0</v>
      </c>
      <c r="C37" s="312">
        <v>0</v>
      </c>
      <c r="D37" s="313">
        <v>0</v>
      </c>
      <c r="E37" s="314">
        <v>0</v>
      </c>
      <c r="F37" s="315">
        <v>81</v>
      </c>
      <c r="G37" s="315">
        <v>30</v>
      </c>
      <c r="H37" s="315">
        <v>41</v>
      </c>
      <c r="I37" s="315">
        <v>80</v>
      </c>
      <c r="J37" s="315">
        <v>0</v>
      </c>
      <c r="K37" s="316">
        <v>232</v>
      </c>
      <c r="L37" s="317">
        <v>232</v>
      </c>
      <c r="M37" s="311">
        <v>0</v>
      </c>
      <c r="N37" s="315">
        <v>0</v>
      </c>
      <c r="O37" s="312">
        <v>0</v>
      </c>
      <c r="P37" s="314">
        <v>0</v>
      </c>
      <c r="Q37" s="315">
        <v>0</v>
      </c>
      <c r="R37" s="315">
        <v>0</v>
      </c>
      <c r="S37" s="315">
        <v>0</v>
      </c>
      <c r="T37" s="315">
        <v>0</v>
      </c>
      <c r="U37" s="315">
        <v>0</v>
      </c>
      <c r="V37" s="312">
        <v>0</v>
      </c>
      <c r="W37" s="317">
        <v>0</v>
      </c>
      <c r="X37" s="311">
        <v>0</v>
      </c>
      <c r="Y37" s="315">
        <v>0</v>
      </c>
      <c r="Z37" s="312">
        <v>0</v>
      </c>
      <c r="AA37" s="314">
        <v>0</v>
      </c>
      <c r="AB37" s="315">
        <v>0</v>
      </c>
      <c r="AC37" s="315">
        <v>3</v>
      </c>
      <c r="AD37" s="315">
        <v>10</v>
      </c>
      <c r="AE37" s="315">
        <v>28</v>
      </c>
      <c r="AF37" s="315">
        <v>41</v>
      </c>
      <c r="AG37" s="312">
        <v>82</v>
      </c>
      <c r="AH37" s="317">
        <v>82</v>
      </c>
      <c r="AI37" s="311">
        <v>0</v>
      </c>
      <c r="AJ37" s="315">
        <v>0</v>
      </c>
      <c r="AK37" s="312">
        <v>0</v>
      </c>
      <c r="AL37" s="314">
        <v>0</v>
      </c>
      <c r="AM37" s="315">
        <v>0</v>
      </c>
      <c r="AN37" s="315">
        <v>0</v>
      </c>
      <c r="AO37" s="315">
        <v>0</v>
      </c>
      <c r="AP37" s="315">
        <v>0</v>
      </c>
      <c r="AQ37" s="315">
        <v>0</v>
      </c>
      <c r="AR37" s="312">
        <v>0</v>
      </c>
      <c r="AS37" s="317">
        <v>0</v>
      </c>
      <c r="AT37" s="311">
        <v>0</v>
      </c>
      <c r="AU37" s="315">
        <v>0</v>
      </c>
      <c r="AV37" s="312">
        <v>0</v>
      </c>
      <c r="AW37" s="314">
        <v>0</v>
      </c>
      <c r="AX37" s="315">
        <v>28</v>
      </c>
      <c r="AY37" s="315">
        <v>32</v>
      </c>
      <c r="AZ37" s="315">
        <v>10</v>
      </c>
      <c r="BA37" s="315">
        <v>0</v>
      </c>
      <c r="BB37" s="315">
        <v>0</v>
      </c>
      <c r="BC37" s="316">
        <v>70</v>
      </c>
      <c r="BD37" s="317">
        <v>70</v>
      </c>
      <c r="BE37" s="311">
        <v>0</v>
      </c>
      <c r="BF37" s="315">
        <v>0</v>
      </c>
      <c r="BG37" s="312">
        <v>0</v>
      </c>
      <c r="BH37" s="314">
        <v>0</v>
      </c>
      <c r="BI37" s="315">
        <v>7</v>
      </c>
      <c r="BJ37" s="315">
        <v>3</v>
      </c>
      <c r="BK37" s="315">
        <v>0</v>
      </c>
      <c r="BL37" s="315">
        <v>10</v>
      </c>
      <c r="BM37" s="315">
        <v>0</v>
      </c>
      <c r="BN37" s="312">
        <v>20</v>
      </c>
      <c r="BO37" s="317">
        <v>20</v>
      </c>
      <c r="BP37" s="311">
        <v>0</v>
      </c>
      <c r="BQ37" s="315">
        <v>0</v>
      </c>
      <c r="BR37" s="312">
        <v>0</v>
      </c>
      <c r="BS37" s="314">
        <v>0</v>
      </c>
      <c r="BT37" s="315">
        <v>0</v>
      </c>
      <c r="BU37" s="315">
        <v>0</v>
      </c>
      <c r="BV37" s="315">
        <v>0</v>
      </c>
      <c r="BW37" s="315">
        <v>0</v>
      </c>
      <c r="BX37" s="315">
        <v>0</v>
      </c>
      <c r="BY37" s="312">
        <v>0</v>
      </c>
      <c r="BZ37" s="317">
        <v>0</v>
      </c>
      <c r="CA37" s="311">
        <v>0</v>
      </c>
      <c r="CB37" s="315">
        <v>0</v>
      </c>
      <c r="CC37" s="312">
        <v>0</v>
      </c>
      <c r="CD37" s="314">
        <v>0</v>
      </c>
      <c r="CE37" s="315">
        <v>0</v>
      </c>
      <c r="CF37" s="315">
        <v>0</v>
      </c>
      <c r="CG37" s="315">
        <v>0</v>
      </c>
      <c r="CH37" s="315">
        <v>0</v>
      </c>
      <c r="CI37" s="315">
        <v>0</v>
      </c>
      <c r="CJ37" s="312">
        <v>0</v>
      </c>
      <c r="CK37" s="317">
        <v>0</v>
      </c>
      <c r="CL37" s="311">
        <v>0</v>
      </c>
      <c r="CM37" s="315">
        <v>0</v>
      </c>
      <c r="CN37" s="312">
        <v>0</v>
      </c>
      <c r="CO37" s="314">
        <v>0</v>
      </c>
      <c r="CP37" s="315">
        <v>0</v>
      </c>
      <c r="CQ37" s="315">
        <v>0</v>
      </c>
      <c r="CR37" s="315">
        <v>0</v>
      </c>
      <c r="CS37" s="315">
        <v>0</v>
      </c>
      <c r="CT37" s="315">
        <v>0</v>
      </c>
      <c r="CU37" s="312">
        <v>0</v>
      </c>
      <c r="CV37" s="317">
        <v>0</v>
      </c>
      <c r="CW37" s="311">
        <v>0</v>
      </c>
      <c r="CX37" s="315">
        <v>0</v>
      </c>
      <c r="CY37" s="312">
        <v>0</v>
      </c>
      <c r="CZ37" s="314">
        <v>0</v>
      </c>
      <c r="DA37" s="315">
        <v>0</v>
      </c>
      <c r="DB37" s="315">
        <v>0</v>
      </c>
      <c r="DC37" s="315">
        <v>0</v>
      </c>
      <c r="DD37" s="315">
        <v>0</v>
      </c>
      <c r="DE37" s="315">
        <v>0</v>
      </c>
      <c r="DF37" s="312">
        <v>0</v>
      </c>
      <c r="DG37" s="317">
        <v>0</v>
      </c>
    </row>
    <row r="38" spans="1:111" ht="18.75" customHeight="1" x14ac:dyDescent="0.2">
      <c r="A38" s="296" t="s">
        <v>36</v>
      </c>
      <c r="B38" s="311">
        <v>0</v>
      </c>
      <c r="C38" s="312">
        <v>0</v>
      </c>
      <c r="D38" s="313">
        <v>0</v>
      </c>
      <c r="E38" s="314">
        <v>0</v>
      </c>
      <c r="F38" s="315">
        <v>60</v>
      </c>
      <c r="G38" s="315">
        <v>4</v>
      </c>
      <c r="H38" s="315">
        <v>0</v>
      </c>
      <c r="I38" s="315">
        <v>76</v>
      </c>
      <c r="J38" s="315">
        <v>0</v>
      </c>
      <c r="K38" s="316">
        <v>140</v>
      </c>
      <c r="L38" s="317">
        <v>140</v>
      </c>
      <c r="M38" s="311">
        <v>0</v>
      </c>
      <c r="N38" s="315">
        <v>0</v>
      </c>
      <c r="O38" s="312">
        <v>0</v>
      </c>
      <c r="P38" s="314">
        <v>0</v>
      </c>
      <c r="Q38" s="315">
        <v>0</v>
      </c>
      <c r="R38" s="315">
        <v>0</v>
      </c>
      <c r="S38" s="315">
        <v>0</v>
      </c>
      <c r="T38" s="315">
        <v>0</v>
      </c>
      <c r="U38" s="315">
        <v>0</v>
      </c>
      <c r="V38" s="312">
        <v>0</v>
      </c>
      <c r="W38" s="317">
        <v>0</v>
      </c>
      <c r="X38" s="311">
        <v>0</v>
      </c>
      <c r="Y38" s="315">
        <v>5</v>
      </c>
      <c r="Z38" s="312">
        <v>5</v>
      </c>
      <c r="AA38" s="314">
        <v>0</v>
      </c>
      <c r="AB38" s="315">
        <v>24</v>
      </c>
      <c r="AC38" s="315">
        <v>8</v>
      </c>
      <c r="AD38" s="315">
        <v>0</v>
      </c>
      <c r="AE38" s="315">
        <v>0</v>
      </c>
      <c r="AF38" s="315">
        <v>22</v>
      </c>
      <c r="AG38" s="312">
        <v>54</v>
      </c>
      <c r="AH38" s="317">
        <v>59</v>
      </c>
      <c r="AI38" s="311">
        <v>0</v>
      </c>
      <c r="AJ38" s="315">
        <v>0</v>
      </c>
      <c r="AK38" s="312">
        <v>0</v>
      </c>
      <c r="AL38" s="314">
        <v>0</v>
      </c>
      <c r="AM38" s="315">
        <v>8</v>
      </c>
      <c r="AN38" s="315">
        <v>0</v>
      </c>
      <c r="AO38" s="315">
        <v>0</v>
      </c>
      <c r="AP38" s="315">
        <v>0</v>
      </c>
      <c r="AQ38" s="315">
        <v>18</v>
      </c>
      <c r="AR38" s="312">
        <v>26</v>
      </c>
      <c r="AS38" s="317">
        <v>26</v>
      </c>
      <c r="AT38" s="311">
        <v>0</v>
      </c>
      <c r="AU38" s="315">
        <v>0</v>
      </c>
      <c r="AV38" s="312">
        <v>0</v>
      </c>
      <c r="AW38" s="314">
        <v>0</v>
      </c>
      <c r="AX38" s="315">
        <v>22</v>
      </c>
      <c r="AY38" s="315">
        <v>18</v>
      </c>
      <c r="AZ38" s="315">
        <v>7</v>
      </c>
      <c r="BA38" s="315">
        <v>0</v>
      </c>
      <c r="BB38" s="315">
        <v>3</v>
      </c>
      <c r="BC38" s="316">
        <v>50</v>
      </c>
      <c r="BD38" s="317">
        <v>50</v>
      </c>
      <c r="BE38" s="311">
        <v>0</v>
      </c>
      <c r="BF38" s="315">
        <v>0</v>
      </c>
      <c r="BG38" s="312">
        <v>0</v>
      </c>
      <c r="BH38" s="314">
        <v>0</v>
      </c>
      <c r="BI38" s="315">
        <v>2</v>
      </c>
      <c r="BJ38" s="315">
        <v>0</v>
      </c>
      <c r="BK38" s="315">
        <v>0</v>
      </c>
      <c r="BL38" s="315">
        <v>0</v>
      </c>
      <c r="BM38" s="315">
        <v>0</v>
      </c>
      <c r="BN38" s="312">
        <v>2</v>
      </c>
      <c r="BO38" s="317">
        <v>2</v>
      </c>
      <c r="BP38" s="311">
        <v>0</v>
      </c>
      <c r="BQ38" s="315">
        <v>0</v>
      </c>
      <c r="BR38" s="312">
        <v>0</v>
      </c>
      <c r="BS38" s="314">
        <v>0</v>
      </c>
      <c r="BT38" s="315">
        <v>0</v>
      </c>
      <c r="BU38" s="315">
        <v>19</v>
      </c>
      <c r="BV38" s="315">
        <v>7</v>
      </c>
      <c r="BW38" s="315">
        <v>25</v>
      </c>
      <c r="BX38" s="315">
        <v>5</v>
      </c>
      <c r="BY38" s="312">
        <v>56</v>
      </c>
      <c r="BZ38" s="317">
        <v>56</v>
      </c>
      <c r="CA38" s="311">
        <v>0</v>
      </c>
      <c r="CB38" s="315">
        <v>0</v>
      </c>
      <c r="CC38" s="312">
        <v>0</v>
      </c>
      <c r="CD38" s="314">
        <v>0</v>
      </c>
      <c r="CE38" s="315">
        <v>0</v>
      </c>
      <c r="CF38" s="315">
        <v>0</v>
      </c>
      <c r="CG38" s="315">
        <v>0</v>
      </c>
      <c r="CH38" s="315">
        <v>0</v>
      </c>
      <c r="CI38" s="315">
        <v>0</v>
      </c>
      <c r="CJ38" s="312">
        <v>0</v>
      </c>
      <c r="CK38" s="317">
        <v>0</v>
      </c>
      <c r="CL38" s="311">
        <v>0</v>
      </c>
      <c r="CM38" s="315">
        <v>0</v>
      </c>
      <c r="CN38" s="312">
        <v>0</v>
      </c>
      <c r="CO38" s="314">
        <v>0</v>
      </c>
      <c r="CP38" s="315">
        <v>0</v>
      </c>
      <c r="CQ38" s="315">
        <v>0</v>
      </c>
      <c r="CR38" s="315">
        <v>0</v>
      </c>
      <c r="CS38" s="315">
        <v>0</v>
      </c>
      <c r="CT38" s="315">
        <v>0</v>
      </c>
      <c r="CU38" s="312">
        <v>0</v>
      </c>
      <c r="CV38" s="317">
        <v>0</v>
      </c>
      <c r="CW38" s="311">
        <v>0</v>
      </c>
      <c r="CX38" s="315">
        <v>0</v>
      </c>
      <c r="CY38" s="312">
        <v>0</v>
      </c>
      <c r="CZ38" s="314">
        <v>0</v>
      </c>
      <c r="DA38" s="315">
        <v>0</v>
      </c>
      <c r="DB38" s="315">
        <v>0</v>
      </c>
      <c r="DC38" s="315">
        <v>0</v>
      </c>
      <c r="DD38" s="315">
        <v>0</v>
      </c>
      <c r="DE38" s="315">
        <v>0</v>
      </c>
      <c r="DF38" s="312">
        <v>0</v>
      </c>
      <c r="DG38" s="317">
        <v>0</v>
      </c>
    </row>
    <row r="39" spans="1:111" ht="18.75" customHeight="1" thickBot="1" x14ac:dyDescent="0.25">
      <c r="A39" s="297" t="s">
        <v>37</v>
      </c>
      <c r="B39" s="318">
        <v>0</v>
      </c>
      <c r="C39" s="319">
        <v>0</v>
      </c>
      <c r="D39" s="320">
        <v>0</v>
      </c>
      <c r="E39" s="321">
        <v>0</v>
      </c>
      <c r="F39" s="322">
        <v>0</v>
      </c>
      <c r="G39" s="322">
        <v>0</v>
      </c>
      <c r="H39" s="322">
        <v>0</v>
      </c>
      <c r="I39" s="322">
        <v>0</v>
      </c>
      <c r="J39" s="322">
        <v>27</v>
      </c>
      <c r="K39" s="323">
        <v>27</v>
      </c>
      <c r="L39" s="324">
        <v>27</v>
      </c>
      <c r="M39" s="318">
        <v>0</v>
      </c>
      <c r="N39" s="322">
        <v>0</v>
      </c>
      <c r="O39" s="319">
        <v>0</v>
      </c>
      <c r="P39" s="321">
        <v>0</v>
      </c>
      <c r="Q39" s="322">
        <v>0</v>
      </c>
      <c r="R39" s="322">
        <v>0</v>
      </c>
      <c r="S39" s="322">
        <v>0</v>
      </c>
      <c r="T39" s="322">
        <v>0</v>
      </c>
      <c r="U39" s="322">
        <v>0</v>
      </c>
      <c r="V39" s="319">
        <v>0</v>
      </c>
      <c r="W39" s="324">
        <v>0</v>
      </c>
      <c r="X39" s="318">
        <v>0</v>
      </c>
      <c r="Y39" s="322">
        <v>0</v>
      </c>
      <c r="Z39" s="319">
        <v>0</v>
      </c>
      <c r="AA39" s="321">
        <v>0</v>
      </c>
      <c r="AB39" s="322">
        <v>0</v>
      </c>
      <c r="AC39" s="322">
        <v>0</v>
      </c>
      <c r="AD39" s="322">
        <v>0</v>
      </c>
      <c r="AE39" s="322">
        <v>0</v>
      </c>
      <c r="AF39" s="322">
        <v>12</v>
      </c>
      <c r="AG39" s="319">
        <v>12</v>
      </c>
      <c r="AH39" s="324">
        <v>12</v>
      </c>
      <c r="AI39" s="318">
        <v>0</v>
      </c>
      <c r="AJ39" s="322">
        <v>0</v>
      </c>
      <c r="AK39" s="319">
        <v>0</v>
      </c>
      <c r="AL39" s="321">
        <v>0</v>
      </c>
      <c r="AM39" s="322">
        <v>0</v>
      </c>
      <c r="AN39" s="322">
        <v>0</v>
      </c>
      <c r="AO39" s="322">
        <v>0</v>
      </c>
      <c r="AP39" s="322">
        <v>0</v>
      </c>
      <c r="AQ39" s="322">
        <v>0</v>
      </c>
      <c r="AR39" s="319">
        <v>0</v>
      </c>
      <c r="AS39" s="324">
        <v>0</v>
      </c>
      <c r="AT39" s="318">
        <v>0</v>
      </c>
      <c r="AU39" s="322">
        <v>0</v>
      </c>
      <c r="AV39" s="319">
        <v>0</v>
      </c>
      <c r="AW39" s="321">
        <v>0</v>
      </c>
      <c r="AX39" s="322">
        <v>0</v>
      </c>
      <c r="AY39" s="322">
        <v>0</v>
      </c>
      <c r="AZ39" s="322">
        <v>0</v>
      </c>
      <c r="BA39" s="322">
        <v>3</v>
      </c>
      <c r="BB39" s="322">
        <v>0</v>
      </c>
      <c r="BC39" s="323">
        <v>3</v>
      </c>
      <c r="BD39" s="324">
        <v>3</v>
      </c>
      <c r="BE39" s="318">
        <v>0</v>
      </c>
      <c r="BF39" s="322">
        <v>0</v>
      </c>
      <c r="BG39" s="319">
        <v>0</v>
      </c>
      <c r="BH39" s="321">
        <v>0</v>
      </c>
      <c r="BI39" s="322">
        <v>0</v>
      </c>
      <c r="BJ39" s="322">
        <v>0</v>
      </c>
      <c r="BK39" s="322">
        <v>0</v>
      </c>
      <c r="BL39" s="322">
        <v>0</v>
      </c>
      <c r="BM39" s="322">
        <v>0</v>
      </c>
      <c r="BN39" s="319">
        <v>0</v>
      </c>
      <c r="BO39" s="324">
        <v>0</v>
      </c>
      <c r="BP39" s="318">
        <v>0</v>
      </c>
      <c r="BQ39" s="322">
        <v>0</v>
      </c>
      <c r="BR39" s="319">
        <v>0</v>
      </c>
      <c r="BS39" s="321">
        <v>0</v>
      </c>
      <c r="BT39" s="322">
        <v>0</v>
      </c>
      <c r="BU39" s="322">
        <v>0</v>
      </c>
      <c r="BV39" s="322">
        <v>0</v>
      </c>
      <c r="BW39" s="322">
        <v>0</v>
      </c>
      <c r="BX39" s="322">
        <v>0</v>
      </c>
      <c r="BY39" s="319">
        <v>0</v>
      </c>
      <c r="BZ39" s="324">
        <v>0</v>
      </c>
      <c r="CA39" s="318">
        <v>0</v>
      </c>
      <c r="CB39" s="322">
        <v>0</v>
      </c>
      <c r="CC39" s="319">
        <v>0</v>
      </c>
      <c r="CD39" s="321">
        <v>0</v>
      </c>
      <c r="CE39" s="322">
        <v>0</v>
      </c>
      <c r="CF39" s="322">
        <v>0</v>
      </c>
      <c r="CG39" s="322">
        <v>0</v>
      </c>
      <c r="CH39" s="322">
        <v>12</v>
      </c>
      <c r="CI39" s="322">
        <v>0</v>
      </c>
      <c r="CJ39" s="319">
        <v>12</v>
      </c>
      <c r="CK39" s="324">
        <v>12</v>
      </c>
      <c r="CL39" s="318">
        <v>0</v>
      </c>
      <c r="CM39" s="322">
        <v>0</v>
      </c>
      <c r="CN39" s="319">
        <v>0</v>
      </c>
      <c r="CO39" s="321">
        <v>0</v>
      </c>
      <c r="CP39" s="322">
        <v>0</v>
      </c>
      <c r="CQ39" s="322">
        <v>0</v>
      </c>
      <c r="CR39" s="322">
        <v>0</v>
      </c>
      <c r="CS39" s="322">
        <v>0</v>
      </c>
      <c r="CT39" s="322">
        <v>0</v>
      </c>
      <c r="CU39" s="319">
        <v>0</v>
      </c>
      <c r="CV39" s="324">
        <v>0</v>
      </c>
      <c r="CW39" s="318">
        <v>0</v>
      </c>
      <c r="CX39" s="322">
        <v>0</v>
      </c>
      <c r="CY39" s="319">
        <v>0</v>
      </c>
      <c r="CZ39" s="321">
        <v>0</v>
      </c>
      <c r="DA39" s="322">
        <v>0</v>
      </c>
      <c r="DB39" s="322">
        <v>0</v>
      </c>
      <c r="DC39" s="322">
        <v>0</v>
      </c>
      <c r="DD39" s="322">
        <v>0</v>
      </c>
      <c r="DE39" s="322">
        <v>0</v>
      </c>
      <c r="DF39" s="319">
        <v>0</v>
      </c>
      <c r="DG39" s="324">
        <v>0</v>
      </c>
    </row>
    <row r="40" spans="1:111" ht="27" customHeight="1" x14ac:dyDescent="0.2">
      <c r="B40" s="290" t="s">
        <v>127</v>
      </c>
    </row>
  </sheetData>
  <mergeCells count="43">
    <mergeCell ref="AI4:AK4"/>
    <mergeCell ref="AI3:AS3"/>
    <mergeCell ref="AT3:BD3"/>
    <mergeCell ref="BE3:BO3"/>
    <mergeCell ref="BP3:BZ3"/>
    <mergeCell ref="AL4:AR4"/>
    <mergeCell ref="AS4:AS5"/>
    <mergeCell ref="AT4:AV4"/>
    <mergeCell ref="AW4:BC4"/>
    <mergeCell ref="BD4:BD5"/>
    <mergeCell ref="BE4:BG4"/>
    <mergeCell ref="BH4:BN4"/>
    <mergeCell ref="BO4:BO5"/>
    <mergeCell ref="BP4:BR4"/>
    <mergeCell ref="BS4:BY4"/>
    <mergeCell ref="BZ4:BZ5"/>
    <mergeCell ref="X3:AH3"/>
    <mergeCell ref="B4:D4"/>
    <mergeCell ref="E4:K4"/>
    <mergeCell ref="L4:L5"/>
    <mergeCell ref="M4:O4"/>
    <mergeCell ref="P4:V4"/>
    <mergeCell ref="W4:W5"/>
    <mergeCell ref="X4:Z4"/>
    <mergeCell ref="AA4:AG4"/>
    <mergeCell ref="AH4:AH5"/>
    <mergeCell ref="I1:J1"/>
    <mergeCell ref="L1:M1"/>
    <mergeCell ref="A3:A5"/>
    <mergeCell ref="B3:L3"/>
    <mergeCell ref="M3:W3"/>
    <mergeCell ref="CW3:DG3"/>
    <mergeCell ref="CW4:CY4"/>
    <mergeCell ref="CZ4:DF4"/>
    <mergeCell ref="DG4:DG5"/>
    <mergeCell ref="CA3:CK3"/>
    <mergeCell ref="CL3:CV3"/>
    <mergeCell ref="CA4:CC4"/>
    <mergeCell ref="CD4:CJ4"/>
    <mergeCell ref="CK4:CK5"/>
    <mergeCell ref="CL4:CN4"/>
    <mergeCell ref="CO4:CU4"/>
    <mergeCell ref="CV4:CV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3" max="39" man="1"/>
    <brk id="45" max="39" man="1"/>
    <brk id="67" max="1048575" man="1"/>
    <brk id="89"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H39"/>
  <sheetViews>
    <sheetView zoomScaleNormal="100" zoomScaleSheetLayoutView="75" workbookViewId="0">
      <pane xSplit="1" ySplit="5" topLeftCell="B6"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8.77734375" style="1" customWidth="1"/>
    <col min="2" max="4" width="7.77734375" style="3" customWidth="1"/>
    <col min="5" max="5" width="9.109375" style="3" customWidth="1"/>
    <col min="6" max="6" width="9.44140625" style="3" customWidth="1"/>
    <col min="7" max="25" width="7.77734375" style="3" customWidth="1"/>
    <col min="26" max="34" width="7.77734375" style="1" customWidth="1"/>
    <col min="35" max="16384" width="9" style="1"/>
  </cols>
  <sheetData>
    <row r="1" spans="1:34" ht="25.5" customHeight="1" x14ac:dyDescent="0.2">
      <c r="A1" s="20" t="s">
        <v>129</v>
      </c>
      <c r="E1" s="22"/>
      <c r="G1" s="545">
        <f>第１表!F2</f>
        <v>4</v>
      </c>
      <c r="H1" s="545"/>
      <c r="I1" s="283">
        <f>第１表!G2</f>
        <v>4</v>
      </c>
      <c r="J1" s="575">
        <f>IF(I1&lt;3,I1-2+12,I1-2)</f>
        <v>2</v>
      </c>
      <c r="K1" s="575"/>
    </row>
    <row r="2" spans="1:34" ht="17.25" customHeight="1" thickBot="1" x14ac:dyDescent="0.25">
      <c r="I2" s="5"/>
      <c r="J2" s="5"/>
      <c r="K2" s="5"/>
      <c r="L2" s="5"/>
      <c r="M2" s="5"/>
      <c r="N2" s="5"/>
      <c r="O2" s="30"/>
      <c r="P2" s="30"/>
      <c r="Q2" s="30"/>
    </row>
    <row r="3" spans="1:34" ht="19.5" customHeight="1" thickBot="1" x14ac:dyDescent="0.25">
      <c r="A3" s="26"/>
      <c r="B3" s="576" t="s">
        <v>53</v>
      </c>
      <c r="C3" s="577"/>
      <c r="D3" s="577"/>
      <c r="E3" s="577"/>
      <c r="F3" s="577"/>
      <c r="G3" s="577"/>
      <c r="H3" s="577"/>
      <c r="I3" s="577"/>
      <c r="J3" s="577"/>
      <c r="K3" s="577"/>
      <c r="L3" s="578"/>
      <c r="M3" s="576" t="s">
        <v>54</v>
      </c>
      <c r="N3" s="577"/>
      <c r="O3" s="577"/>
      <c r="P3" s="577"/>
      <c r="Q3" s="577"/>
      <c r="R3" s="577"/>
      <c r="S3" s="577"/>
      <c r="T3" s="577"/>
      <c r="U3" s="577"/>
      <c r="V3" s="577"/>
      <c r="W3" s="578"/>
      <c r="X3" s="576" t="s">
        <v>55</v>
      </c>
      <c r="Y3" s="577"/>
      <c r="Z3" s="577"/>
      <c r="AA3" s="577"/>
      <c r="AB3" s="577"/>
      <c r="AC3" s="577"/>
      <c r="AD3" s="577"/>
      <c r="AE3" s="577"/>
      <c r="AF3" s="577"/>
      <c r="AG3" s="577"/>
      <c r="AH3" s="578"/>
    </row>
    <row r="4" spans="1:34" ht="30.75" customHeight="1" thickBot="1" x14ac:dyDescent="0.25">
      <c r="A4" s="26" t="s">
        <v>42</v>
      </c>
      <c r="B4" s="27" t="s">
        <v>43</v>
      </c>
      <c r="C4" s="6" t="s">
        <v>44</v>
      </c>
      <c r="D4" s="28" t="s">
        <v>45</v>
      </c>
      <c r="E4" s="29" t="s">
        <v>46</v>
      </c>
      <c r="F4" s="6" t="s">
        <v>47</v>
      </c>
      <c r="G4" s="6" t="s">
        <v>48</v>
      </c>
      <c r="H4" s="6" t="s">
        <v>49</v>
      </c>
      <c r="I4" s="6" t="s">
        <v>50</v>
      </c>
      <c r="J4" s="6" t="s">
        <v>51</v>
      </c>
      <c r="K4" s="28" t="s">
        <v>45</v>
      </c>
      <c r="L4" s="13" t="s">
        <v>52</v>
      </c>
      <c r="M4" s="27" t="s">
        <v>43</v>
      </c>
      <c r="N4" s="6" t="s">
        <v>44</v>
      </c>
      <c r="O4" s="28" t="s">
        <v>45</v>
      </c>
      <c r="P4" s="29" t="s">
        <v>46</v>
      </c>
      <c r="Q4" s="6" t="s">
        <v>47</v>
      </c>
      <c r="R4" s="6" t="s">
        <v>48</v>
      </c>
      <c r="S4" s="6" t="s">
        <v>49</v>
      </c>
      <c r="T4" s="6" t="s">
        <v>50</v>
      </c>
      <c r="U4" s="6" t="s">
        <v>51</v>
      </c>
      <c r="V4" s="28" t="s">
        <v>45</v>
      </c>
      <c r="W4" s="13" t="s">
        <v>52</v>
      </c>
      <c r="X4" s="27" t="s">
        <v>43</v>
      </c>
      <c r="Y4" s="6" t="s">
        <v>44</v>
      </c>
      <c r="Z4" s="28" t="s">
        <v>45</v>
      </c>
      <c r="AA4" s="29" t="s">
        <v>46</v>
      </c>
      <c r="AB4" s="6" t="s">
        <v>47</v>
      </c>
      <c r="AC4" s="6" t="s">
        <v>48</v>
      </c>
      <c r="AD4" s="6" t="s">
        <v>49</v>
      </c>
      <c r="AE4" s="6" t="s">
        <v>50</v>
      </c>
      <c r="AF4" s="6" t="s">
        <v>51</v>
      </c>
      <c r="AG4" s="28" t="s">
        <v>45</v>
      </c>
      <c r="AH4" s="13" t="s">
        <v>52</v>
      </c>
    </row>
    <row r="5" spans="1:34" ht="21" customHeight="1" x14ac:dyDescent="0.2">
      <c r="A5" s="14" t="s">
        <v>4</v>
      </c>
      <c r="B5" s="91">
        <v>163</v>
      </c>
      <c r="C5" s="92">
        <v>281</v>
      </c>
      <c r="D5" s="93">
        <v>444</v>
      </c>
      <c r="E5" s="94">
        <v>0</v>
      </c>
      <c r="F5" s="92">
        <v>17881</v>
      </c>
      <c r="G5" s="92">
        <v>17814</v>
      </c>
      <c r="H5" s="92">
        <v>12073</v>
      </c>
      <c r="I5" s="92">
        <v>7658</v>
      </c>
      <c r="J5" s="92">
        <v>4789</v>
      </c>
      <c r="K5" s="93">
        <v>60215</v>
      </c>
      <c r="L5" s="95">
        <v>60659</v>
      </c>
      <c r="M5" s="96">
        <v>1</v>
      </c>
      <c r="N5" s="92">
        <v>3</v>
      </c>
      <c r="O5" s="93">
        <v>4</v>
      </c>
      <c r="P5" s="94">
        <v>0</v>
      </c>
      <c r="Q5" s="92">
        <v>213</v>
      </c>
      <c r="R5" s="92">
        <v>324</v>
      </c>
      <c r="S5" s="92">
        <v>237</v>
      </c>
      <c r="T5" s="92">
        <v>173</v>
      </c>
      <c r="U5" s="92">
        <v>167</v>
      </c>
      <c r="V5" s="93">
        <v>1114</v>
      </c>
      <c r="W5" s="95">
        <v>1118</v>
      </c>
      <c r="X5" s="96">
        <v>164</v>
      </c>
      <c r="Y5" s="92">
        <v>284</v>
      </c>
      <c r="Z5" s="93">
        <v>448</v>
      </c>
      <c r="AA5" s="94">
        <v>0</v>
      </c>
      <c r="AB5" s="92">
        <v>18094</v>
      </c>
      <c r="AC5" s="92">
        <v>18138</v>
      </c>
      <c r="AD5" s="92">
        <v>12310</v>
      </c>
      <c r="AE5" s="92">
        <v>7831</v>
      </c>
      <c r="AF5" s="92">
        <v>4956</v>
      </c>
      <c r="AG5" s="93">
        <v>61329</v>
      </c>
      <c r="AH5" s="95">
        <v>61777</v>
      </c>
    </row>
    <row r="6" spans="1:34" ht="21" customHeight="1" x14ac:dyDescent="0.2">
      <c r="A6" s="18" t="s">
        <v>5</v>
      </c>
      <c r="B6" s="97">
        <v>78</v>
      </c>
      <c r="C6" s="98">
        <v>125</v>
      </c>
      <c r="D6" s="99">
        <v>203</v>
      </c>
      <c r="E6" s="100">
        <v>0</v>
      </c>
      <c r="F6" s="98">
        <v>6316</v>
      </c>
      <c r="G6" s="98">
        <v>8227</v>
      </c>
      <c r="H6" s="98">
        <v>5300</v>
      </c>
      <c r="I6" s="98">
        <v>3371</v>
      </c>
      <c r="J6" s="98">
        <v>2213</v>
      </c>
      <c r="K6" s="99">
        <v>25427</v>
      </c>
      <c r="L6" s="101">
        <v>25630</v>
      </c>
      <c r="M6" s="102">
        <v>0</v>
      </c>
      <c r="N6" s="98">
        <v>0</v>
      </c>
      <c r="O6" s="99">
        <v>0</v>
      </c>
      <c r="P6" s="100">
        <v>0</v>
      </c>
      <c r="Q6" s="98">
        <v>71</v>
      </c>
      <c r="R6" s="98">
        <v>142</v>
      </c>
      <c r="S6" s="98">
        <v>121</v>
      </c>
      <c r="T6" s="98">
        <v>76</v>
      </c>
      <c r="U6" s="98">
        <v>80</v>
      </c>
      <c r="V6" s="99">
        <v>490</v>
      </c>
      <c r="W6" s="101">
        <v>490</v>
      </c>
      <c r="X6" s="102">
        <v>78</v>
      </c>
      <c r="Y6" s="98">
        <v>125</v>
      </c>
      <c r="Z6" s="99">
        <v>203</v>
      </c>
      <c r="AA6" s="100">
        <v>0</v>
      </c>
      <c r="AB6" s="98">
        <v>6387</v>
      </c>
      <c r="AC6" s="98">
        <v>8369</v>
      </c>
      <c r="AD6" s="98">
        <v>5421</v>
      </c>
      <c r="AE6" s="98">
        <v>3447</v>
      </c>
      <c r="AF6" s="98">
        <v>2293</v>
      </c>
      <c r="AG6" s="99">
        <v>25917</v>
      </c>
      <c r="AH6" s="101">
        <v>26120</v>
      </c>
    </row>
    <row r="7" spans="1:34" ht="21" customHeight="1" x14ac:dyDescent="0.2">
      <c r="A7" s="18" t="s">
        <v>6</v>
      </c>
      <c r="B7" s="97">
        <v>0</v>
      </c>
      <c r="C7" s="98">
        <v>0</v>
      </c>
      <c r="D7" s="99">
        <v>0</v>
      </c>
      <c r="E7" s="100">
        <v>0</v>
      </c>
      <c r="F7" s="98">
        <v>2948</v>
      </c>
      <c r="G7" s="98">
        <v>2395</v>
      </c>
      <c r="H7" s="98">
        <v>1899</v>
      </c>
      <c r="I7" s="98">
        <v>1377</v>
      </c>
      <c r="J7" s="98">
        <v>853</v>
      </c>
      <c r="K7" s="99">
        <v>9472</v>
      </c>
      <c r="L7" s="101">
        <v>9472</v>
      </c>
      <c r="M7" s="102">
        <v>0</v>
      </c>
      <c r="N7" s="98">
        <v>0</v>
      </c>
      <c r="O7" s="99">
        <v>0</v>
      </c>
      <c r="P7" s="100">
        <v>0</v>
      </c>
      <c r="Q7" s="98">
        <v>34</v>
      </c>
      <c r="R7" s="98">
        <v>41</v>
      </c>
      <c r="S7" s="98">
        <v>36</v>
      </c>
      <c r="T7" s="98">
        <v>28</v>
      </c>
      <c r="U7" s="98">
        <v>30</v>
      </c>
      <c r="V7" s="99">
        <v>169</v>
      </c>
      <c r="W7" s="101">
        <v>169</v>
      </c>
      <c r="X7" s="102">
        <v>0</v>
      </c>
      <c r="Y7" s="98">
        <v>0</v>
      </c>
      <c r="Z7" s="99">
        <v>0</v>
      </c>
      <c r="AA7" s="100">
        <v>0</v>
      </c>
      <c r="AB7" s="98">
        <v>2982</v>
      </c>
      <c r="AC7" s="98">
        <v>2436</v>
      </c>
      <c r="AD7" s="98">
        <v>1935</v>
      </c>
      <c r="AE7" s="98">
        <v>1405</v>
      </c>
      <c r="AF7" s="98">
        <v>883</v>
      </c>
      <c r="AG7" s="99">
        <v>9641</v>
      </c>
      <c r="AH7" s="101">
        <v>9641</v>
      </c>
    </row>
    <row r="8" spans="1:34" ht="21" customHeight="1" x14ac:dyDescent="0.2">
      <c r="A8" s="18" t="s">
        <v>14</v>
      </c>
      <c r="B8" s="97">
        <v>15</v>
      </c>
      <c r="C8" s="98">
        <v>31</v>
      </c>
      <c r="D8" s="99">
        <v>46</v>
      </c>
      <c r="E8" s="100">
        <v>0</v>
      </c>
      <c r="F8" s="98">
        <v>1464</v>
      </c>
      <c r="G8" s="98">
        <v>1466</v>
      </c>
      <c r="H8" s="98">
        <v>1002</v>
      </c>
      <c r="I8" s="98">
        <v>595</v>
      </c>
      <c r="J8" s="98">
        <v>314</v>
      </c>
      <c r="K8" s="99">
        <v>4841</v>
      </c>
      <c r="L8" s="101">
        <v>4887</v>
      </c>
      <c r="M8" s="102">
        <v>0</v>
      </c>
      <c r="N8" s="98">
        <v>0</v>
      </c>
      <c r="O8" s="99">
        <v>0</v>
      </c>
      <c r="P8" s="100">
        <v>0</v>
      </c>
      <c r="Q8" s="98">
        <v>11</v>
      </c>
      <c r="R8" s="98">
        <v>29</v>
      </c>
      <c r="S8" s="98">
        <v>13</v>
      </c>
      <c r="T8" s="98">
        <v>13</v>
      </c>
      <c r="U8" s="98">
        <v>11</v>
      </c>
      <c r="V8" s="99">
        <v>77</v>
      </c>
      <c r="W8" s="101">
        <v>77</v>
      </c>
      <c r="X8" s="102">
        <v>15</v>
      </c>
      <c r="Y8" s="98">
        <v>31</v>
      </c>
      <c r="Z8" s="99">
        <v>46</v>
      </c>
      <c r="AA8" s="100">
        <v>0</v>
      </c>
      <c r="AB8" s="98">
        <v>1475</v>
      </c>
      <c r="AC8" s="98">
        <v>1495</v>
      </c>
      <c r="AD8" s="98">
        <v>1015</v>
      </c>
      <c r="AE8" s="98">
        <v>608</v>
      </c>
      <c r="AF8" s="98">
        <v>325</v>
      </c>
      <c r="AG8" s="99">
        <v>4918</v>
      </c>
      <c r="AH8" s="101">
        <v>4964</v>
      </c>
    </row>
    <row r="9" spans="1:34" ht="21" customHeight="1" x14ac:dyDescent="0.2">
      <c r="A9" s="18" t="s">
        <v>7</v>
      </c>
      <c r="B9" s="97">
        <v>7</v>
      </c>
      <c r="C9" s="98">
        <v>14</v>
      </c>
      <c r="D9" s="99">
        <v>21</v>
      </c>
      <c r="E9" s="100">
        <v>0</v>
      </c>
      <c r="F9" s="98">
        <v>1213</v>
      </c>
      <c r="G9" s="98">
        <v>850</v>
      </c>
      <c r="H9" s="98">
        <v>594</v>
      </c>
      <c r="I9" s="98">
        <v>306</v>
      </c>
      <c r="J9" s="98">
        <v>165</v>
      </c>
      <c r="K9" s="99">
        <v>3128</v>
      </c>
      <c r="L9" s="101">
        <v>3149</v>
      </c>
      <c r="M9" s="102">
        <v>1</v>
      </c>
      <c r="N9" s="98">
        <v>0</v>
      </c>
      <c r="O9" s="99">
        <v>1</v>
      </c>
      <c r="P9" s="100">
        <v>0</v>
      </c>
      <c r="Q9" s="98">
        <v>10</v>
      </c>
      <c r="R9" s="98">
        <v>13</v>
      </c>
      <c r="S9" s="98">
        <v>7</v>
      </c>
      <c r="T9" s="98">
        <v>5</v>
      </c>
      <c r="U9" s="98">
        <v>10</v>
      </c>
      <c r="V9" s="99">
        <v>45</v>
      </c>
      <c r="W9" s="101">
        <v>46</v>
      </c>
      <c r="X9" s="102">
        <v>8</v>
      </c>
      <c r="Y9" s="98">
        <v>14</v>
      </c>
      <c r="Z9" s="99">
        <v>22</v>
      </c>
      <c r="AA9" s="100">
        <v>0</v>
      </c>
      <c r="AB9" s="98">
        <v>1223</v>
      </c>
      <c r="AC9" s="98">
        <v>863</v>
      </c>
      <c r="AD9" s="98">
        <v>601</v>
      </c>
      <c r="AE9" s="98">
        <v>311</v>
      </c>
      <c r="AF9" s="98">
        <v>175</v>
      </c>
      <c r="AG9" s="99">
        <v>3173</v>
      </c>
      <c r="AH9" s="101">
        <v>3195</v>
      </c>
    </row>
    <row r="10" spans="1:34" ht="21" customHeight="1" x14ac:dyDescent="0.2">
      <c r="A10" s="18" t="s">
        <v>8</v>
      </c>
      <c r="B10" s="97">
        <v>6</v>
      </c>
      <c r="C10" s="98">
        <v>9</v>
      </c>
      <c r="D10" s="99">
        <v>15</v>
      </c>
      <c r="E10" s="100">
        <v>0</v>
      </c>
      <c r="F10" s="98">
        <v>727</v>
      </c>
      <c r="G10" s="98">
        <v>649</v>
      </c>
      <c r="H10" s="98">
        <v>393</v>
      </c>
      <c r="I10" s="98">
        <v>217</v>
      </c>
      <c r="J10" s="98">
        <v>120</v>
      </c>
      <c r="K10" s="99">
        <v>2106</v>
      </c>
      <c r="L10" s="101">
        <v>2121</v>
      </c>
      <c r="M10" s="102">
        <v>0</v>
      </c>
      <c r="N10" s="98">
        <v>1</v>
      </c>
      <c r="O10" s="99">
        <v>1</v>
      </c>
      <c r="P10" s="100">
        <v>0</v>
      </c>
      <c r="Q10" s="98">
        <v>16</v>
      </c>
      <c r="R10" s="98">
        <v>19</v>
      </c>
      <c r="S10" s="98">
        <v>8</v>
      </c>
      <c r="T10" s="98">
        <v>3</v>
      </c>
      <c r="U10" s="98">
        <v>5</v>
      </c>
      <c r="V10" s="99">
        <v>51</v>
      </c>
      <c r="W10" s="101">
        <v>52</v>
      </c>
      <c r="X10" s="102">
        <v>6</v>
      </c>
      <c r="Y10" s="98">
        <v>10</v>
      </c>
      <c r="Z10" s="99">
        <v>16</v>
      </c>
      <c r="AA10" s="100">
        <v>0</v>
      </c>
      <c r="AB10" s="98">
        <v>743</v>
      </c>
      <c r="AC10" s="98">
        <v>668</v>
      </c>
      <c r="AD10" s="98">
        <v>401</v>
      </c>
      <c r="AE10" s="98">
        <v>220</v>
      </c>
      <c r="AF10" s="98">
        <v>125</v>
      </c>
      <c r="AG10" s="99">
        <v>2157</v>
      </c>
      <c r="AH10" s="101">
        <v>2173</v>
      </c>
    </row>
    <row r="11" spans="1:34" ht="21" customHeight="1" x14ac:dyDescent="0.2">
      <c r="A11" s="18" t="s">
        <v>9</v>
      </c>
      <c r="B11" s="97">
        <v>5</v>
      </c>
      <c r="C11" s="98">
        <v>7</v>
      </c>
      <c r="D11" s="99">
        <v>12</v>
      </c>
      <c r="E11" s="100">
        <v>0</v>
      </c>
      <c r="F11" s="98">
        <v>471</v>
      </c>
      <c r="G11" s="98">
        <v>373</v>
      </c>
      <c r="H11" s="98">
        <v>285</v>
      </c>
      <c r="I11" s="98">
        <v>164</v>
      </c>
      <c r="J11" s="98">
        <v>86</v>
      </c>
      <c r="K11" s="99">
        <v>1379</v>
      </c>
      <c r="L11" s="101">
        <v>1391</v>
      </c>
      <c r="M11" s="102">
        <v>0</v>
      </c>
      <c r="N11" s="98">
        <v>0</v>
      </c>
      <c r="O11" s="99">
        <v>0</v>
      </c>
      <c r="P11" s="100">
        <v>0</v>
      </c>
      <c r="Q11" s="98">
        <v>11</v>
      </c>
      <c r="R11" s="98">
        <v>8</v>
      </c>
      <c r="S11" s="98">
        <v>4</v>
      </c>
      <c r="T11" s="98">
        <v>7</v>
      </c>
      <c r="U11" s="98">
        <v>1</v>
      </c>
      <c r="V11" s="99">
        <v>31</v>
      </c>
      <c r="W11" s="101">
        <v>31</v>
      </c>
      <c r="X11" s="102">
        <v>5</v>
      </c>
      <c r="Y11" s="98">
        <v>7</v>
      </c>
      <c r="Z11" s="99">
        <v>12</v>
      </c>
      <c r="AA11" s="100">
        <v>0</v>
      </c>
      <c r="AB11" s="98">
        <v>482</v>
      </c>
      <c r="AC11" s="98">
        <v>381</v>
      </c>
      <c r="AD11" s="98">
        <v>289</v>
      </c>
      <c r="AE11" s="98">
        <v>171</v>
      </c>
      <c r="AF11" s="98">
        <v>87</v>
      </c>
      <c r="AG11" s="99">
        <v>1410</v>
      </c>
      <c r="AH11" s="101">
        <v>1422</v>
      </c>
    </row>
    <row r="12" spans="1:34" ht="21" customHeight="1" x14ac:dyDescent="0.2">
      <c r="A12" s="18" t="s">
        <v>10</v>
      </c>
      <c r="B12" s="97">
        <v>8</v>
      </c>
      <c r="C12" s="98">
        <v>26</v>
      </c>
      <c r="D12" s="99">
        <v>34</v>
      </c>
      <c r="E12" s="100">
        <v>0</v>
      </c>
      <c r="F12" s="98">
        <v>838</v>
      </c>
      <c r="G12" s="98">
        <v>559</v>
      </c>
      <c r="H12" s="98">
        <v>388</v>
      </c>
      <c r="I12" s="98">
        <v>284</v>
      </c>
      <c r="J12" s="98">
        <v>241</v>
      </c>
      <c r="K12" s="99">
        <v>2310</v>
      </c>
      <c r="L12" s="101">
        <v>2344</v>
      </c>
      <c r="M12" s="102">
        <v>0</v>
      </c>
      <c r="N12" s="98">
        <v>1</v>
      </c>
      <c r="O12" s="99">
        <v>1</v>
      </c>
      <c r="P12" s="100">
        <v>0</v>
      </c>
      <c r="Q12" s="98">
        <v>10</v>
      </c>
      <c r="R12" s="98">
        <v>8</v>
      </c>
      <c r="S12" s="98">
        <v>13</v>
      </c>
      <c r="T12" s="98">
        <v>7</v>
      </c>
      <c r="U12" s="98">
        <v>5</v>
      </c>
      <c r="V12" s="99">
        <v>43</v>
      </c>
      <c r="W12" s="101">
        <v>44</v>
      </c>
      <c r="X12" s="102">
        <v>8</v>
      </c>
      <c r="Y12" s="98">
        <v>27</v>
      </c>
      <c r="Z12" s="99">
        <v>35</v>
      </c>
      <c r="AA12" s="100">
        <v>0</v>
      </c>
      <c r="AB12" s="98">
        <v>848</v>
      </c>
      <c r="AC12" s="98">
        <v>567</v>
      </c>
      <c r="AD12" s="98">
        <v>401</v>
      </c>
      <c r="AE12" s="98">
        <v>291</v>
      </c>
      <c r="AF12" s="98">
        <v>246</v>
      </c>
      <c r="AG12" s="99">
        <v>2353</v>
      </c>
      <c r="AH12" s="101">
        <v>2388</v>
      </c>
    </row>
    <row r="13" spans="1:34" ht="21" customHeight="1" x14ac:dyDescent="0.2">
      <c r="A13" s="18" t="s">
        <v>11</v>
      </c>
      <c r="B13" s="97">
        <v>4</v>
      </c>
      <c r="C13" s="98">
        <v>9</v>
      </c>
      <c r="D13" s="99">
        <v>13</v>
      </c>
      <c r="E13" s="100">
        <v>0</v>
      </c>
      <c r="F13" s="98">
        <v>651</v>
      </c>
      <c r="G13" s="98">
        <v>411</v>
      </c>
      <c r="H13" s="98">
        <v>250</v>
      </c>
      <c r="I13" s="98">
        <v>160</v>
      </c>
      <c r="J13" s="98">
        <v>73</v>
      </c>
      <c r="K13" s="99">
        <v>1545</v>
      </c>
      <c r="L13" s="101">
        <v>1558</v>
      </c>
      <c r="M13" s="102">
        <v>0</v>
      </c>
      <c r="N13" s="98">
        <v>0</v>
      </c>
      <c r="O13" s="99">
        <v>0</v>
      </c>
      <c r="P13" s="100">
        <v>0</v>
      </c>
      <c r="Q13" s="98">
        <v>10</v>
      </c>
      <c r="R13" s="98">
        <v>8</v>
      </c>
      <c r="S13" s="98">
        <v>4</v>
      </c>
      <c r="T13" s="98">
        <v>3</v>
      </c>
      <c r="U13" s="98">
        <v>3</v>
      </c>
      <c r="V13" s="99">
        <v>28</v>
      </c>
      <c r="W13" s="101">
        <v>28</v>
      </c>
      <c r="X13" s="102">
        <v>4</v>
      </c>
      <c r="Y13" s="98">
        <v>9</v>
      </c>
      <c r="Z13" s="99">
        <v>13</v>
      </c>
      <c r="AA13" s="100">
        <v>0</v>
      </c>
      <c r="AB13" s="98">
        <v>661</v>
      </c>
      <c r="AC13" s="98">
        <v>419</v>
      </c>
      <c r="AD13" s="98">
        <v>254</v>
      </c>
      <c r="AE13" s="98">
        <v>163</v>
      </c>
      <c r="AF13" s="98">
        <v>76</v>
      </c>
      <c r="AG13" s="99">
        <v>1573</v>
      </c>
      <c r="AH13" s="101">
        <v>1586</v>
      </c>
    </row>
    <row r="14" spans="1:34" ht="21" customHeight="1" x14ac:dyDescent="0.2">
      <c r="A14" s="18" t="s">
        <v>12</v>
      </c>
      <c r="B14" s="97">
        <v>1</v>
      </c>
      <c r="C14" s="98">
        <v>0</v>
      </c>
      <c r="D14" s="99">
        <v>1</v>
      </c>
      <c r="E14" s="100">
        <v>0</v>
      </c>
      <c r="F14" s="98">
        <v>470</v>
      </c>
      <c r="G14" s="98">
        <v>304</v>
      </c>
      <c r="H14" s="98">
        <v>253</v>
      </c>
      <c r="I14" s="98">
        <v>182</v>
      </c>
      <c r="J14" s="98">
        <v>116</v>
      </c>
      <c r="K14" s="99">
        <v>1325</v>
      </c>
      <c r="L14" s="101">
        <v>1326</v>
      </c>
      <c r="M14" s="102">
        <v>0</v>
      </c>
      <c r="N14" s="98">
        <v>0</v>
      </c>
      <c r="O14" s="99">
        <v>0</v>
      </c>
      <c r="P14" s="100">
        <v>0</v>
      </c>
      <c r="Q14" s="98">
        <v>6</v>
      </c>
      <c r="R14" s="98">
        <v>7</v>
      </c>
      <c r="S14" s="98">
        <v>1</v>
      </c>
      <c r="T14" s="98">
        <v>1</v>
      </c>
      <c r="U14" s="98">
        <v>4</v>
      </c>
      <c r="V14" s="99">
        <v>19</v>
      </c>
      <c r="W14" s="101">
        <v>19</v>
      </c>
      <c r="X14" s="102">
        <v>1</v>
      </c>
      <c r="Y14" s="98">
        <v>0</v>
      </c>
      <c r="Z14" s="99">
        <v>1</v>
      </c>
      <c r="AA14" s="100">
        <v>0</v>
      </c>
      <c r="AB14" s="98">
        <v>476</v>
      </c>
      <c r="AC14" s="98">
        <v>311</v>
      </c>
      <c r="AD14" s="98">
        <v>254</v>
      </c>
      <c r="AE14" s="98">
        <v>183</v>
      </c>
      <c r="AF14" s="98">
        <v>120</v>
      </c>
      <c r="AG14" s="99">
        <v>1344</v>
      </c>
      <c r="AH14" s="101">
        <v>1345</v>
      </c>
    </row>
    <row r="15" spans="1:34" ht="21" customHeight="1" x14ac:dyDescent="0.2">
      <c r="A15" s="18" t="s">
        <v>13</v>
      </c>
      <c r="B15" s="97">
        <v>2</v>
      </c>
      <c r="C15" s="98">
        <v>3</v>
      </c>
      <c r="D15" s="99">
        <v>5</v>
      </c>
      <c r="E15" s="100">
        <v>0</v>
      </c>
      <c r="F15" s="98">
        <v>147</v>
      </c>
      <c r="G15" s="98">
        <v>145</v>
      </c>
      <c r="H15" s="98">
        <v>83</v>
      </c>
      <c r="I15" s="98">
        <v>58</v>
      </c>
      <c r="J15" s="98">
        <v>26</v>
      </c>
      <c r="K15" s="99">
        <v>459</v>
      </c>
      <c r="L15" s="101">
        <v>464</v>
      </c>
      <c r="M15" s="102">
        <v>0</v>
      </c>
      <c r="N15" s="98">
        <v>0</v>
      </c>
      <c r="O15" s="99">
        <v>0</v>
      </c>
      <c r="P15" s="100">
        <v>0</v>
      </c>
      <c r="Q15" s="98">
        <v>3</v>
      </c>
      <c r="R15" s="98">
        <v>3</v>
      </c>
      <c r="S15" s="98">
        <v>1</v>
      </c>
      <c r="T15" s="98">
        <v>2</v>
      </c>
      <c r="U15" s="98">
        <v>0</v>
      </c>
      <c r="V15" s="99">
        <v>9</v>
      </c>
      <c r="W15" s="101">
        <v>9</v>
      </c>
      <c r="X15" s="102">
        <v>2</v>
      </c>
      <c r="Y15" s="98">
        <v>3</v>
      </c>
      <c r="Z15" s="99">
        <v>5</v>
      </c>
      <c r="AA15" s="100">
        <v>0</v>
      </c>
      <c r="AB15" s="98">
        <v>150</v>
      </c>
      <c r="AC15" s="98">
        <v>148</v>
      </c>
      <c r="AD15" s="98">
        <v>84</v>
      </c>
      <c r="AE15" s="98">
        <v>60</v>
      </c>
      <c r="AF15" s="98">
        <v>26</v>
      </c>
      <c r="AG15" s="99">
        <v>468</v>
      </c>
      <c r="AH15" s="101">
        <v>473</v>
      </c>
    </row>
    <row r="16" spans="1:34" ht="21" customHeight="1" x14ac:dyDescent="0.2">
      <c r="A16" s="18" t="s">
        <v>15</v>
      </c>
      <c r="B16" s="97">
        <v>5</v>
      </c>
      <c r="C16" s="98">
        <v>12</v>
      </c>
      <c r="D16" s="99">
        <v>17</v>
      </c>
      <c r="E16" s="100">
        <v>0</v>
      </c>
      <c r="F16" s="98">
        <v>217</v>
      </c>
      <c r="G16" s="98">
        <v>215</v>
      </c>
      <c r="H16" s="98">
        <v>137</v>
      </c>
      <c r="I16" s="98">
        <v>92</v>
      </c>
      <c r="J16" s="98">
        <v>40</v>
      </c>
      <c r="K16" s="99">
        <v>701</v>
      </c>
      <c r="L16" s="101">
        <v>718</v>
      </c>
      <c r="M16" s="102">
        <v>0</v>
      </c>
      <c r="N16" s="98">
        <v>1</v>
      </c>
      <c r="O16" s="99">
        <v>1</v>
      </c>
      <c r="P16" s="100">
        <v>0</v>
      </c>
      <c r="Q16" s="98">
        <v>3</v>
      </c>
      <c r="R16" s="98">
        <v>6</v>
      </c>
      <c r="S16" s="98">
        <v>1</v>
      </c>
      <c r="T16" s="98">
        <v>1</v>
      </c>
      <c r="U16" s="98">
        <v>1</v>
      </c>
      <c r="V16" s="99">
        <v>12</v>
      </c>
      <c r="W16" s="101">
        <v>13</v>
      </c>
      <c r="X16" s="102">
        <v>5</v>
      </c>
      <c r="Y16" s="98">
        <v>13</v>
      </c>
      <c r="Z16" s="99">
        <v>18</v>
      </c>
      <c r="AA16" s="100">
        <v>0</v>
      </c>
      <c r="AB16" s="98">
        <v>220</v>
      </c>
      <c r="AC16" s="98">
        <v>221</v>
      </c>
      <c r="AD16" s="98">
        <v>138</v>
      </c>
      <c r="AE16" s="98">
        <v>93</v>
      </c>
      <c r="AF16" s="98">
        <v>41</v>
      </c>
      <c r="AG16" s="99">
        <v>713</v>
      </c>
      <c r="AH16" s="101">
        <v>731</v>
      </c>
    </row>
    <row r="17" spans="1:34" ht="21" customHeight="1" x14ac:dyDescent="0.2">
      <c r="A17" s="18" t="s">
        <v>16</v>
      </c>
      <c r="B17" s="97">
        <v>2</v>
      </c>
      <c r="C17" s="98">
        <v>1</v>
      </c>
      <c r="D17" s="99">
        <v>3</v>
      </c>
      <c r="E17" s="100">
        <v>0</v>
      </c>
      <c r="F17" s="98">
        <v>206</v>
      </c>
      <c r="G17" s="98">
        <v>280</v>
      </c>
      <c r="H17" s="98">
        <v>197</v>
      </c>
      <c r="I17" s="98">
        <v>111</v>
      </c>
      <c r="J17" s="98">
        <v>77</v>
      </c>
      <c r="K17" s="99">
        <v>871</v>
      </c>
      <c r="L17" s="101">
        <v>874</v>
      </c>
      <c r="M17" s="102">
        <v>0</v>
      </c>
      <c r="N17" s="98">
        <v>0</v>
      </c>
      <c r="O17" s="99">
        <v>0</v>
      </c>
      <c r="P17" s="100">
        <v>0</v>
      </c>
      <c r="Q17" s="98">
        <v>2</v>
      </c>
      <c r="R17" s="98">
        <v>3</v>
      </c>
      <c r="S17" s="98">
        <v>4</v>
      </c>
      <c r="T17" s="98">
        <v>1</v>
      </c>
      <c r="U17" s="98">
        <v>3</v>
      </c>
      <c r="V17" s="99">
        <v>13</v>
      </c>
      <c r="W17" s="101">
        <v>13</v>
      </c>
      <c r="X17" s="102">
        <v>2</v>
      </c>
      <c r="Y17" s="98">
        <v>1</v>
      </c>
      <c r="Z17" s="99">
        <v>3</v>
      </c>
      <c r="AA17" s="100">
        <v>0</v>
      </c>
      <c r="AB17" s="98">
        <v>208</v>
      </c>
      <c r="AC17" s="98">
        <v>283</v>
      </c>
      <c r="AD17" s="98">
        <v>201</v>
      </c>
      <c r="AE17" s="98">
        <v>112</v>
      </c>
      <c r="AF17" s="98">
        <v>80</v>
      </c>
      <c r="AG17" s="99">
        <v>884</v>
      </c>
      <c r="AH17" s="101">
        <v>887</v>
      </c>
    </row>
    <row r="18" spans="1:34" ht="21" customHeight="1" x14ac:dyDescent="0.2">
      <c r="A18" s="18" t="s">
        <v>17</v>
      </c>
      <c r="B18" s="97">
        <v>1</v>
      </c>
      <c r="C18" s="98">
        <v>2</v>
      </c>
      <c r="D18" s="99">
        <v>3</v>
      </c>
      <c r="E18" s="100">
        <v>0</v>
      </c>
      <c r="F18" s="98">
        <v>315</v>
      </c>
      <c r="G18" s="98">
        <v>368</v>
      </c>
      <c r="H18" s="98">
        <v>252</v>
      </c>
      <c r="I18" s="98">
        <v>161</v>
      </c>
      <c r="J18" s="98">
        <v>136</v>
      </c>
      <c r="K18" s="99">
        <v>1232</v>
      </c>
      <c r="L18" s="101">
        <v>1235</v>
      </c>
      <c r="M18" s="102">
        <v>0</v>
      </c>
      <c r="N18" s="98">
        <v>0</v>
      </c>
      <c r="O18" s="99">
        <v>0</v>
      </c>
      <c r="P18" s="100">
        <v>0</v>
      </c>
      <c r="Q18" s="98">
        <v>2</v>
      </c>
      <c r="R18" s="98">
        <v>15</v>
      </c>
      <c r="S18" s="98">
        <v>11</v>
      </c>
      <c r="T18" s="98">
        <v>11</v>
      </c>
      <c r="U18" s="98">
        <v>4</v>
      </c>
      <c r="V18" s="99">
        <v>43</v>
      </c>
      <c r="W18" s="101">
        <v>43</v>
      </c>
      <c r="X18" s="102">
        <v>1</v>
      </c>
      <c r="Y18" s="98">
        <v>2</v>
      </c>
      <c r="Z18" s="99">
        <v>3</v>
      </c>
      <c r="AA18" s="100">
        <v>0</v>
      </c>
      <c r="AB18" s="98">
        <v>317</v>
      </c>
      <c r="AC18" s="98">
        <v>383</v>
      </c>
      <c r="AD18" s="98">
        <v>263</v>
      </c>
      <c r="AE18" s="98">
        <v>172</v>
      </c>
      <c r="AF18" s="98">
        <v>140</v>
      </c>
      <c r="AG18" s="99">
        <v>1275</v>
      </c>
      <c r="AH18" s="101">
        <v>1278</v>
      </c>
    </row>
    <row r="19" spans="1:34" ht="21" customHeight="1" x14ac:dyDescent="0.2">
      <c r="A19" s="18" t="s">
        <v>18</v>
      </c>
      <c r="B19" s="97">
        <v>9</v>
      </c>
      <c r="C19" s="98">
        <v>11</v>
      </c>
      <c r="D19" s="99">
        <v>20</v>
      </c>
      <c r="E19" s="100">
        <v>0</v>
      </c>
      <c r="F19" s="98">
        <v>391</v>
      </c>
      <c r="G19" s="98">
        <v>404</v>
      </c>
      <c r="H19" s="98">
        <v>241</v>
      </c>
      <c r="I19" s="98">
        <v>128</v>
      </c>
      <c r="J19" s="98">
        <v>74</v>
      </c>
      <c r="K19" s="99">
        <v>1238</v>
      </c>
      <c r="L19" s="101">
        <v>1258</v>
      </c>
      <c r="M19" s="102">
        <v>0</v>
      </c>
      <c r="N19" s="98">
        <v>0</v>
      </c>
      <c r="O19" s="99">
        <v>0</v>
      </c>
      <c r="P19" s="100">
        <v>0</v>
      </c>
      <c r="Q19" s="98">
        <v>9</v>
      </c>
      <c r="R19" s="98">
        <v>8</v>
      </c>
      <c r="S19" s="98">
        <v>4</v>
      </c>
      <c r="T19" s="98">
        <v>7</v>
      </c>
      <c r="U19" s="98">
        <v>4</v>
      </c>
      <c r="V19" s="99">
        <v>32</v>
      </c>
      <c r="W19" s="101">
        <v>32</v>
      </c>
      <c r="X19" s="102">
        <v>9</v>
      </c>
      <c r="Y19" s="98">
        <v>11</v>
      </c>
      <c r="Z19" s="99">
        <v>20</v>
      </c>
      <c r="AA19" s="100">
        <v>0</v>
      </c>
      <c r="AB19" s="98">
        <v>400</v>
      </c>
      <c r="AC19" s="98">
        <v>412</v>
      </c>
      <c r="AD19" s="98">
        <v>245</v>
      </c>
      <c r="AE19" s="98">
        <v>135</v>
      </c>
      <c r="AF19" s="98">
        <v>78</v>
      </c>
      <c r="AG19" s="99">
        <v>1270</v>
      </c>
      <c r="AH19" s="101">
        <v>1290</v>
      </c>
    </row>
    <row r="20" spans="1:34" ht="21" customHeight="1" x14ac:dyDescent="0.2">
      <c r="A20" s="18" t="s">
        <v>19</v>
      </c>
      <c r="B20" s="97">
        <v>0</v>
      </c>
      <c r="C20" s="98">
        <v>6</v>
      </c>
      <c r="D20" s="99">
        <v>6</v>
      </c>
      <c r="E20" s="100">
        <v>0</v>
      </c>
      <c r="F20" s="98">
        <v>197</v>
      </c>
      <c r="G20" s="98">
        <v>187</v>
      </c>
      <c r="H20" s="98">
        <v>134</v>
      </c>
      <c r="I20" s="98">
        <v>62</v>
      </c>
      <c r="J20" s="98">
        <v>56</v>
      </c>
      <c r="K20" s="99">
        <v>636</v>
      </c>
      <c r="L20" s="101">
        <v>642</v>
      </c>
      <c r="M20" s="102">
        <v>0</v>
      </c>
      <c r="N20" s="98">
        <v>0</v>
      </c>
      <c r="O20" s="99">
        <v>0</v>
      </c>
      <c r="P20" s="100">
        <v>0</v>
      </c>
      <c r="Q20" s="98">
        <v>1</v>
      </c>
      <c r="R20" s="98">
        <v>2</v>
      </c>
      <c r="S20" s="98">
        <v>0</v>
      </c>
      <c r="T20" s="98">
        <v>1</v>
      </c>
      <c r="U20" s="98">
        <v>1</v>
      </c>
      <c r="V20" s="99">
        <v>5</v>
      </c>
      <c r="W20" s="101">
        <v>5</v>
      </c>
      <c r="X20" s="102">
        <v>0</v>
      </c>
      <c r="Y20" s="98">
        <v>6</v>
      </c>
      <c r="Z20" s="99">
        <v>6</v>
      </c>
      <c r="AA20" s="100">
        <v>0</v>
      </c>
      <c r="AB20" s="98">
        <v>198</v>
      </c>
      <c r="AC20" s="98">
        <v>189</v>
      </c>
      <c r="AD20" s="98">
        <v>134</v>
      </c>
      <c r="AE20" s="98">
        <v>63</v>
      </c>
      <c r="AF20" s="98">
        <v>57</v>
      </c>
      <c r="AG20" s="99">
        <v>641</v>
      </c>
      <c r="AH20" s="101">
        <v>647</v>
      </c>
    </row>
    <row r="21" spans="1:34" ht="21" customHeight="1" x14ac:dyDescent="0.2">
      <c r="A21" s="18" t="s">
        <v>20</v>
      </c>
      <c r="B21" s="97">
        <v>1</v>
      </c>
      <c r="C21" s="98">
        <v>1</v>
      </c>
      <c r="D21" s="99">
        <v>2</v>
      </c>
      <c r="E21" s="100">
        <v>0</v>
      </c>
      <c r="F21" s="98">
        <v>204</v>
      </c>
      <c r="G21" s="98">
        <v>113</v>
      </c>
      <c r="H21" s="98">
        <v>87</v>
      </c>
      <c r="I21" s="98">
        <v>53</v>
      </c>
      <c r="J21" s="98">
        <v>15</v>
      </c>
      <c r="K21" s="99">
        <v>472</v>
      </c>
      <c r="L21" s="101">
        <v>474</v>
      </c>
      <c r="M21" s="102">
        <v>0</v>
      </c>
      <c r="N21" s="98">
        <v>0</v>
      </c>
      <c r="O21" s="99">
        <v>0</v>
      </c>
      <c r="P21" s="100">
        <v>0</v>
      </c>
      <c r="Q21" s="98">
        <v>5</v>
      </c>
      <c r="R21" s="98">
        <v>1</v>
      </c>
      <c r="S21" s="98">
        <v>1</v>
      </c>
      <c r="T21" s="98">
        <v>0</v>
      </c>
      <c r="U21" s="98">
        <v>0</v>
      </c>
      <c r="V21" s="99">
        <v>7</v>
      </c>
      <c r="W21" s="101">
        <v>7</v>
      </c>
      <c r="X21" s="102">
        <v>1</v>
      </c>
      <c r="Y21" s="98">
        <v>1</v>
      </c>
      <c r="Z21" s="99">
        <v>2</v>
      </c>
      <c r="AA21" s="100">
        <v>0</v>
      </c>
      <c r="AB21" s="98">
        <v>209</v>
      </c>
      <c r="AC21" s="98">
        <v>114</v>
      </c>
      <c r="AD21" s="98">
        <v>88</v>
      </c>
      <c r="AE21" s="98">
        <v>53</v>
      </c>
      <c r="AF21" s="98">
        <v>15</v>
      </c>
      <c r="AG21" s="99">
        <v>479</v>
      </c>
      <c r="AH21" s="101">
        <v>481</v>
      </c>
    </row>
    <row r="22" spans="1:34" ht="21" customHeight="1" x14ac:dyDescent="0.2">
      <c r="A22" s="18" t="s">
        <v>21</v>
      </c>
      <c r="B22" s="97">
        <v>1</v>
      </c>
      <c r="C22" s="98">
        <v>1</v>
      </c>
      <c r="D22" s="99">
        <v>2</v>
      </c>
      <c r="E22" s="100">
        <v>0</v>
      </c>
      <c r="F22" s="98">
        <v>217</v>
      </c>
      <c r="G22" s="98">
        <v>227</v>
      </c>
      <c r="H22" s="98">
        <v>120</v>
      </c>
      <c r="I22" s="98">
        <v>53</v>
      </c>
      <c r="J22" s="98">
        <v>38</v>
      </c>
      <c r="K22" s="99">
        <v>655</v>
      </c>
      <c r="L22" s="101">
        <v>657</v>
      </c>
      <c r="M22" s="102">
        <v>0</v>
      </c>
      <c r="N22" s="98">
        <v>0</v>
      </c>
      <c r="O22" s="99">
        <v>0</v>
      </c>
      <c r="P22" s="100">
        <v>0</v>
      </c>
      <c r="Q22" s="98">
        <v>0</v>
      </c>
      <c r="R22" s="98">
        <v>7</v>
      </c>
      <c r="S22" s="98">
        <v>2</v>
      </c>
      <c r="T22" s="98">
        <v>2</v>
      </c>
      <c r="U22" s="98">
        <v>2</v>
      </c>
      <c r="V22" s="99">
        <v>13</v>
      </c>
      <c r="W22" s="101">
        <v>13</v>
      </c>
      <c r="X22" s="102">
        <v>1</v>
      </c>
      <c r="Y22" s="98">
        <v>1</v>
      </c>
      <c r="Z22" s="99">
        <v>2</v>
      </c>
      <c r="AA22" s="100">
        <v>0</v>
      </c>
      <c r="AB22" s="98">
        <v>217</v>
      </c>
      <c r="AC22" s="98">
        <v>234</v>
      </c>
      <c r="AD22" s="98">
        <v>122</v>
      </c>
      <c r="AE22" s="98">
        <v>55</v>
      </c>
      <c r="AF22" s="98">
        <v>40</v>
      </c>
      <c r="AG22" s="99">
        <v>668</v>
      </c>
      <c r="AH22" s="101">
        <v>670</v>
      </c>
    </row>
    <row r="23" spans="1:34" ht="21" customHeight="1" x14ac:dyDescent="0.2">
      <c r="A23" s="18" t="s">
        <v>22</v>
      </c>
      <c r="B23" s="97">
        <v>2</v>
      </c>
      <c r="C23" s="98">
        <v>3</v>
      </c>
      <c r="D23" s="99">
        <v>5</v>
      </c>
      <c r="E23" s="100">
        <v>0</v>
      </c>
      <c r="F23" s="98">
        <v>168</v>
      </c>
      <c r="G23" s="98">
        <v>127</v>
      </c>
      <c r="H23" s="98">
        <v>65</v>
      </c>
      <c r="I23" s="98">
        <v>57</v>
      </c>
      <c r="J23" s="98">
        <v>23</v>
      </c>
      <c r="K23" s="99">
        <v>440</v>
      </c>
      <c r="L23" s="101">
        <v>445</v>
      </c>
      <c r="M23" s="102">
        <v>0</v>
      </c>
      <c r="N23" s="98">
        <v>0</v>
      </c>
      <c r="O23" s="99">
        <v>0</v>
      </c>
      <c r="P23" s="100">
        <v>0</v>
      </c>
      <c r="Q23" s="98">
        <v>4</v>
      </c>
      <c r="R23" s="98">
        <v>0</v>
      </c>
      <c r="S23" s="98">
        <v>2</v>
      </c>
      <c r="T23" s="98">
        <v>2</v>
      </c>
      <c r="U23" s="98">
        <v>1</v>
      </c>
      <c r="V23" s="99">
        <v>9</v>
      </c>
      <c r="W23" s="101">
        <v>9</v>
      </c>
      <c r="X23" s="102">
        <v>2</v>
      </c>
      <c r="Y23" s="98">
        <v>3</v>
      </c>
      <c r="Z23" s="99">
        <v>5</v>
      </c>
      <c r="AA23" s="100">
        <v>0</v>
      </c>
      <c r="AB23" s="98">
        <v>172</v>
      </c>
      <c r="AC23" s="98">
        <v>127</v>
      </c>
      <c r="AD23" s="98">
        <v>67</v>
      </c>
      <c r="AE23" s="98">
        <v>59</v>
      </c>
      <c r="AF23" s="98">
        <v>24</v>
      </c>
      <c r="AG23" s="99">
        <v>449</v>
      </c>
      <c r="AH23" s="101">
        <v>454</v>
      </c>
    </row>
    <row r="24" spans="1:34" ht="21" customHeight="1" x14ac:dyDescent="0.2">
      <c r="A24" s="18" t="s">
        <v>23</v>
      </c>
      <c r="B24" s="97">
        <v>0</v>
      </c>
      <c r="C24" s="98">
        <v>1</v>
      </c>
      <c r="D24" s="99">
        <v>1</v>
      </c>
      <c r="E24" s="100">
        <v>0</v>
      </c>
      <c r="F24" s="98">
        <v>85</v>
      </c>
      <c r="G24" s="98">
        <v>60</v>
      </c>
      <c r="H24" s="98">
        <v>37</v>
      </c>
      <c r="I24" s="98">
        <v>30</v>
      </c>
      <c r="J24" s="98">
        <v>14</v>
      </c>
      <c r="K24" s="99">
        <v>226</v>
      </c>
      <c r="L24" s="101">
        <v>227</v>
      </c>
      <c r="M24" s="102">
        <v>0</v>
      </c>
      <c r="N24" s="98">
        <v>0</v>
      </c>
      <c r="O24" s="99">
        <v>0</v>
      </c>
      <c r="P24" s="100">
        <v>0</v>
      </c>
      <c r="Q24" s="98">
        <v>0</v>
      </c>
      <c r="R24" s="98">
        <v>1</v>
      </c>
      <c r="S24" s="98">
        <v>0</v>
      </c>
      <c r="T24" s="98">
        <v>0</v>
      </c>
      <c r="U24" s="98">
        <v>0</v>
      </c>
      <c r="V24" s="99">
        <v>1</v>
      </c>
      <c r="W24" s="101">
        <v>1</v>
      </c>
      <c r="X24" s="102">
        <v>0</v>
      </c>
      <c r="Y24" s="98">
        <v>1</v>
      </c>
      <c r="Z24" s="99">
        <v>1</v>
      </c>
      <c r="AA24" s="100">
        <v>0</v>
      </c>
      <c r="AB24" s="98">
        <v>85</v>
      </c>
      <c r="AC24" s="98">
        <v>61</v>
      </c>
      <c r="AD24" s="98">
        <v>37</v>
      </c>
      <c r="AE24" s="98">
        <v>30</v>
      </c>
      <c r="AF24" s="98">
        <v>14</v>
      </c>
      <c r="AG24" s="99">
        <v>227</v>
      </c>
      <c r="AH24" s="101">
        <v>228</v>
      </c>
    </row>
    <row r="25" spans="1:34" ht="21" customHeight="1" x14ac:dyDescent="0.2">
      <c r="A25" s="18" t="s">
        <v>24</v>
      </c>
      <c r="B25" s="97">
        <v>7</v>
      </c>
      <c r="C25" s="98">
        <v>5</v>
      </c>
      <c r="D25" s="99">
        <v>12</v>
      </c>
      <c r="E25" s="100">
        <v>0</v>
      </c>
      <c r="F25" s="98">
        <v>78</v>
      </c>
      <c r="G25" s="98">
        <v>40</v>
      </c>
      <c r="H25" s="98">
        <v>39</v>
      </c>
      <c r="I25" s="98">
        <v>17</v>
      </c>
      <c r="J25" s="98">
        <v>13</v>
      </c>
      <c r="K25" s="99">
        <v>187</v>
      </c>
      <c r="L25" s="101">
        <v>199</v>
      </c>
      <c r="M25" s="102">
        <v>0</v>
      </c>
      <c r="N25" s="98">
        <v>0</v>
      </c>
      <c r="O25" s="99">
        <v>0</v>
      </c>
      <c r="P25" s="100">
        <v>0</v>
      </c>
      <c r="Q25" s="98">
        <v>0</v>
      </c>
      <c r="R25" s="98">
        <v>0</v>
      </c>
      <c r="S25" s="98">
        <v>0</v>
      </c>
      <c r="T25" s="98">
        <v>0</v>
      </c>
      <c r="U25" s="98">
        <v>0</v>
      </c>
      <c r="V25" s="99">
        <v>0</v>
      </c>
      <c r="W25" s="101">
        <v>0</v>
      </c>
      <c r="X25" s="102">
        <v>7</v>
      </c>
      <c r="Y25" s="98">
        <v>5</v>
      </c>
      <c r="Z25" s="99">
        <v>12</v>
      </c>
      <c r="AA25" s="100">
        <v>0</v>
      </c>
      <c r="AB25" s="98">
        <v>78</v>
      </c>
      <c r="AC25" s="98">
        <v>40</v>
      </c>
      <c r="AD25" s="98">
        <v>39</v>
      </c>
      <c r="AE25" s="98">
        <v>17</v>
      </c>
      <c r="AF25" s="98">
        <v>13</v>
      </c>
      <c r="AG25" s="99">
        <v>187</v>
      </c>
      <c r="AH25" s="101">
        <v>199</v>
      </c>
    </row>
    <row r="26" spans="1:34" ht="21" customHeight="1" x14ac:dyDescent="0.2">
      <c r="A26" s="18" t="s">
        <v>25</v>
      </c>
      <c r="B26" s="97">
        <v>0</v>
      </c>
      <c r="C26" s="98">
        <v>0</v>
      </c>
      <c r="D26" s="99">
        <v>0</v>
      </c>
      <c r="E26" s="100">
        <v>0</v>
      </c>
      <c r="F26" s="98">
        <v>92</v>
      </c>
      <c r="G26" s="98">
        <v>38</v>
      </c>
      <c r="H26" s="98">
        <v>23</v>
      </c>
      <c r="I26" s="98">
        <v>15</v>
      </c>
      <c r="J26" s="98">
        <v>5</v>
      </c>
      <c r="K26" s="99">
        <v>173</v>
      </c>
      <c r="L26" s="101">
        <v>173</v>
      </c>
      <c r="M26" s="102">
        <v>0</v>
      </c>
      <c r="N26" s="98">
        <v>0</v>
      </c>
      <c r="O26" s="99">
        <v>0</v>
      </c>
      <c r="P26" s="100">
        <v>0</v>
      </c>
      <c r="Q26" s="98">
        <v>1</v>
      </c>
      <c r="R26" s="98">
        <v>0</v>
      </c>
      <c r="S26" s="98">
        <v>1</v>
      </c>
      <c r="T26" s="98">
        <v>0</v>
      </c>
      <c r="U26" s="98">
        <v>0</v>
      </c>
      <c r="V26" s="99">
        <v>2</v>
      </c>
      <c r="W26" s="101">
        <v>2</v>
      </c>
      <c r="X26" s="102">
        <v>0</v>
      </c>
      <c r="Y26" s="98">
        <v>0</v>
      </c>
      <c r="Z26" s="99">
        <v>0</v>
      </c>
      <c r="AA26" s="100">
        <v>0</v>
      </c>
      <c r="AB26" s="98">
        <v>93</v>
      </c>
      <c r="AC26" s="98">
        <v>38</v>
      </c>
      <c r="AD26" s="98">
        <v>24</v>
      </c>
      <c r="AE26" s="98">
        <v>15</v>
      </c>
      <c r="AF26" s="98">
        <v>5</v>
      </c>
      <c r="AG26" s="99">
        <v>175</v>
      </c>
      <c r="AH26" s="101">
        <v>175</v>
      </c>
    </row>
    <row r="27" spans="1:34" ht="21" customHeight="1" x14ac:dyDescent="0.2">
      <c r="A27" s="18" t="s">
        <v>26</v>
      </c>
      <c r="B27" s="97">
        <v>2</v>
      </c>
      <c r="C27" s="98">
        <v>0</v>
      </c>
      <c r="D27" s="99">
        <v>2</v>
      </c>
      <c r="E27" s="100">
        <v>0</v>
      </c>
      <c r="F27" s="98">
        <v>61</v>
      </c>
      <c r="G27" s="98">
        <v>61</v>
      </c>
      <c r="H27" s="98">
        <v>39</v>
      </c>
      <c r="I27" s="98">
        <v>27</v>
      </c>
      <c r="J27" s="98">
        <v>21</v>
      </c>
      <c r="K27" s="99">
        <v>209</v>
      </c>
      <c r="L27" s="101">
        <v>211</v>
      </c>
      <c r="M27" s="102">
        <v>0</v>
      </c>
      <c r="N27" s="98">
        <v>0</v>
      </c>
      <c r="O27" s="99">
        <v>0</v>
      </c>
      <c r="P27" s="100">
        <v>0</v>
      </c>
      <c r="Q27" s="98">
        <v>0</v>
      </c>
      <c r="R27" s="98">
        <v>0</v>
      </c>
      <c r="S27" s="98">
        <v>0</v>
      </c>
      <c r="T27" s="98">
        <v>0</v>
      </c>
      <c r="U27" s="98">
        <v>0</v>
      </c>
      <c r="V27" s="99">
        <v>0</v>
      </c>
      <c r="W27" s="101">
        <v>0</v>
      </c>
      <c r="X27" s="102">
        <v>2</v>
      </c>
      <c r="Y27" s="98">
        <v>0</v>
      </c>
      <c r="Z27" s="99">
        <v>2</v>
      </c>
      <c r="AA27" s="100">
        <v>0</v>
      </c>
      <c r="AB27" s="98">
        <v>61</v>
      </c>
      <c r="AC27" s="98">
        <v>61</v>
      </c>
      <c r="AD27" s="98">
        <v>39</v>
      </c>
      <c r="AE27" s="98">
        <v>27</v>
      </c>
      <c r="AF27" s="98">
        <v>21</v>
      </c>
      <c r="AG27" s="99">
        <v>209</v>
      </c>
      <c r="AH27" s="101">
        <v>211</v>
      </c>
    </row>
    <row r="28" spans="1:34" ht="21" customHeight="1" x14ac:dyDescent="0.2">
      <c r="A28" s="18" t="s">
        <v>27</v>
      </c>
      <c r="B28" s="97">
        <v>0</v>
      </c>
      <c r="C28" s="98">
        <v>0</v>
      </c>
      <c r="D28" s="99">
        <v>0</v>
      </c>
      <c r="E28" s="100">
        <v>0</v>
      </c>
      <c r="F28" s="98">
        <v>49</v>
      </c>
      <c r="G28" s="98">
        <v>27</v>
      </c>
      <c r="H28" s="98">
        <v>31</v>
      </c>
      <c r="I28" s="98">
        <v>10</v>
      </c>
      <c r="J28" s="98">
        <v>8</v>
      </c>
      <c r="K28" s="99">
        <v>125</v>
      </c>
      <c r="L28" s="101">
        <v>125</v>
      </c>
      <c r="M28" s="102">
        <v>0</v>
      </c>
      <c r="N28" s="98">
        <v>0</v>
      </c>
      <c r="O28" s="99">
        <v>0</v>
      </c>
      <c r="P28" s="100">
        <v>0</v>
      </c>
      <c r="Q28" s="98">
        <v>1</v>
      </c>
      <c r="R28" s="98">
        <v>0</v>
      </c>
      <c r="S28" s="98">
        <v>1</v>
      </c>
      <c r="T28" s="98">
        <v>0</v>
      </c>
      <c r="U28" s="98">
        <v>0</v>
      </c>
      <c r="V28" s="99">
        <v>2</v>
      </c>
      <c r="W28" s="101">
        <v>2</v>
      </c>
      <c r="X28" s="102">
        <v>0</v>
      </c>
      <c r="Y28" s="98">
        <v>0</v>
      </c>
      <c r="Z28" s="99">
        <v>0</v>
      </c>
      <c r="AA28" s="100">
        <v>0</v>
      </c>
      <c r="AB28" s="98">
        <v>50</v>
      </c>
      <c r="AC28" s="98">
        <v>27</v>
      </c>
      <c r="AD28" s="98">
        <v>32</v>
      </c>
      <c r="AE28" s="98">
        <v>10</v>
      </c>
      <c r="AF28" s="98">
        <v>8</v>
      </c>
      <c r="AG28" s="99">
        <v>127</v>
      </c>
      <c r="AH28" s="101">
        <v>127</v>
      </c>
    </row>
    <row r="29" spans="1:34" ht="21" customHeight="1" x14ac:dyDescent="0.2">
      <c r="A29" s="18" t="s">
        <v>28</v>
      </c>
      <c r="B29" s="97">
        <v>0</v>
      </c>
      <c r="C29" s="98">
        <v>0</v>
      </c>
      <c r="D29" s="99">
        <v>0</v>
      </c>
      <c r="E29" s="100">
        <v>0</v>
      </c>
      <c r="F29" s="98">
        <v>21</v>
      </c>
      <c r="G29" s="98">
        <v>21</v>
      </c>
      <c r="H29" s="98">
        <v>10</v>
      </c>
      <c r="I29" s="98">
        <v>5</v>
      </c>
      <c r="J29" s="98">
        <v>4</v>
      </c>
      <c r="K29" s="99">
        <v>61</v>
      </c>
      <c r="L29" s="101">
        <v>61</v>
      </c>
      <c r="M29" s="102">
        <v>0</v>
      </c>
      <c r="N29" s="98">
        <v>0</v>
      </c>
      <c r="O29" s="99">
        <v>0</v>
      </c>
      <c r="P29" s="100">
        <v>0</v>
      </c>
      <c r="Q29" s="98">
        <v>0</v>
      </c>
      <c r="R29" s="98">
        <v>0</v>
      </c>
      <c r="S29" s="98">
        <v>0</v>
      </c>
      <c r="T29" s="98">
        <v>0</v>
      </c>
      <c r="U29" s="98">
        <v>1</v>
      </c>
      <c r="V29" s="99">
        <v>1</v>
      </c>
      <c r="W29" s="101">
        <v>1</v>
      </c>
      <c r="X29" s="102">
        <v>0</v>
      </c>
      <c r="Y29" s="98">
        <v>0</v>
      </c>
      <c r="Z29" s="99">
        <v>0</v>
      </c>
      <c r="AA29" s="100">
        <v>0</v>
      </c>
      <c r="AB29" s="98">
        <v>21</v>
      </c>
      <c r="AC29" s="98">
        <v>21</v>
      </c>
      <c r="AD29" s="98">
        <v>10</v>
      </c>
      <c r="AE29" s="98">
        <v>5</v>
      </c>
      <c r="AF29" s="98">
        <v>5</v>
      </c>
      <c r="AG29" s="99">
        <v>62</v>
      </c>
      <c r="AH29" s="101">
        <v>62</v>
      </c>
    </row>
    <row r="30" spans="1:34" ht="21" customHeight="1" x14ac:dyDescent="0.2">
      <c r="A30" s="18" t="s">
        <v>29</v>
      </c>
      <c r="B30" s="97">
        <v>2</v>
      </c>
      <c r="C30" s="98">
        <v>4</v>
      </c>
      <c r="D30" s="99">
        <v>6</v>
      </c>
      <c r="E30" s="100">
        <v>0</v>
      </c>
      <c r="F30" s="98">
        <v>23</v>
      </c>
      <c r="G30" s="98">
        <v>24</v>
      </c>
      <c r="H30" s="98">
        <v>17</v>
      </c>
      <c r="I30" s="98">
        <v>15</v>
      </c>
      <c r="J30" s="98">
        <v>6</v>
      </c>
      <c r="K30" s="99">
        <v>85</v>
      </c>
      <c r="L30" s="101">
        <v>91</v>
      </c>
      <c r="M30" s="102">
        <v>0</v>
      </c>
      <c r="N30" s="98">
        <v>0</v>
      </c>
      <c r="O30" s="99">
        <v>0</v>
      </c>
      <c r="P30" s="100">
        <v>0</v>
      </c>
      <c r="Q30" s="98">
        <v>0</v>
      </c>
      <c r="R30" s="98">
        <v>0</v>
      </c>
      <c r="S30" s="98">
        <v>0</v>
      </c>
      <c r="T30" s="98">
        <v>0</v>
      </c>
      <c r="U30" s="98">
        <v>0</v>
      </c>
      <c r="V30" s="99">
        <v>0</v>
      </c>
      <c r="W30" s="101">
        <v>0</v>
      </c>
      <c r="X30" s="102">
        <v>2</v>
      </c>
      <c r="Y30" s="98">
        <v>4</v>
      </c>
      <c r="Z30" s="99">
        <v>6</v>
      </c>
      <c r="AA30" s="100">
        <v>0</v>
      </c>
      <c r="AB30" s="98">
        <v>23</v>
      </c>
      <c r="AC30" s="98">
        <v>24</v>
      </c>
      <c r="AD30" s="98">
        <v>17</v>
      </c>
      <c r="AE30" s="98">
        <v>15</v>
      </c>
      <c r="AF30" s="98">
        <v>6</v>
      </c>
      <c r="AG30" s="99">
        <v>85</v>
      </c>
      <c r="AH30" s="101">
        <v>91</v>
      </c>
    </row>
    <row r="31" spans="1:34" ht="21" customHeight="1" x14ac:dyDescent="0.2">
      <c r="A31" s="18" t="s">
        <v>30</v>
      </c>
      <c r="B31" s="97">
        <v>1</v>
      </c>
      <c r="C31" s="98">
        <v>0</v>
      </c>
      <c r="D31" s="99">
        <v>1</v>
      </c>
      <c r="E31" s="100">
        <v>0</v>
      </c>
      <c r="F31" s="98">
        <v>29</v>
      </c>
      <c r="G31" s="98">
        <v>18</v>
      </c>
      <c r="H31" s="98">
        <v>19</v>
      </c>
      <c r="I31" s="98">
        <v>7</v>
      </c>
      <c r="J31" s="98">
        <v>3</v>
      </c>
      <c r="K31" s="99">
        <v>76</v>
      </c>
      <c r="L31" s="101">
        <v>77</v>
      </c>
      <c r="M31" s="102">
        <v>0</v>
      </c>
      <c r="N31" s="98">
        <v>0</v>
      </c>
      <c r="O31" s="99">
        <v>0</v>
      </c>
      <c r="P31" s="100">
        <v>0</v>
      </c>
      <c r="Q31" s="98">
        <v>1</v>
      </c>
      <c r="R31" s="98">
        <v>0</v>
      </c>
      <c r="S31" s="98">
        <v>0</v>
      </c>
      <c r="T31" s="98">
        <v>0</v>
      </c>
      <c r="U31" s="98">
        <v>0</v>
      </c>
      <c r="V31" s="99">
        <v>1</v>
      </c>
      <c r="W31" s="101">
        <v>1</v>
      </c>
      <c r="X31" s="102">
        <v>1</v>
      </c>
      <c r="Y31" s="98">
        <v>0</v>
      </c>
      <c r="Z31" s="99">
        <v>1</v>
      </c>
      <c r="AA31" s="100">
        <v>0</v>
      </c>
      <c r="AB31" s="98">
        <v>30</v>
      </c>
      <c r="AC31" s="98">
        <v>18</v>
      </c>
      <c r="AD31" s="98">
        <v>19</v>
      </c>
      <c r="AE31" s="98">
        <v>7</v>
      </c>
      <c r="AF31" s="98">
        <v>3</v>
      </c>
      <c r="AG31" s="99">
        <v>77</v>
      </c>
      <c r="AH31" s="101">
        <v>78</v>
      </c>
    </row>
    <row r="32" spans="1:34" ht="21" customHeight="1" x14ac:dyDescent="0.2">
      <c r="A32" s="18" t="s">
        <v>31</v>
      </c>
      <c r="B32" s="97">
        <v>0</v>
      </c>
      <c r="C32" s="98">
        <v>2</v>
      </c>
      <c r="D32" s="99">
        <v>2</v>
      </c>
      <c r="E32" s="100">
        <v>0</v>
      </c>
      <c r="F32" s="98">
        <v>41</v>
      </c>
      <c r="G32" s="98">
        <v>36</v>
      </c>
      <c r="H32" s="98">
        <v>26</v>
      </c>
      <c r="I32" s="98">
        <v>12</v>
      </c>
      <c r="J32" s="98">
        <v>6</v>
      </c>
      <c r="K32" s="99">
        <v>121</v>
      </c>
      <c r="L32" s="101">
        <v>123</v>
      </c>
      <c r="M32" s="102">
        <v>0</v>
      </c>
      <c r="N32" s="98">
        <v>0</v>
      </c>
      <c r="O32" s="99">
        <v>0</v>
      </c>
      <c r="P32" s="100">
        <v>0</v>
      </c>
      <c r="Q32" s="98">
        <v>0</v>
      </c>
      <c r="R32" s="98">
        <v>0</v>
      </c>
      <c r="S32" s="98">
        <v>0</v>
      </c>
      <c r="T32" s="98">
        <v>0</v>
      </c>
      <c r="U32" s="98">
        <v>1</v>
      </c>
      <c r="V32" s="99">
        <v>1</v>
      </c>
      <c r="W32" s="101">
        <v>1</v>
      </c>
      <c r="X32" s="102">
        <v>0</v>
      </c>
      <c r="Y32" s="98">
        <v>2</v>
      </c>
      <c r="Z32" s="99">
        <v>2</v>
      </c>
      <c r="AA32" s="100">
        <v>0</v>
      </c>
      <c r="AB32" s="98">
        <v>41</v>
      </c>
      <c r="AC32" s="98">
        <v>36</v>
      </c>
      <c r="AD32" s="98">
        <v>26</v>
      </c>
      <c r="AE32" s="98">
        <v>12</v>
      </c>
      <c r="AF32" s="98">
        <v>7</v>
      </c>
      <c r="AG32" s="99">
        <v>122</v>
      </c>
      <c r="AH32" s="101">
        <v>124</v>
      </c>
    </row>
    <row r="33" spans="1:34" ht="21" customHeight="1" x14ac:dyDescent="0.2">
      <c r="A33" s="18" t="s">
        <v>32</v>
      </c>
      <c r="B33" s="97">
        <v>0</v>
      </c>
      <c r="C33" s="98">
        <v>0</v>
      </c>
      <c r="D33" s="99">
        <v>0</v>
      </c>
      <c r="E33" s="100">
        <v>0</v>
      </c>
      <c r="F33" s="98">
        <v>50</v>
      </c>
      <c r="G33" s="98">
        <v>32</v>
      </c>
      <c r="H33" s="98">
        <v>34</v>
      </c>
      <c r="I33" s="98">
        <v>25</v>
      </c>
      <c r="J33" s="98">
        <v>11</v>
      </c>
      <c r="K33" s="99">
        <v>152</v>
      </c>
      <c r="L33" s="101">
        <v>152</v>
      </c>
      <c r="M33" s="102">
        <v>0</v>
      </c>
      <c r="N33" s="98">
        <v>0</v>
      </c>
      <c r="O33" s="99">
        <v>0</v>
      </c>
      <c r="P33" s="100">
        <v>0</v>
      </c>
      <c r="Q33" s="98">
        <v>2</v>
      </c>
      <c r="R33" s="98">
        <v>1</v>
      </c>
      <c r="S33" s="98">
        <v>0</v>
      </c>
      <c r="T33" s="98">
        <v>1</v>
      </c>
      <c r="U33" s="98">
        <v>0</v>
      </c>
      <c r="V33" s="99">
        <v>4</v>
      </c>
      <c r="W33" s="101">
        <v>4</v>
      </c>
      <c r="X33" s="102">
        <v>0</v>
      </c>
      <c r="Y33" s="98">
        <v>0</v>
      </c>
      <c r="Z33" s="99">
        <v>0</v>
      </c>
      <c r="AA33" s="100">
        <v>0</v>
      </c>
      <c r="AB33" s="98">
        <v>52</v>
      </c>
      <c r="AC33" s="98">
        <v>33</v>
      </c>
      <c r="AD33" s="98">
        <v>34</v>
      </c>
      <c r="AE33" s="98">
        <v>26</v>
      </c>
      <c r="AF33" s="98">
        <v>11</v>
      </c>
      <c r="AG33" s="99">
        <v>156</v>
      </c>
      <c r="AH33" s="101">
        <v>156</v>
      </c>
    </row>
    <row r="34" spans="1:34" ht="21" customHeight="1" x14ac:dyDescent="0.2">
      <c r="A34" s="18" t="s">
        <v>33</v>
      </c>
      <c r="B34" s="97">
        <v>0</v>
      </c>
      <c r="C34" s="98">
        <v>2</v>
      </c>
      <c r="D34" s="99">
        <v>2</v>
      </c>
      <c r="E34" s="100">
        <v>0</v>
      </c>
      <c r="F34" s="98">
        <v>39</v>
      </c>
      <c r="G34" s="98">
        <v>26</v>
      </c>
      <c r="H34" s="98">
        <v>21</v>
      </c>
      <c r="I34" s="98">
        <v>5</v>
      </c>
      <c r="J34" s="98">
        <v>4</v>
      </c>
      <c r="K34" s="99">
        <v>95</v>
      </c>
      <c r="L34" s="101">
        <v>97</v>
      </c>
      <c r="M34" s="102">
        <v>0</v>
      </c>
      <c r="N34" s="98">
        <v>0</v>
      </c>
      <c r="O34" s="99">
        <v>0</v>
      </c>
      <c r="P34" s="100">
        <v>0</v>
      </c>
      <c r="Q34" s="98">
        <v>0</v>
      </c>
      <c r="R34" s="98">
        <v>0</v>
      </c>
      <c r="S34" s="98">
        <v>0</v>
      </c>
      <c r="T34" s="98">
        <v>0</v>
      </c>
      <c r="U34" s="98">
        <v>0</v>
      </c>
      <c r="V34" s="99">
        <v>0</v>
      </c>
      <c r="W34" s="101">
        <v>0</v>
      </c>
      <c r="X34" s="102">
        <v>0</v>
      </c>
      <c r="Y34" s="98">
        <v>2</v>
      </c>
      <c r="Z34" s="99">
        <v>2</v>
      </c>
      <c r="AA34" s="100">
        <v>0</v>
      </c>
      <c r="AB34" s="98">
        <v>39</v>
      </c>
      <c r="AC34" s="98">
        <v>26</v>
      </c>
      <c r="AD34" s="98">
        <v>21</v>
      </c>
      <c r="AE34" s="98">
        <v>5</v>
      </c>
      <c r="AF34" s="98">
        <v>4</v>
      </c>
      <c r="AG34" s="99">
        <v>95</v>
      </c>
      <c r="AH34" s="101">
        <v>97</v>
      </c>
    </row>
    <row r="35" spans="1:34" ht="21" customHeight="1" x14ac:dyDescent="0.2">
      <c r="A35" s="18" t="s">
        <v>34</v>
      </c>
      <c r="B35" s="97">
        <v>3</v>
      </c>
      <c r="C35" s="98">
        <v>2</v>
      </c>
      <c r="D35" s="99">
        <v>5</v>
      </c>
      <c r="E35" s="100">
        <v>0</v>
      </c>
      <c r="F35" s="98">
        <v>30</v>
      </c>
      <c r="G35" s="98">
        <v>25</v>
      </c>
      <c r="H35" s="98">
        <v>11</v>
      </c>
      <c r="I35" s="98">
        <v>10</v>
      </c>
      <c r="J35" s="98">
        <v>7</v>
      </c>
      <c r="K35" s="99">
        <v>83</v>
      </c>
      <c r="L35" s="101">
        <v>88</v>
      </c>
      <c r="M35" s="102">
        <v>0</v>
      </c>
      <c r="N35" s="98">
        <v>0</v>
      </c>
      <c r="O35" s="99">
        <v>0</v>
      </c>
      <c r="P35" s="100">
        <v>0</v>
      </c>
      <c r="Q35" s="98">
        <v>0</v>
      </c>
      <c r="R35" s="98">
        <v>1</v>
      </c>
      <c r="S35" s="98">
        <v>0</v>
      </c>
      <c r="T35" s="98">
        <v>1</v>
      </c>
      <c r="U35" s="98">
        <v>0</v>
      </c>
      <c r="V35" s="99">
        <v>2</v>
      </c>
      <c r="W35" s="101">
        <v>2</v>
      </c>
      <c r="X35" s="102">
        <v>3</v>
      </c>
      <c r="Y35" s="98">
        <v>2</v>
      </c>
      <c r="Z35" s="99">
        <v>5</v>
      </c>
      <c r="AA35" s="100">
        <v>0</v>
      </c>
      <c r="AB35" s="98">
        <v>30</v>
      </c>
      <c r="AC35" s="98">
        <v>26</v>
      </c>
      <c r="AD35" s="98">
        <v>11</v>
      </c>
      <c r="AE35" s="98">
        <v>11</v>
      </c>
      <c r="AF35" s="98">
        <v>7</v>
      </c>
      <c r="AG35" s="99">
        <v>85</v>
      </c>
      <c r="AH35" s="101">
        <v>90</v>
      </c>
    </row>
    <row r="36" spans="1:34" ht="21" customHeight="1" x14ac:dyDescent="0.2">
      <c r="A36" s="18" t="s">
        <v>35</v>
      </c>
      <c r="B36" s="97">
        <v>0</v>
      </c>
      <c r="C36" s="98">
        <v>3</v>
      </c>
      <c r="D36" s="99">
        <v>3</v>
      </c>
      <c r="E36" s="100">
        <v>0</v>
      </c>
      <c r="F36" s="98">
        <v>32</v>
      </c>
      <c r="G36" s="98">
        <v>37</v>
      </c>
      <c r="H36" s="98">
        <v>36</v>
      </c>
      <c r="I36" s="98">
        <v>25</v>
      </c>
      <c r="J36" s="98">
        <v>6</v>
      </c>
      <c r="K36" s="99">
        <v>136</v>
      </c>
      <c r="L36" s="101">
        <v>139</v>
      </c>
      <c r="M36" s="102">
        <v>0</v>
      </c>
      <c r="N36" s="98">
        <v>0</v>
      </c>
      <c r="O36" s="99">
        <v>0</v>
      </c>
      <c r="P36" s="100">
        <v>0</v>
      </c>
      <c r="Q36" s="98">
        <v>0</v>
      </c>
      <c r="R36" s="98">
        <v>0</v>
      </c>
      <c r="S36" s="98">
        <v>0</v>
      </c>
      <c r="T36" s="98">
        <v>0</v>
      </c>
      <c r="U36" s="98">
        <v>0</v>
      </c>
      <c r="V36" s="99">
        <v>0</v>
      </c>
      <c r="W36" s="101">
        <v>0</v>
      </c>
      <c r="X36" s="102">
        <v>0</v>
      </c>
      <c r="Y36" s="98">
        <v>3</v>
      </c>
      <c r="Z36" s="99">
        <v>3</v>
      </c>
      <c r="AA36" s="100">
        <v>0</v>
      </c>
      <c r="AB36" s="98">
        <v>32</v>
      </c>
      <c r="AC36" s="98">
        <v>37</v>
      </c>
      <c r="AD36" s="98">
        <v>36</v>
      </c>
      <c r="AE36" s="98">
        <v>25</v>
      </c>
      <c r="AF36" s="98">
        <v>6</v>
      </c>
      <c r="AG36" s="99">
        <v>136</v>
      </c>
      <c r="AH36" s="101">
        <v>139</v>
      </c>
    </row>
    <row r="37" spans="1:34" ht="21" customHeight="1" x14ac:dyDescent="0.2">
      <c r="A37" s="18" t="s">
        <v>36</v>
      </c>
      <c r="B37" s="97">
        <v>1</v>
      </c>
      <c r="C37" s="98">
        <v>1</v>
      </c>
      <c r="D37" s="99">
        <v>2</v>
      </c>
      <c r="E37" s="100">
        <v>0</v>
      </c>
      <c r="F37" s="98">
        <v>71</v>
      </c>
      <c r="G37" s="98">
        <v>61</v>
      </c>
      <c r="H37" s="98">
        <v>42</v>
      </c>
      <c r="I37" s="98">
        <v>24</v>
      </c>
      <c r="J37" s="98">
        <v>13</v>
      </c>
      <c r="K37" s="99">
        <v>211</v>
      </c>
      <c r="L37" s="101">
        <v>213</v>
      </c>
      <c r="M37" s="102">
        <v>0</v>
      </c>
      <c r="N37" s="98">
        <v>0</v>
      </c>
      <c r="O37" s="99">
        <v>0</v>
      </c>
      <c r="P37" s="100">
        <v>0</v>
      </c>
      <c r="Q37" s="98">
        <v>0</v>
      </c>
      <c r="R37" s="98">
        <v>1</v>
      </c>
      <c r="S37" s="98">
        <v>2</v>
      </c>
      <c r="T37" s="98">
        <v>0</v>
      </c>
      <c r="U37" s="98">
        <v>0</v>
      </c>
      <c r="V37" s="99">
        <v>3</v>
      </c>
      <c r="W37" s="101">
        <v>3</v>
      </c>
      <c r="X37" s="102">
        <v>1</v>
      </c>
      <c r="Y37" s="98">
        <v>1</v>
      </c>
      <c r="Z37" s="99">
        <v>2</v>
      </c>
      <c r="AA37" s="100">
        <v>0</v>
      </c>
      <c r="AB37" s="98">
        <v>71</v>
      </c>
      <c r="AC37" s="98">
        <v>62</v>
      </c>
      <c r="AD37" s="98">
        <v>44</v>
      </c>
      <c r="AE37" s="98">
        <v>24</v>
      </c>
      <c r="AF37" s="98">
        <v>13</v>
      </c>
      <c r="AG37" s="99">
        <v>214</v>
      </c>
      <c r="AH37" s="101">
        <v>216</v>
      </c>
    </row>
    <row r="38" spans="1:34" ht="21" customHeight="1" thickBot="1" x14ac:dyDescent="0.25">
      <c r="A38" s="19" t="s">
        <v>37</v>
      </c>
      <c r="B38" s="103">
        <v>0</v>
      </c>
      <c r="C38" s="104">
        <v>0</v>
      </c>
      <c r="D38" s="105">
        <v>0</v>
      </c>
      <c r="E38" s="106">
        <v>0</v>
      </c>
      <c r="F38" s="104">
        <v>20</v>
      </c>
      <c r="G38" s="104">
        <v>8</v>
      </c>
      <c r="H38" s="104">
        <v>8</v>
      </c>
      <c r="I38" s="104">
        <v>0</v>
      </c>
      <c r="J38" s="104">
        <v>2</v>
      </c>
      <c r="K38" s="105">
        <v>38</v>
      </c>
      <c r="L38" s="107">
        <v>38</v>
      </c>
      <c r="M38" s="108">
        <v>0</v>
      </c>
      <c r="N38" s="104">
        <v>0</v>
      </c>
      <c r="O38" s="105">
        <v>0</v>
      </c>
      <c r="P38" s="106">
        <v>0</v>
      </c>
      <c r="Q38" s="104">
        <v>0</v>
      </c>
      <c r="R38" s="104">
        <v>0</v>
      </c>
      <c r="S38" s="104">
        <v>0</v>
      </c>
      <c r="T38" s="104">
        <v>1</v>
      </c>
      <c r="U38" s="104">
        <v>0</v>
      </c>
      <c r="V38" s="105">
        <v>1</v>
      </c>
      <c r="W38" s="107">
        <v>1</v>
      </c>
      <c r="X38" s="108">
        <v>0</v>
      </c>
      <c r="Y38" s="104">
        <v>0</v>
      </c>
      <c r="Z38" s="105">
        <v>0</v>
      </c>
      <c r="AA38" s="106">
        <v>0</v>
      </c>
      <c r="AB38" s="104">
        <v>20</v>
      </c>
      <c r="AC38" s="104">
        <v>8</v>
      </c>
      <c r="AD38" s="104">
        <v>8</v>
      </c>
      <c r="AE38" s="104">
        <v>1</v>
      </c>
      <c r="AF38" s="104">
        <v>2</v>
      </c>
      <c r="AG38" s="105">
        <v>39</v>
      </c>
      <c r="AH38" s="107">
        <v>39</v>
      </c>
    </row>
    <row r="39" spans="1:34" x14ac:dyDescent="0.2">
      <c r="Z39" s="3"/>
      <c r="AA39" s="3"/>
      <c r="AB39" s="3"/>
      <c r="AC39" s="3"/>
      <c r="AD39" s="3"/>
      <c r="AE39" s="3"/>
      <c r="AF39" s="3"/>
      <c r="AG39" s="3"/>
      <c r="AH39" s="3"/>
    </row>
  </sheetData>
  <mergeCells count="5">
    <mergeCell ref="G1:H1"/>
    <mergeCell ref="J1:K1"/>
    <mergeCell ref="B3:L3"/>
    <mergeCell ref="M3:W3"/>
    <mergeCell ref="X3:AH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3"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V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0"/>
    <col min="4" max="4" width="10.33203125" style="290" customWidth="1"/>
    <col min="5" max="5" width="7.6640625" style="290" customWidth="1"/>
    <col min="6" max="6" width="8.44140625" style="290" customWidth="1"/>
    <col min="7" max="7" width="8.77734375" style="290" customWidth="1"/>
    <col min="8" max="15" width="9" style="290"/>
    <col min="16" max="16" width="7.21875" style="290" customWidth="1"/>
    <col min="17" max="26" width="9" style="290"/>
    <col min="27" max="27" width="7.6640625" style="290" customWidth="1"/>
    <col min="28" max="37" width="9" style="290"/>
    <col min="38" max="38" width="7.6640625" style="290" customWidth="1"/>
    <col min="39" max="48" width="9" style="290"/>
    <col min="49" max="49" width="7.6640625" style="290" customWidth="1"/>
    <col min="50" max="59" width="9" style="290"/>
    <col min="60" max="60" width="7.21875" style="290" customWidth="1"/>
    <col min="61" max="70" width="9" style="290"/>
    <col min="71" max="71" width="7.21875" style="290" customWidth="1"/>
    <col min="72" max="81" width="9" style="290"/>
    <col min="82" max="82" width="7.33203125" style="290" customWidth="1"/>
    <col min="83" max="92" width="9" style="290"/>
    <col min="93" max="93" width="7.44140625" style="290" customWidth="1"/>
    <col min="94" max="16384" width="9" style="290"/>
  </cols>
  <sheetData>
    <row r="1" spans="1:100" ht="22.5" customHeight="1" x14ac:dyDescent="0.2">
      <c r="A1" s="325" t="s">
        <v>124</v>
      </c>
      <c r="H1" s="545">
        <f>第１表!F2</f>
        <v>4</v>
      </c>
      <c r="I1" s="545"/>
      <c r="J1" s="282">
        <f>第１表!G2</f>
        <v>4</v>
      </c>
      <c r="K1" s="549">
        <f>IF(J1&lt;3,J1+12-2,J1-2)</f>
        <v>2</v>
      </c>
      <c r="L1" s="549"/>
    </row>
    <row r="2" spans="1:100" s="326" customFormat="1" ht="21" customHeight="1" thickBot="1" x14ac:dyDescent="0.25">
      <c r="A2" s="325" t="s">
        <v>133</v>
      </c>
    </row>
    <row r="3" spans="1:100" ht="23.25" customHeight="1" thickBot="1" x14ac:dyDescent="0.25">
      <c r="A3" s="562"/>
      <c r="B3" s="553" t="s">
        <v>114</v>
      </c>
      <c r="C3" s="554"/>
      <c r="D3" s="554"/>
      <c r="E3" s="554"/>
      <c r="F3" s="554"/>
      <c r="G3" s="554"/>
      <c r="H3" s="554"/>
      <c r="I3" s="554"/>
      <c r="J3" s="554"/>
      <c r="K3" s="554"/>
      <c r="L3" s="555"/>
      <c r="M3" s="553" t="s">
        <v>115</v>
      </c>
      <c r="N3" s="554"/>
      <c r="O3" s="554"/>
      <c r="P3" s="554"/>
      <c r="Q3" s="554"/>
      <c r="R3" s="554"/>
      <c r="S3" s="554"/>
      <c r="T3" s="554"/>
      <c r="U3" s="554"/>
      <c r="V3" s="554"/>
      <c r="W3" s="555"/>
      <c r="X3" s="553" t="s">
        <v>142</v>
      </c>
      <c r="Y3" s="554"/>
      <c r="Z3" s="554"/>
      <c r="AA3" s="554"/>
      <c r="AB3" s="554"/>
      <c r="AC3" s="554"/>
      <c r="AD3" s="554"/>
      <c r="AE3" s="554"/>
      <c r="AF3" s="554"/>
      <c r="AG3" s="554"/>
      <c r="AH3" s="555"/>
      <c r="AI3" s="553" t="s">
        <v>90</v>
      </c>
      <c r="AJ3" s="554"/>
      <c r="AK3" s="554"/>
      <c r="AL3" s="554"/>
      <c r="AM3" s="554"/>
      <c r="AN3" s="554"/>
      <c r="AO3" s="554"/>
      <c r="AP3" s="554"/>
      <c r="AQ3" s="554"/>
      <c r="AR3" s="554"/>
      <c r="AS3" s="555"/>
      <c r="AT3" s="566" t="s">
        <v>89</v>
      </c>
      <c r="AU3" s="567"/>
      <c r="AV3" s="567"/>
      <c r="AW3" s="567"/>
      <c r="AX3" s="567"/>
      <c r="AY3" s="567"/>
      <c r="AZ3" s="567"/>
      <c r="BA3" s="567"/>
      <c r="BB3" s="567"/>
      <c r="BC3" s="567"/>
      <c r="BD3" s="568"/>
      <c r="BE3" s="566" t="s">
        <v>91</v>
      </c>
      <c r="BF3" s="567"/>
      <c r="BG3" s="567"/>
      <c r="BH3" s="567"/>
      <c r="BI3" s="567"/>
      <c r="BJ3" s="567"/>
      <c r="BK3" s="567"/>
      <c r="BL3" s="567"/>
      <c r="BM3" s="567"/>
      <c r="BN3" s="567"/>
      <c r="BO3" s="568"/>
      <c r="BP3" s="566" t="s">
        <v>92</v>
      </c>
      <c r="BQ3" s="567"/>
      <c r="BR3" s="567"/>
      <c r="BS3" s="567"/>
      <c r="BT3" s="567"/>
      <c r="BU3" s="567"/>
      <c r="BV3" s="567"/>
      <c r="BW3" s="567"/>
      <c r="BX3" s="567"/>
      <c r="BY3" s="567"/>
      <c r="BZ3" s="568"/>
      <c r="CA3" s="566" t="s">
        <v>93</v>
      </c>
      <c r="CB3" s="567"/>
      <c r="CC3" s="567"/>
      <c r="CD3" s="567"/>
      <c r="CE3" s="567"/>
      <c r="CF3" s="567"/>
      <c r="CG3" s="567"/>
      <c r="CH3" s="567"/>
      <c r="CI3" s="567"/>
      <c r="CJ3" s="567"/>
      <c r="CK3" s="568"/>
      <c r="CL3" s="567" t="s">
        <v>141</v>
      </c>
      <c r="CM3" s="567"/>
      <c r="CN3" s="567"/>
      <c r="CO3" s="567"/>
      <c r="CP3" s="567"/>
      <c r="CQ3" s="567"/>
      <c r="CR3" s="567"/>
      <c r="CS3" s="567"/>
      <c r="CT3" s="567"/>
      <c r="CU3" s="567"/>
      <c r="CV3" s="568"/>
    </row>
    <row r="4" spans="1:100" ht="22.5" customHeight="1" x14ac:dyDescent="0.2">
      <c r="A4" s="563"/>
      <c r="B4" s="561" t="s">
        <v>61</v>
      </c>
      <c r="C4" s="557"/>
      <c r="D4" s="558"/>
      <c r="E4" s="556" t="s">
        <v>62</v>
      </c>
      <c r="F4" s="557"/>
      <c r="G4" s="557"/>
      <c r="H4" s="557"/>
      <c r="I4" s="557"/>
      <c r="J4" s="557"/>
      <c r="K4" s="565"/>
      <c r="L4" s="559" t="s">
        <v>52</v>
      </c>
      <c r="M4" s="561" t="s">
        <v>61</v>
      </c>
      <c r="N4" s="557"/>
      <c r="O4" s="558"/>
      <c r="P4" s="556" t="s">
        <v>62</v>
      </c>
      <c r="Q4" s="557"/>
      <c r="R4" s="557"/>
      <c r="S4" s="557"/>
      <c r="T4" s="557"/>
      <c r="U4" s="557"/>
      <c r="V4" s="558"/>
      <c r="W4" s="559" t="s">
        <v>52</v>
      </c>
      <c r="X4" s="561" t="s">
        <v>61</v>
      </c>
      <c r="Y4" s="557"/>
      <c r="Z4" s="558"/>
      <c r="AA4" s="556" t="s">
        <v>62</v>
      </c>
      <c r="AB4" s="557"/>
      <c r="AC4" s="557"/>
      <c r="AD4" s="557"/>
      <c r="AE4" s="557"/>
      <c r="AF4" s="557"/>
      <c r="AG4" s="558"/>
      <c r="AH4" s="559" t="s">
        <v>52</v>
      </c>
      <c r="AI4" s="561" t="s">
        <v>61</v>
      </c>
      <c r="AJ4" s="557"/>
      <c r="AK4" s="558"/>
      <c r="AL4" s="556" t="s">
        <v>62</v>
      </c>
      <c r="AM4" s="557"/>
      <c r="AN4" s="557"/>
      <c r="AO4" s="557"/>
      <c r="AP4" s="557"/>
      <c r="AQ4" s="557"/>
      <c r="AR4" s="558"/>
      <c r="AS4" s="559" t="s">
        <v>52</v>
      </c>
      <c r="AT4" s="584" t="s">
        <v>61</v>
      </c>
      <c r="AU4" s="582"/>
      <c r="AV4" s="583"/>
      <c r="AW4" s="581" t="s">
        <v>62</v>
      </c>
      <c r="AX4" s="582"/>
      <c r="AY4" s="582"/>
      <c r="AZ4" s="582"/>
      <c r="BA4" s="582"/>
      <c r="BB4" s="582"/>
      <c r="BC4" s="583"/>
      <c r="BD4" s="579" t="s">
        <v>52</v>
      </c>
      <c r="BE4" s="584" t="s">
        <v>61</v>
      </c>
      <c r="BF4" s="582"/>
      <c r="BG4" s="583"/>
      <c r="BH4" s="581" t="s">
        <v>62</v>
      </c>
      <c r="BI4" s="582"/>
      <c r="BJ4" s="582"/>
      <c r="BK4" s="582"/>
      <c r="BL4" s="582"/>
      <c r="BM4" s="582"/>
      <c r="BN4" s="583"/>
      <c r="BO4" s="579" t="s">
        <v>52</v>
      </c>
      <c r="BP4" s="584" t="s">
        <v>61</v>
      </c>
      <c r="BQ4" s="582"/>
      <c r="BR4" s="583"/>
      <c r="BS4" s="581" t="s">
        <v>62</v>
      </c>
      <c r="BT4" s="582"/>
      <c r="BU4" s="582"/>
      <c r="BV4" s="582"/>
      <c r="BW4" s="582"/>
      <c r="BX4" s="582"/>
      <c r="BY4" s="583"/>
      <c r="BZ4" s="579" t="s">
        <v>52</v>
      </c>
      <c r="CA4" s="584" t="s">
        <v>61</v>
      </c>
      <c r="CB4" s="582"/>
      <c r="CC4" s="583"/>
      <c r="CD4" s="581" t="s">
        <v>62</v>
      </c>
      <c r="CE4" s="582"/>
      <c r="CF4" s="582"/>
      <c r="CG4" s="582"/>
      <c r="CH4" s="582"/>
      <c r="CI4" s="582"/>
      <c r="CJ4" s="583"/>
      <c r="CK4" s="579" t="s">
        <v>52</v>
      </c>
      <c r="CL4" s="584" t="s">
        <v>61</v>
      </c>
      <c r="CM4" s="582"/>
      <c r="CN4" s="583"/>
      <c r="CO4" s="581" t="s">
        <v>62</v>
      </c>
      <c r="CP4" s="582"/>
      <c r="CQ4" s="582"/>
      <c r="CR4" s="582"/>
      <c r="CS4" s="582"/>
      <c r="CT4" s="582"/>
      <c r="CU4" s="583"/>
      <c r="CV4" s="579" t="s">
        <v>52</v>
      </c>
    </row>
    <row r="5" spans="1:100" ht="34.5" customHeight="1" thickBot="1" x14ac:dyDescent="0.25">
      <c r="A5" s="564"/>
      <c r="B5" s="298" t="s">
        <v>43</v>
      </c>
      <c r="C5" s="300" t="s">
        <v>44</v>
      </c>
      <c r="D5" s="301" t="s">
        <v>45</v>
      </c>
      <c r="E5" s="302" t="s">
        <v>83</v>
      </c>
      <c r="F5" s="294" t="s">
        <v>47</v>
      </c>
      <c r="G5" s="294" t="s">
        <v>48</v>
      </c>
      <c r="H5" s="294" t="s">
        <v>49</v>
      </c>
      <c r="I5" s="294" t="s">
        <v>50</v>
      </c>
      <c r="J5" s="294" t="s">
        <v>51</v>
      </c>
      <c r="K5" s="303" t="s">
        <v>45</v>
      </c>
      <c r="L5" s="560"/>
      <c r="M5" s="298" t="s">
        <v>43</v>
      </c>
      <c r="N5" s="294" t="s">
        <v>44</v>
      </c>
      <c r="O5" s="300" t="s">
        <v>45</v>
      </c>
      <c r="P5" s="302" t="s">
        <v>83</v>
      </c>
      <c r="Q5" s="294" t="s">
        <v>47</v>
      </c>
      <c r="R5" s="294" t="s">
        <v>48</v>
      </c>
      <c r="S5" s="294" t="s">
        <v>49</v>
      </c>
      <c r="T5" s="294" t="s">
        <v>50</v>
      </c>
      <c r="U5" s="294" t="s">
        <v>51</v>
      </c>
      <c r="V5" s="300" t="s">
        <v>45</v>
      </c>
      <c r="W5" s="560"/>
      <c r="X5" s="298" t="s">
        <v>43</v>
      </c>
      <c r="Y5" s="294" t="s">
        <v>44</v>
      </c>
      <c r="Z5" s="300" t="s">
        <v>45</v>
      </c>
      <c r="AA5" s="302" t="s">
        <v>83</v>
      </c>
      <c r="AB5" s="294" t="s">
        <v>47</v>
      </c>
      <c r="AC5" s="294" t="s">
        <v>48</v>
      </c>
      <c r="AD5" s="294" t="s">
        <v>49</v>
      </c>
      <c r="AE5" s="294" t="s">
        <v>50</v>
      </c>
      <c r="AF5" s="294" t="s">
        <v>51</v>
      </c>
      <c r="AG5" s="300" t="s">
        <v>45</v>
      </c>
      <c r="AH5" s="560"/>
      <c r="AI5" s="382" t="s">
        <v>43</v>
      </c>
      <c r="AJ5" s="294" t="s">
        <v>44</v>
      </c>
      <c r="AK5" s="300" t="s">
        <v>45</v>
      </c>
      <c r="AL5" s="302" t="s">
        <v>83</v>
      </c>
      <c r="AM5" s="294" t="s">
        <v>47</v>
      </c>
      <c r="AN5" s="294" t="s">
        <v>48</v>
      </c>
      <c r="AO5" s="294" t="s">
        <v>49</v>
      </c>
      <c r="AP5" s="294" t="s">
        <v>50</v>
      </c>
      <c r="AQ5" s="294" t="s">
        <v>51</v>
      </c>
      <c r="AR5" s="300" t="s">
        <v>45</v>
      </c>
      <c r="AS5" s="560"/>
      <c r="AT5" s="382" t="s">
        <v>43</v>
      </c>
      <c r="AU5" s="294" t="s">
        <v>44</v>
      </c>
      <c r="AV5" s="300" t="s">
        <v>45</v>
      </c>
      <c r="AW5" s="302" t="s">
        <v>83</v>
      </c>
      <c r="AX5" s="294" t="s">
        <v>47</v>
      </c>
      <c r="AY5" s="294" t="s">
        <v>48</v>
      </c>
      <c r="AZ5" s="294" t="s">
        <v>49</v>
      </c>
      <c r="BA5" s="294" t="s">
        <v>50</v>
      </c>
      <c r="BB5" s="294" t="s">
        <v>51</v>
      </c>
      <c r="BC5" s="300" t="s">
        <v>45</v>
      </c>
      <c r="BD5" s="580"/>
      <c r="BE5" s="382" t="s">
        <v>43</v>
      </c>
      <c r="BF5" s="294" t="s">
        <v>44</v>
      </c>
      <c r="BG5" s="300" t="s">
        <v>45</v>
      </c>
      <c r="BH5" s="302" t="s">
        <v>83</v>
      </c>
      <c r="BI5" s="294" t="s">
        <v>47</v>
      </c>
      <c r="BJ5" s="294" t="s">
        <v>48</v>
      </c>
      <c r="BK5" s="294" t="s">
        <v>49</v>
      </c>
      <c r="BL5" s="294" t="s">
        <v>50</v>
      </c>
      <c r="BM5" s="294" t="s">
        <v>51</v>
      </c>
      <c r="BN5" s="300" t="s">
        <v>45</v>
      </c>
      <c r="BO5" s="580"/>
      <c r="BP5" s="382" t="s">
        <v>43</v>
      </c>
      <c r="BQ5" s="294" t="s">
        <v>44</v>
      </c>
      <c r="BR5" s="300" t="s">
        <v>45</v>
      </c>
      <c r="BS5" s="302" t="s">
        <v>83</v>
      </c>
      <c r="BT5" s="294" t="s">
        <v>47</v>
      </c>
      <c r="BU5" s="294" t="s">
        <v>48</v>
      </c>
      <c r="BV5" s="294" t="s">
        <v>49</v>
      </c>
      <c r="BW5" s="294" t="s">
        <v>50</v>
      </c>
      <c r="BX5" s="294" t="s">
        <v>51</v>
      </c>
      <c r="BY5" s="300" t="s">
        <v>45</v>
      </c>
      <c r="BZ5" s="580"/>
      <c r="CA5" s="382" t="s">
        <v>43</v>
      </c>
      <c r="CB5" s="294" t="s">
        <v>44</v>
      </c>
      <c r="CC5" s="300" t="s">
        <v>45</v>
      </c>
      <c r="CD5" s="302" t="s">
        <v>83</v>
      </c>
      <c r="CE5" s="294" t="s">
        <v>47</v>
      </c>
      <c r="CF5" s="294" t="s">
        <v>48</v>
      </c>
      <c r="CG5" s="294" t="s">
        <v>49</v>
      </c>
      <c r="CH5" s="294" t="s">
        <v>50</v>
      </c>
      <c r="CI5" s="294" t="s">
        <v>51</v>
      </c>
      <c r="CJ5" s="300" t="s">
        <v>45</v>
      </c>
      <c r="CK5" s="580"/>
      <c r="CL5" s="382" t="s">
        <v>43</v>
      </c>
      <c r="CM5" s="294" t="s">
        <v>44</v>
      </c>
      <c r="CN5" s="300" t="s">
        <v>45</v>
      </c>
      <c r="CO5" s="302" t="s">
        <v>83</v>
      </c>
      <c r="CP5" s="294" t="s">
        <v>47</v>
      </c>
      <c r="CQ5" s="294" t="s">
        <v>48</v>
      </c>
      <c r="CR5" s="294" t="s">
        <v>49</v>
      </c>
      <c r="CS5" s="294" t="s">
        <v>50</v>
      </c>
      <c r="CT5" s="294" t="s">
        <v>51</v>
      </c>
      <c r="CU5" s="300" t="s">
        <v>45</v>
      </c>
      <c r="CV5" s="580"/>
    </row>
    <row r="6" spans="1:100" ht="21" customHeight="1" x14ac:dyDescent="0.2">
      <c r="A6" s="295" t="s">
        <v>4</v>
      </c>
      <c r="B6" s="304">
        <v>0</v>
      </c>
      <c r="C6" s="305">
        <v>0</v>
      </c>
      <c r="D6" s="306">
        <v>0</v>
      </c>
      <c r="E6" s="307">
        <v>0</v>
      </c>
      <c r="F6" s="308">
        <v>320</v>
      </c>
      <c r="G6" s="308">
        <v>387</v>
      </c>
      <c r="H6" s="308">
        <v>311</v>
      </c>
      <c r="I6" s="308">
        <v>381</v>
      </c>
      <c r="J6" s="308">
        <v>317</v>
      </c>
      <c r="K6" s="309">
        <v>1716</v>
      </c>
      <c r="L6" s="310">
        <v>1716</v>
      </c>
      <c r="M6" s="304">
        <v>0</v>
      </c>
      <c r="N6" s="308">
        <v>0</v>
      </c>
      <c r="O6" s="305">
        <v>0</v>
      </c>
      <c r="P6" s="307">
        <v>0</v>
      </c>
      <c r="Q6" s="308">
        <v>220</v>
      </c>
      <c r="R6" s="308">
        <v>588</v>
      </c>
      <c r="S6" s="308">
        <v>498</v>
      </c>
      <c r="T6" s="308">
        <v>486</v>
      </c>
      <c r="U6" s="308">
        <v>396</v>
      </c>
      <c r="V6" s="305">
        <v>2188</v>
      </c>
      <c r="W6" s="310">
        <v>2188</v>
      </c>
      <c r="X6" s="304">
        <v>0</v>
      </c>
      <c r="Y6" s="308">
        <v>2</v>
      </c>
      <c r="Z6" s="305">
        <v>2</v>
      </c>
      <c r="AA6" s="307">
        <v>0</v>
      </c>
      <c r="AB6" s="308">
        <v>12551</v>
      </c>
      <c r="AC6" s="308">
        <v>11378</v>
      </c>
      <c r="AD6" s="308">
        <v>5433</v>
      </c>
      <c r="AE6" s="308">
        <v>2811</v>
      </c>
      <c r="AF6" s="308">
        <v>1309</v>
      </c>
      <c r="AG6" s="305">
        <v>33482</v>
      </c>
      <c r="AH6" s="310">
        <v>33484</v>
      </c>
      <c r="AI6" s="304">
        <v>8</v>
      </c>
      <c r="AJ6" s="308">
        <v>8</v>
      </c>
      <c r="AK6" s="305">
        <v>16</v>
      </c>
      <c r="AL6" s="307">
        <v>0</v>
      </c>
      <c r="AM6" s="308">
        <v>778</v>
      </c>
      <c r="AN6" s="308">
        <v>909</v>
      </c>
      <c r="AO6" s="308">
        <v>1022</v>
      </c>
      <c r="AP6" s="308">
        <v>537</v>
      </c>
      <c r="AQ6" s="308">
        <v>449</v>
      </c>
      <c r="AR6" s="305">
        <v>3695</v>
      </c>
      <c r="AS6" s="310">
        <v>3711</v>
      </c>
      <c r="AT6" s="304">
        <v>180</v>
      </c>
      <c r="AU6" s="308">
        <v>273</v>
      </c>
      <c r="AV6" s="305">
        <v>453</v>
      </c>
      <c r="AW6" s="307">
        <v>0</v>
      </c>
      <c r="AX6" s="308">
        <v>1472</v>
      </c>
      <c r="AY6" s="308">
        <v>1555</v>
      </c>
      <c r="AZ6" s="308">
        <v>1284</v>
      </c>
      <c r="BA6" s="308">
        <v>931</v>
      </c>
      <c r="BB6" s="308">
        <v>490</v>
      </c>
      <c r="BC6" s="305">
        <v>5732</v>
      </c>
      <c r="BD6" s="310">
        <v>6185</v>
      </c>
      <c r="BE6" s="304">
        <v>0</v>
      </c>
      <c r="BF6" s="308">
        <v>41</v>
      </c>
      <c r="BG6" s="305">
        <v>41</v>
      </c>
      <c r="BH6" s="307">
        <v>0</v>
      </c>
      <c r="BI6" s="308">
        <v>2701</v>
      </c>
      <c r="BJ6" s="308">
        <v>3263</v>
      </c>
      <c r="BK6" s="308">
        <v>3387</v>
      </c>
      <c r="BL6" s="308">
        <v>2216</v>
      </c>
      <c r="BM6" s="308">
        <v>1480</v>
      </c>
      <c r="BN6" s="309">
        <v>13047</v>
      </c>
      <c r="BO6" s="310">
        <v>13088</v>
      </c>
      <c r="BP6" s="304">
        <v>0</v>
      </c>
      <c r="BQ6" s="308">
        <v>0</v>
      </c>
      <c r="BR6" s="305">
        <v>0</v>
      </c>
      <c r="BS6" s="307">
        <v>0</v>
      </c>
      <c r="BT6" s="308">
        <v>32</v>
      </c>
      <c r="BU6" s="308">
        <v>60</v>
      </c>
      <c r="BV6" s="308">
        <v>64</v>
      </c>
      <c r="BW6" s="308">
        <v>68</v>
      </c>
      <c r="BX6" s="308">
        <v>50</v>
      </c>
      <c r="BY6" s="305">
        <v>274</v>
      </c>
      <c r="BZ6" s="310">
        <v>274</v>
      </c>
      <c r="CA6" s="304">
        <v>0</v>
      </c>
      <c r="CB6" s="308">
        <v>0</v>
      </c>
      <c r="CC6" s="305">
        <v>0</v>
      </c>
      <c r="CD6" s="307">
        <v>0</v>
      </c>
      <c r="CE6" s="308">
        <v>13</v>
      </c>
      <c r="CF6" s="308">
        <v>25</v>
      </c>
      <c r="CG6" s="308">
        <v>241</v>
      </c>
      <c r="CH6" s="308">
        <v>291</v>
      </c>
      <c r="CI6" s="308">
        <v>197</v>
      </c>
      <c r="CJ6" s="305">
        <v>767</v>
      </c>
      <c r="CK6" s="310">
        <v>767</v>
      </c>
      <c r="CL6" s="304">
        <v>0</v>
      </c>
      <c r="CM6" s="308">
        <v>0</v>
      </c>
      <c r="CN6" s="305">
        <v>0</v>
      </c>
      <c r="CO6" s="307">
        <v>0</v>
      </c>
      <c r="CP6" s="308">
        <v>179</v>
      </c>
      <c r="CQ6" s="308">
        <v>239</v>
      </c>
      <c r="CR6" s="308">
        <v>271</v>
      </c>
      <c r="CS6" s="308">
        <v>310</v>
      </c>
      <c r="CT6" s="308">
        <v>375</v>
      </c>
      <c r="CU6" s="305">
        <v>1374</v>
      </c>
      <c r="CV6" s="310">
        <v>1374</v>
      </c>
    </row>
    <row r="7" spans="1:100" ht="21" customHeight="1" x14ac:dyDescent="0.2">
      <c r="A7" s="296" t="s">
        <v>5</v>
      </c>
      <c r="B7" s="311">
        <v>0</v>
      </c>
      <c r="C7" s="312">
        <v>0</v>
      </c>
      <c r="D7" s="313">
        <v>0</v>
      </c>
      <c r="E7" s="314">
        <v>0</v>
      </c>
      <c r="F7" s="315">
        <v>127</v>
      </c>
      <c r="G7" s="315">
        <v>193</v>
      </c>
      <c r="H7" s="315">
        <v>158</v>
      </c>
      <c r="I7" s="315">
        <v>182</v>
      </c>
      <c r="J7" s="315">
        <v>155</v>
      </c>
      <c r="K7" s="316">
        <v>815</v>
      </c>
      <c r="L7" s="317">
        <v>815</v>
      </c>
      <c r="M7" s="311">
        <v>0</v>
      </c>
      <c r="N7" s="315">
        <v>0</v>
      </c>
      <c r="O7" s="312">
        <v>0</v>
      </c>
      <c r="P7" s="314">
        <v>0</v>
      </c>
      <c r="Q7" s="315">
        <v>128</v>
      </c>
      <c r="R7" s="315">
        <v>456</v>
      </c>
      <c r="S7" s="315">
        <v>374</v>
      </c>
      <c r="T7" s="315">
        <v>348</v>
      </c>
      <c r="U7" s="315">
        <v>298</v>
      </c>
      <c r="V7" s="312">
        <v>1604</v>
      </c>
      <c r="W7" s="317">
        <v>1604</v>
      </c>
      <c r="X7" s="311">
        <v>0</v>
      </c>
      <c r="Y7" s="315">
        <v>2</v>
      </c>
      <c r="Z7" s="312">
        <v>2</v>
      </c>
      <c r="AA7" s="314">
        <v>0</v>
      </c>
      <c r="AB7" s="315">
        <v>4154</v>
      </c>
      <c r="AC7" s="315">
        <v>5296</v>
      </c>
      <c r="AD7" s="315">
        <v>2432</v>
      </c>
      <c r="AE7" s="315">
        <v>1257</v>
      </c>
      <c r="AF7" s="315">
        <v>576</v>
      </c>
      <c r="AG7" s="312">
        <v>13715</v>
      </c>
      <c r="AH7" s="317">
        <v>13717</v>
      </c>
      <c r="AI7" s="311">
        <v>3</v>
      </c>
      <c r="AJ7" s="315">
        <v>1</v>
      </c>
      <c r="AK7" s="312">
        <v>4</v>
      </c>
      <c r="AL7" s="314">
        <v>0</v>
      </c>
      <c r="AM7" s="315">
        <v>354</v>
      </c>
      <c r="AN7" s="315">
        <v>449</v>
      </c>
      <c r="AO7" s="315">
        <v>523</v>
      </c>
      <c r="AP7" s="315">
        <v>286</v>
      </c>
      <c r="AQ7" s="315">
        <v>265</v>
      </c>
      <c r="AR7" s="312">
        <v>1877</v>
      </c>
      <c r="AS7" s="317">
        <v>1881</v>
      </c>
      <c r="AT7" s="311">
        <v>75</v>
      </c>
      <c r="AU7" s="315">
        <v>109</v>
      </c>
      <c r="AV7" s="312">
        <v>184</v>
      </c>
      <c r="AW7" s="314">
        <v>0</v>
      </c>
      <c r="AX7" s="315">
        <v>519</v>
      </c>
      <c r="AY7" s="315">
        <v>636</v>
      </c>
      <c r="AZ7" s="315">
        <v>547</v>
      </c>
      <c r="BA7" s="315">
        <v>412</v>
      </c>
      <c r="BB7" s="315">
        <v>234</v>
      </c>
      <c r="BC7" s="312">
        <v>2348</v>
      </c>
      <c r="BD7" s="317">
        <v>2532</v>
      </c>
      <c r="BE7" s="311">
        <v>0</v>
      </c>
      <c r="BF7" s="315">
        <v>13</v>
      </c>
      <c r="BG7" s="312">
        <v>13</v>
      </c>
      <c r="BH7" s="314">
        <v>0</v>
      </c>
      <c r="BI7" s="315">
        <v>1149</v>
      </c>
      <c r="BJ7" s="315">
        <v>1447</v>
      </c>
      <c r="BK7" s="315">
        <v>1427</v>
      </c>
      <c r="BL7" s="315">
        <v>934</v>
      </c>
      <c r="BM7" s="315">
        <v>656</v>
      </c>
      <c r="BN7" s="316">
        <v>5613</v>
      </c>
      <c r="BO7" s="317">
        <v>5626</v>
      </c>
      <c r="BP7" s="311">
        <v>0</v>
      </c>
      <c r="BQ7" s="315">
        <v>0</v>
      </c>
      <c r="BR7" s="312">
        <v>0</v>
      </c>
      <c r="BS7" s="314">
        <v>0</v>
      </c>
      <c r="BT7" s="315">
        <v>1</v>
      </c>
      <c r="BU7" s="315">
        <v>1</v>
      </c>
      <c r="BV7" s="315">
        <v>2</v>
      </c>
      <c r="BW7" s="315">
        <v>3</v>
      </c>
      <c r="BX7" s="315">
        <v>5</v>
      </c>
      <c r="BY7" s="312">
        <v>12</v>
      </c>
      <c r="BZ7" s="317">
        <v>12</v>
      </c>
      <c r="CA7" s="311">
        <v>0</v>
      </c>
      <c r="CB7" s="315">
        <v>0</v>
      </c>
      <c r="CC7" s="312">
        <v>0</v>
      </c>
      <c r="CD7" s="314">
        <v>0</v>
      </c>
      <c r="CE7" s="315">
        <v>4</v>
      </c>
      <c r="CF7" s="315">
        <v>5</v>
      </c>
      <c r="CG7" s="315">
        <v>21</v>
      </c>
      <c r="CH7" s="315">
        <v>29</v>
      </c>
      <c r="CI7" s="315">
        <v>21</v>
      </c>
      <c r="CJ7" s="312">
        <v>80</v>
      </c>
      <c r="CK7" s="317">
        <v>80</v>
      </c>
      <c r="CL7" s="311">
        <v>0</v>
      </c>
      <c r="CM7" s="315">
        <v>0</v>
      </c>
      <c r="CN7" s="312">
        <v>0</v>
      </c>
      <c r="CO7" s="314">
        <v>0</v>
      </c>
      <c r="CP7" s="315">
        <v>28</v>
      </c>
      <c r="CQ7" s="315">
        <v>56</v>
      </c>
      <c r="CR7" s="315">
        <v>81</v>
      </c>
      <c r="CS7" s="315">
        <v>95</v>
      </c>
      <c r="CT7" s="315">
        <v>149</v>
      </c>
      <c r="CU7" s="312">
        <v>409</v>
      </c>
      <c r="CV7" s="317">
        <v>409</v>
      </c>
    </row>
    <row r="8" spans="1:100" ht="21" customHeight="1" x14ac:dyDescent="0.2">
      <c r="A8" s="296" t="s">
        <v>6</v>
      </c>
      <c r="B8" s="311">
        <v>0</v>
      </c>
      <c r="C8" s="312">
        <v>0</v>
      </c>
      <c r="D8" s="313">
        <v>0</v>
      </c>
      <c r="E8" s="314">
        <v>0</v>
      </c>
      <c r="F8" s="315">
        <v>83</v>
      </c>
      <c r="G8" s="315">
        <v>85</v>
      </c>
      <c r="H8" s="315">
        <v>70</v>
      </c>
      <c r="I8" s="315">
        <v>96</v>
      </c>
      <c r="J8" s="315">
        <v>95</v>
      </c>
      <c r="K8" s="316">
        <v>429</v>
      </c>
      <c r="L8" s="317">
        <v>429</v>
      </c>
      <c r="M8" s="311">
        <v>0</v>
      </c>
      <c r="N8" s="315">
        <v>0</v>
      </c>
      <c r="O8" s="312">
        <v>0</v>
      </c>
      <c r="P8" s="314">
        <v>0</v>
      </c>
      <c r="Q8" s="315">
        <v>65</v>
      </c>
      <c r="R8" s="315">
        <v>97</v>
      </c>
      <c r="S8" s="315">
        <v>90</v>
      </c>
      <c r="T8" s="315">
        <v>110</v>
      </c>
      <c r="U8" s="315">
        <v>79</v>
      </c>
      <c r="V8" s="312">
        <v>441</v>
      </c>
      <c r="W8" s="317">
        <v>441</v>
      </c>
      <c r="X8" s="311">
        <v>0</v>
      </c>
      <c r="Y8" s="315">
        <v>0</v>
      </c>
      <c r="Z8" s="312">
        <v>0</v>
      </c>
      <c r="AA8" s="314">
        <v>0</v>
      </c>
      <c r="AB8" s="315">
        <v>1910</v>
      </c>
      <c r="AC8" s="315">
        <v>1250</v>
      </c>
      <c r="AD8" s="315">
        <v>690</v>
      </c>
      <c r="AE8" s="315">
        <v>422</v>
      </c>
      <c r="AF8" s="315">
        <v>209</v>
      </c>
      <c r="AG8" s="312">
        <v>4481</v>
      </c>
      <c r="AH8" s="317">
        <v>4481</v>
      </c>
      <c r="AI8" s="311">
        <v>3</v>
      </c>
      <c r="AJ8" s="315">
        <v>1</v>
      </c>
      <c r="AK8" s="312">
        <v>4</v>
      </c>
      <c r="AL8" s="314">
        <v>0</v>
      </c>
      <c r="AM8" s="315">
        <v>180</v>
      </c>
      <c r="AN8" s="315">
        <v>182</v>
      </c>
      <c r="AO8" s="315">
        <v>219</v>
      </c>
      <c r="AP8" s="315">
        <v>137</v>
      </c>
      <c r="AQ8" s="315">
        <v>84</v>
      </c>
      <c r="AR8" s="312">
        <v>802</v>
      </c>
      <c r="AS8" s="317">
        <v>806</v>
      </c>
      <c r="AT8" s="311">
        <v>21</v>
      </c>
      <c r="AU8" s="315">
        <v>31</v>
      </c>
      <c r="AV8" s="312">
        <v>52</v>
      </c>
      <c r="AW8" s="314">
        <v>0</v>
      </c>
      <c r="AX8" s="315">
        <v>243</v>
      </c>
      <c r="AY8" s="315">
        <v>224</v>
      </c>
      <c r="AZ8" s="315">
        <v>182</v>
      </c>
      <c r="BA8" s="315">
        <v>145</v>
      </c>
      <c r="BB8" s="315">
        <v>61</v>
      </c>
      <c r="BC8" s="312">
        <v>855</v>
      </c>
      <c r="BD8" s="317">
        <v>907</v>
      </c>
      <c r="BE8" s="311">
        <v>0</v>
      </c>
      <c r="BF8" s="315">
        <v>7</v>
      </c>
      <c r="BG8" s="312">
        <v>7</v>
      </c>
      <c r="BH8" s="314">
        <v>0</v>
      </c>
      <c r="BI8" s="315">
        <v>483</v>
      </c>
      <c r="BJ8" s="315">
        <v>552</v>
      </c>
      <c r="BK8" s="315">
        <v>562</v>
      </c>
      <c r="BL8" s="315">
        <v>389</v>
      </c>
      <c r="BM8" s="315">
        <v>247</v>
      </c>
      <c r="BN8" s="316">
        <v>2233</v>
      </c>
      <c r="BO8" s="317">
        <v>2240</v>
      </c>
      <c r="BP8" s="311">
        <v>0</v>
      </c>
      <c r="BQ8" s="315">
        <v>0</v>
      </c>
      <c r="BR8" s="312">
        <v>0</v>
      </c>
      <c r="BS8" s="314">
        <v>0</v>
      </c>
      <c r="BT8" s="315">
        <v>0</v>
      </c>
      <c r="BU8" s="315">
        <v>0</v>
      </c>
      <c r="BV8" s="315">
        <v>0</v>
      </c>
      <c r="BW8" s="315">
        <v>0</v>
      </c>
      <c r="BX8" s="315">
        <v>0</v>
      </c>
      <c r="BY8" s="312">
        <v>0</v>
      </c>
      <c r="BZ8" s="317">
        <v>0</v>
      </c>
      <c r="CA8" s="311">
        <v>0</v>
      </c>
      <c r="CB8" s="315">
        <v>0</v>
      </c>
      <c r="CC8" s="312">
        <v>0</v>
      </c>
      <c r="CD8" s="314">
        <v>0</v>
      </c>
      <c r="CE8" s="315">
        <v>4</v>
      </c>
      <c r="CF8" s="315">
        <v>5</v>
      </c>
      <c r="CG8" s="315">
        <v>66</v>
      </c>
      <c r="CH8" s="315">
        <v>84</v>
      </c>
      <c r="CI8" s="315">
        <v>55</v>
      </c>
      <c r="CJ8" s="312">
        <v>214</v>
      </c>
      <c r="CK8" s="317">
        <v>214</v>
      </c>
      <c r="CL8" s="311">
        <v>0</v>
      </c>
      <c r="CM8" s="315">
        <v>0</v>
      </c>
      <c r="CN8" s="312">
        <v>0</v>
      </c>
      <c r="CO8" s="314">
        <v>0</v>
      </c>
      <c r="CP8" s="315">
        <v>57</v>
      </c>
      <c r="CQ8" s="315">
        <v>78</v>
      </c>
      <c r="CR8" s="315">
        <v>68</v>
      </c>
      <c r="CS8" s="315">
        <v>85</v>
      </c>
      <c r="CT8" s="315">
        <v>80</v>
      </c>
      <c r="CU8" s="312">
        <v>368</v>
      </c>
      <c r="CV8" s="317">
        <v>368</v>
      </c>
    </row>
    <row r="9" spans="1:100" ht="21" customHeight="1" x14ac:dyDescent="0.2">
      <c r="A9" s="296" t="s">
        <v>14</v>
      </c>
      <c r="B9" s="311">
        <v>0</v>
      </c>
      <c r="C9" s="312">
        <v>0</v>
      </c>
      <c r="D9" s="313">
        <v>0</v>
      </c>
      <c r="E9" s="314">
        <v>0</v>
      </c>
      <c r="F9" s="315">
        <v>13</v>
      </c>
      <c r="G9" s="315">
        <v>16</v>
      </c>
      <c r="H9" s="315">
        <v>15</v>
      </c>
      <c r="I9" s="315">
        <v>19</v>
      </c>
      <c r="J9" s="315">
        <v>15</v>
      </c>
      <c r="K9" s="316">
        <v>78</v>
      </c>
      <c r="L9" s="317">
        <v>78</v>
      </c>
      <c r="M9" s="311">
        <v>0</v>
      </c>
      <c r="N9" s="315">
        <v>0</v>
      </c>
      <c r="O9" s="312">
        <v>0</v>
      </c>
      <c r="P9" s="314">
        <v>0</v>
      </c>
      <c r="Q9" s="315">
        <v>2</v>
      </c>
      <c r="R9" s="315">
        <v>3</v>
      </c>
      <c r="S9" s="315">
        <v>2</v>
      </c>
      <c r="T9" s="315">
        <v>3</v>
      </c>
      <c r="U9" s="315">
        <v>2</v>
      </c>
      <c r="V9" s="312">
        <v>12</v>
      </c>
      <c r="W9" s="317">
        <v>12</v>
      </c>
      <c r="X9" s="311">
        <v>0</v>
      </c>
      <c r="Y9" s="315">
        <v>0</v>
      </c>
      <c r="Z9" s="312">
        <v>0</v>
      </c>
      <c r="AA9" s="314">
        <v>0</v>
      </c>
      <c r="AB9" s="315">
        <v>1042</v>
      </c>
      <c r="AC9" s="315">
        <v>1035</v>
      </c>
      <c r="AD9" s="315">
        <v>517</v>
      </c>
      <c r="AE9" s="315">
        <v>256</v>
      </c>
      <c r="AF9" s="315">
        <v>110</v>
      </c>
      <c r="AG9" s="312">
        <v>2960</v>
      </c>
      <c r="AH9" s="317">
        <v>2960</v>
      </c>
      <c r="AI9" s="311">
        <v>0</v>
      </c>
      <c r="AJ9" s="315">
        <v>0</v>
      </c>
      <c r="AK9" s="312">
        <v>0</v>
      </c>
      <c r="AL9" s="314">
        <v>0</v>
      </c>
      <c r="AM9" s="315">
        <v>15</v>
      </c>
      <c r="AN9" s="315">
        <v>21</v>
      </c>
      <c r="AO9" s="315">
        <v>33</v>
      </c>
      <c r="AP9" s="315">
        <v>16</v>
      </c>
      <c r="AQ9" s="315">
        <v>19</v>
      </c>
      <c r="AR9" s="312">
        <v>104</v>
      </c>
      <c r="AS9" s="317">
        <v>104</v>
      </c>
      <c r="AT9" s="311">
        <v>15</v>
      </c>
      <c r="AU9" s="315">
        <v>28</v>
      </c>
      <c r="AV9" s="312">
        <v>43</v>
      </c>
      <c r="AW9" s="314">
        <v>0</v>
      </c>
      <c r="AX9" s="315">
        <v>136</v>
      </c>
      <c r="AY9" s="315">
        <v>132</v>
      </c>
      <c r="AZ9" s="315">
        <v>106</v>
      </c>
      <c r="BA9" s="315">
        <v>78</v>
      </c>
      <c r="BB9" s="315">
        <v>25</v>
      </c>
      <c r="BC9" s="312">
        <v>477</v>
      </c>
      <c r="BD9" s="317">
        <v>520</v>
      </c>
      <c r="BE9" s="311">
        <v>0</v>
      </c>
      <c r="BF9" s="315">
        <v>3</v>
      </c>
      <c r="BG9" s="312">
        <v>3</v>
      </c>
      <c r="BH9" s="314">
        <v>0</v>
      </c>
      <c r="BI9" s="315">
        <v>266</v>
      </c>
      <c r="BJ9" s="315">
        <v>284</v>
      </c>
      <c r="BK9" s="315">
        <v>320</v>
      </c>
      <c r="BL9" s="315">
        <v>200</v>
      </c>
      <c r="BM9" s="315">
        <v>137</v>
      </c>
      <c r="BN9" s="316">
        <v>1207</v>
      </c>
      <c r="BO9" s="317">
        <v>1210</v>
      </c>
      <c r="BP9" s="311">
        <v>0</v>
      </c>
      <c r="BQ9" s="315">
        <v>0</v>
      </c>
      <c r="BR9" s="312">
        <v>0</v>
      </c>
      <c r="BS9" s="314">
        <v>0</v>
      </c>
      <c r="BT9" s="315">
        <v>0</v>
      </c>
      <c r="BU9" s="315">
        <v>0</v>
      </c>
      <c r="BV9" s="315">
        <v>0</v>
      </c>
      <c r="BW9" s="315">
        <v>0</v>
      </c>
      <c r="BX9" s="315">
        <v>0</v>
      </c>
      <c r="BY9" s="312">
        <v>0</v>
      </c>
      <c r="BZ9" s="317">
        <v>0</v>
      </c>
      <c r="CA9" s="311">
        <v>0</v>
      </c>
      <c r="CB9" s="315">
        <v>0</v>
      </c>
      <c r="CC9" s="312">
        <v>0</v>
      </c>
      <c r="CD9" s="314">
        <v>0</v>
      </c>
      <c r="CE9" s="315">
        <v>0</v>
      </c>
      <c r="CF9" s="315">
        <v>2</v>
      </c>
      <c r="CG9" s="315">
        <v>16</v>
      </c>
      <c r="CH9" s="315">
        <v>30</v>
      </c>
      <c r="CI9" s="315">
        <v>7</v>
      </c>
      <c r="CJ9" s="312">
        <v>55</v>
      </c>
      <c r="CK9" s="317">
        <v>55</v>
      </c>
      <c r="CL9" s="311">
        <v>0</v>
      </c>
      <c r="CM9" s="315">
        <v>0</v>
      </c>
      <c r="CN9" s="312">
        <v>0</v>
      </c>
      <c r="CO9" s="314">
        <v>0</v>
      </c>
      <c r="CP9" s="315">
        <v>8</v>
      </c>
      <c r="CQ9" s="315">
        <v>10</v>
      </c>
      <c r="CR9" s="315">
        <v>12</v>
      </c>
      <c r="CS9" s="315">
        <v>13</v>
      </c>
      <c r="CT9" s="315">
        <v>14</v>
      </c>
      <c r="CU9" s="312">
        <v>57</v>
      </c>
      <c r="CV9" s="317">
        <v>57</v>
      </c>
    </row>
    <row r="10" spans="1:100" ht="21" customHeight="1" x14ac:dyDescent="0.2">
      <c r="A10" s="296" t="s">
        <v>7</v>
      </c>
      <c r="B10" s="311">
        <v>0</v>
      </c>
      <c r="C10" s="312">
        <v>0</v>
      </c>
      <c r="D10" s="313">
        <v>0</v>
      </c>
      <c r="E10" s="314">
        <v>0</v>
      </c>
      <c r="F10" s="315">
        <v>4</v>
      </c>
      <c r="G10" s="315">
        <v>8</v>
      </c>
      <c r="H10" s="315">
        <v>7</v>
      </c>
      <c r="I10" s="315">
        <v>6</v>
      </c>
      <c r="J10" s="315">
        <v>8</v>
      </c>
      <c r="K10" s="316">
        <v>33</v>
      </c>
      <c r="L10" s="317">
        <v>33</v>
      </c>
      <c r="M10" s="311">
        <v>0</v>
      </c>
      <c r="N10" s="315">
        <v>0</v>
      </c>
      <c r="O10" s="312">
        <v>0</v>
      </c>
      <c r="P10" s="314">
        <v>0</v>
      </c>
      <c r="Q10" s="315">
        <v>0</v>
      </c>
      <c r="R10" s="315">
        <v>0</v>
      </c>
      <c r="S10" s="315">
        <v>0</v>
      </c>
      <c r="T10" s="315">
        <v>0</v>
      </c>
      <c r="U10" s="315">
        <v>0</v>
      </c>
      <c r="V10" s="312">
        <v>0</v>
      </c>
      <c r="W10" s="317">
        <v>0</v>
      </c>
      <c r="X10" s="311">
        <v>0</v>
      </c>
      <c r="Y10" s="315">
        <v>0</v>
      </c>
      <c r="Z10" s="312">
        <v>0</v>
      </c>
      <c r="AA10" s="314">
        <v>0</v>
      </c>
      <c r="AB10" s="315">
        <v>961</v>
      </c>
      <c r="AC10" s="315">
        <v>576</v>
      </c>
      <c r="AD10" s="315">
        <v>272</v>
      </c>
      <c r="AE10" s="315">
        <v>123</v>
      </c>
      <c r="AF10" s="315">
        <v>54</v>
      </c>
      <c r="AG10" s="312">
        <v>1986</v>
      </c>
      <c r="AH10" s="317">
        <v>1986</v>
      </c>
      <c r="AI10" s="311">
        <v>1</v>
      </c>
      <c r="AJ10" s="315">
        <v>0</v>
      </c>
      <c r="AK10" s="312">
        <v>1</v>
      </c>
      <c r="AL10" s="314">
        <v>0</v>
      </c>
      <c r="AM10" s="315">
        <v>83</v>
      </c>
      <c r="AN10" s="315">
        <v>93</v>
      </c>
      <c r="AO10" s="315">
        <v>92</v>
      </c>
      <c r="AP10" s="315">
        <v>34</v>
      </c>
      <c r="AQ10" s="315">
        <v>13</v>
      </c>
      <c r="AR10" s="312">
        <v>315</v>
      </c>
      <c r="AS10" s="317">
        <v>316</v>
      </c>
      <c r="AT10" s="311">
        <v>7</v>
      </c>
      <c r="AU10" s="315">
        <v>13</v>
      </c>
      <c r="AV10" s="312">
        <v>20</v>
      </c>
      <c r="AW10" s="314">
        <v>0</v>
      </c>
      <c r="AX10" s="315">
        <v>60</v>
      </c>
      <c r="AY10" s="315">
        <v>50</v>
      </c>
      <c r="AZ10" s="315">
        <v>32</v>
      </c>
      <c r="BA10" s="315">
        <v>15</v>
      </c>
      <c r="BB10" s="315">
        <v>9</v>
      </c>
      <c r="BC10" s="312">
        <v>166</v>
      </c>
      <c r="BD10" s="317">
        <v>186</v>
      </c>
      <c r="BE10" s="311">
        <v>0</v>
      </c>
      <c r="BF10" s="315">
        <v>1</v>
      </c>
      <c r="BG10" s="312">
        <v>1</v>
      </c>
      <c r="BH10" s="314">
        <v>0</v>
      </c>
      <c r="BI10" s="315">
        <v>122</v>
      </c>
      <c r="BJ10" s="315">
        <v>142</v>
      </c>
      <c r="BK10" s="315">
        <v>194</v>
      </c>
      <c r="BL10" s="315">
        <v>131</v>
      </c>
      <c r="BM10" s="315">
        <v>76</v>
      </c>
      <c r="BN10" s="316">
        <v>665</v>
      </c>
      <c r="BO10" s="317">
        <v>666</v>
      </c>
      <c r="BP10" s="311">
        <v>0</v>
      </c>
      <c r="BQ10" s="315">
        <v>0</v>
      </c>
      <c r="BR10" s="312">
        <v>0</v>
      </c>
      <c r="BS10" s="314">
        <v>0</v>
      </c>
      <c r="BT10" s="315">
        <v>0</v>
      </c>
      <c r="BU10" s="315">
        <v>0</v>
      </c>
      <c r="BV10" s="315">
        <v>0</v>
      </c>
      <c r="BW10" s="315">
        <v>0</v>
      </c>
      <c r="BX10" s="315">
        <v>0</v>
      </c>
      <c r="BY10" s="312">
        <v>0</v>
      </c>
      <c r="BZ10" s="317">
        <v>0</v>
      </c>
      <c r="CA10" s="311">
        <v>0</v>
      </c>
      <c r="CB10" s="315">
        <v>0</v>
      </c>
      <c r="CC10" s="312">
        <v>0</v>
      </c>
      <c r="CD10" s="314">
        <v>0</v>
      </c>
      <c r="CE10" s="315">
        <v>0</v>
      </c>
      <c r="CF10" s="315">
        <v>0</v>
      </c>
      <c r="CG10" s="315">
        <v>0</v>
      </c>
      <c r="CH10" s="315">
        <v>0</v>
      </c>
      <c r="CI10" s="315">
        <v>0</v>
      </c>
      <c r="CJ10" s="312">
        <v>0</v>
      </c>
      <c r="CK10" s="317">
        <v>0</v>
      </c>
      <c r="CL10" s="311">
        <v>0</v>
      </c>
      <c r="CM10" s="315">
        <v>0</v>
      </c>
      <c r="CN10" s="312">
        <v>0</v>
      </c>
      <c r="CO10" s="314">
        <v>0</v>
      </c>
      <c r="CP10" s="315">
        <v>7</v>
      </c>
      <c r="CQ10" s="315">
        <v>11</v>
      </c>
      <c r="CR10" s="315">
        <v>10</v>
      </c>
      <c r="CS10" s="315">
        <v>10</v>
      </c>
      <c r="CT10" s="315">
        <v>19</v>
      </c>
      <c r="CU10" s="312">
        <v>57</v>
      </c>
      <c r="CV10" s="317">
        <v>57</v>
      </c>
    </row>
    <row r="11" spans="1:100" ht="21" customHeight="1" x14ac:dyDescent="0.2">
      <c r="A11" s="296" t="s">
        <v>8</v>
      </c>
      <c r="B11" s="311">
        <v>0</v>
      </c>
      <c r="C11" s="312">
        <v>0</v>
      </c>
      <c r="D11" s="313">
        <v>0</v>
      </c>
      <c r="E11" s="314">
        <v>0</v>
      </c>
      <c r="F11" s="315">
        <v>4</v>
      </c>
      <c r="G11" s="315">
        <v>9</v>
      </c>
      <c r="H11" s="315">
        <v>5</v>
      </c>
      <c r="I11" s="315">
        <v>7</v>
      </c>
      <c r="J11" s="315">
        <v>4</v>
      </c>
      <c r="K11" s="316">
        <v>29</v>
      </c>
      <c r="L11" s="317">
        <v>29</v>
      </c>
      <c r="M11" s="311">
        <v>0</v>
      </c>
      <c r="N11" s="315">
        <v>0</v>
      </c>
      <c r="O11" s="312">
        <v>0</v>
      </c>
      <c r="P11" s="314">
        <v>0</v>
      </c>
      <c r="Q11" s="315">
        <v>1</v>
      </c>
      <c r="R11" s="315">
        <v>2</v>
      </c>
      <c r="S11" s="315">
        <v>1</v>
      </c>
      <c r="T11" s="315">
        <v>2</v>
      </c>
      <c r="U11" s="315">
        <v>3</v>
      </c>
      <c r="V11" s="312">
        <v>9</v>
      </c>
      <c r="W11" s="317">
        <v>9</v>
      </c>
      <c r="X11" s="311">
        <v>0</v>
      </c>
      <c r="Y11" s="315">
        <v>0</v>
      </c>
      <c r="Z11" s="312">
        <v>0</v>
      </c>
      <c r="AA11" s="314">
        <v>0</v>
      </c>
      <c r="AB11" s="315">
        <v>561</v>
      </c>
      <c r="AC11" s="315">
        <v>486</v>
      </c>
      <c r="AD11" s="315">
        <v>217</v>
      </c>
      <c r="AE11" s="315">
        <v>98</v>
      </c>
      <c r="AF11" s="315">
        <v>54</v>
      </c>
      <c r="AG11" s="312">
        <v>1416</v>
      </c>
      <c r="AH11" s="317">
        <v>1416</v>
      </c>
      <c r="AI11" s="311">
        <v>0</v>
      </c>
      <c r="AJ11" s="315">
        <v>0</v>
      </c>
      <c r="AK11" s="312">
        <v>0</v>
      </c>
      <c r="AL11" s="314">
        <v>0</v>
      </c>
      <c r="AM11" s="315">
        <v>9</v>
      </c>
      <c r="AN11" s="315">
        <v>13</v>
      </c>
      <c r="AO11" s="315">
        <v>9</v>
      </c>
      <c r="AP11" s="315">
        <v>4</v>
      </c>
      <c r="AQ11" s="315">
        <v>4</v>
      </c>
      <c r="AR11" s="312">
        <v>39</v>
      </c>
      <c r="AS11" s="317">
        <v>39</v>
      </c>
      <c r="AT11" s="311">
        <v>6</v>
      </c>
      <c r="AU11" s="315">
        <v>10</v>
      </c>
      <c r="AV11" s="312">
        <v>16</v>
      </c>
      <c r="AW11" s="314">
        <v>0</v>
      </c>
      <c r="AX11" s="315">
        <v>84</v>
      </c>
      <c r="AY11" s="315">
        <v>56</v>
      </c>
      <c r="AZ11" s="315">
        <v>48</v>
      </c>
      <c r="BA11" s="315">
        <v>18</v>
      </c>
      <c r="BB11" s="315">
        <v>9</v>
      </c>
      <c r="BC11" s="312">
        <v>215</v>
      </c>
      <c r="BD11" s="317">
        <v>231</v>
      </c>
      <c r="BE11" s="311">
        <v>0</v>
      </c>
      <c r="BF11" s="315">
        <v>0</v>
      </c>
      <c r="BG11" s="312">
        <v>0</v>
      </c>
      <c r="BH11" s="314">
        <v>0</v>
      </c>
      <c r="BI11" s="315">
        <v>68</v>
      </c>
      <c r="BJ11" s="315">
        <v>80</v>
      </c>
      <c r="BK11" s="315">
        <v>86</v>
      </c>
      <c r="BL11" s="315">
        <v>55</v>
      </c>
      <c r="BM11" s="315">
        <v>29</v>
      </c>
      <c r="BN11" s="316">
        <v>318</v>
      </c>
      <c r="BO11" s="317">
        <v>318</v>
      </c>
      <c r="BP11" s="311">
        <v>0</v>
      </c>
      <c r="BQ11" s="315">
        <v>0</v>
      </c>
      <c r="BR11" s="312">
        <v>0</v>
      </c>
      <c r="BS11" s="314">
        <v>0</v>
      </c>
      <c r="BT11" s="315">
        <v>2</v>
      </c>
      <c r="BU11" s="315">
        <v>11</v>
      </c>
      <c r="BV11" s="315">
        <v>12</v>
      </c>
      <c r="BW11" s="315">
        <v>14</v>
      </c>
      <c r="BX11" s="315">
        <v>3</v>
      </c>
      <c r="BY11" s="312">
        <v>42</v>
      </c>
      <c r="BZ11" s="317">
        <v>42</v>
      </c>
      <c r="CA11" s="311">
        <v>0</v>
      </c>
      <c r="CB11" s="315">
        <v>0</v>
      </c>
      <c r="CC11" s="312">
        <v>0</v>
      </c>
      <c r="CD11" s="314">
        <v>0</v>
      </c>
      <c r="CE11" s="315">
        <v>0</v>
      </c>
      <c r="CF11" s="315">
        <v>3</v>
      </c>
      <c r="CG11" s="315">
        <v>19</v>
      </c>
      <c r="CH11" s="315">
        <v>17</v>
      </c>
      <c r="CI11" s="315">
        <v>11</v>
      </c>
      <c r="CJ11" s="312">
        <v>50</v>
      </c>
      <c r="CK11" s="317">
        <v>50</v>
      </c>
      <c r="CL11" s="311">
        <v>0</v>
      </c>
      <c r="CM11" s="315">
        <v>0</v>
      </c>
      <c r="CN11" s="312">
        <v>0</v>
      </c>
      <c r="CO11" s="314">
        <v>0</v>
      </c>
      <c r="CP11" s="315">
        <v>17</v>
      </c>
      <c r="CQ11" s="315">
        <v>12</v>
      </c>
      <c r="CR11" s="315">
        <v>9</v>
      </c>
      <c r="CS11" s="315">
        <v>8</v>
      </c>
      <c r="CT11" s="315">
        <v>9</v>
      </c>
      <c r="CU11" s="312">
        <v>55</v>
      </c>
      <c r="CV11" s="317">
        <v>55</v>
      </c>
    </row>
    <row r="12" spans="1:100" ht="21" customHeight="1" x14ac:dyDescent="0.2">
      <c r="A12" s="296" t="s">
        <v>9</v>
      </c>
      <c r="B12" s="311">
        <v>0</v>
      </c>
      <c r="C12" s="312">
        <v>0</v>
      </c>
      <c r="D12" s="313">
        <v>0</v>
      </c>
      <c r="E12" s="314">
        <v>0</v>
      </c>
      <c r="F12" s="315">
        <v>4</v>
      </c>
      <c r="G12" s="315">
        <v>5</v>
      </c>
      <c r="H12" s="315">
        <v>2</v>
      </c>
      <c r="I12" s="315">
        <v>11</v>
      </c>
      <c r="J12" s="315">
        <v>4</v>
      </c>
      <c r="K12" s="316">
        <v>26</v>
      </c>
      <c r="L12" s="317">
        <v>26</v>
      </c>
      <c r="M12" s="311">
        <v>0</v>
      </c>
      <c r="N12" s="315">
        <v>0</v>
      </c>
      <c r="O12" s="312">
        <v>0</v>
      </c>
      <c r="P12" s="314">
        <v>0</v>
      </c>
      <c r="Q12" s="315">
        <v>0</v>
      </c>
      <c r="R12" s="315">
        <v>0</v>
      </c>
      <c r="S12" s="315">
        <v>0</v>
      </c>
      <c r="T12" s="315">
        <v>0</v>
      </c>
      <c r="U12" s="315">
        <v>0</v>
      </c>
      <c r="V12" s="312">
        <v>0</v>
      </c>
      <c r="W12" s="317">
        <v>0</v>
      </c>
      <c r="X12" s="311">
        <v>0</v>
      </c>
      <c r="Y12" s="315">
        <v>0</v>
      </c>
      <c r="Z12" s="312">
        <v>0</v>
      </c>
      <c r="AA12" s="314">
        <v>0</v>
      </c>
      <c r="AB12" s="315">
        <v>396</v>
      </c>
      <c r="AC12" s="315">
        <v>278</v>
      </c>
      <c r="AD12" s="315">
        <v>153</v>
      </c>
      <c r="AE12" s="315">
        <v>81</v>
      </c>
      <c r="AF12" s="315">
        <v>33</v>
      </c>
      <c r="AG12" s="312">
        <v>941</v>
      </c>
      <c r="AH12" s="317">
        <v>941</v>
      </c>
      <c r="AI12" s="311">
        <v>0</v>
      </c>
      <c r="AJ12" s="315">
        <v>0</v>
      </c>
      <c r="AK12" s="312">
        <v>0</v>
      </c>
      <c r="AL12" s="314">
        <v>0</v>
      </c>
      <c r="AM12" s="315">
        <v>8</v>
      </c>
      <c r="AN12" s="315">
        <v>6</v>
      </c>
      <c r="AO12" s="315">
        <v>6</v>
      </c>
      <c r="AP12" s="315">
        <v>5</v>
      </c>
      <c r="AQ12" s="315">
        <v>4</v>
      </c>
      <c r="AR12" s="312">
        <v>29</v>
      </c>
      <c r="AS12" s="317">
        <v>29</v>
      </c>
      <c r="AT12" s="311">
        <v>5</v>
      </c>
      <c r="AU12" s="315">
        <v>6</v>
      </c>
      <c r="AV12" s="312">
        <v>11</v>
      </c>
      <c r="AW12" s="314">
        <v>0</v>
      </c>
      <c r="AX12" s="315">
        <v>38</v>
      </c>
      <c r="AY12" s="315">
        <v>33</v>
      </c>
      <c r="AZ12" s="315">
        <v>21</v>
      </c>
      <c r="BA12" s="315">
        <v>22</v>
      </c>
      <c r="BB12" s="315">
        <v>3</v>
      </c>
      <c r="BC12" s="312">
        <v>117</v>
      </c>
      <c r="BD12" s="317">
        <v>128</v>
      </c>
      <c r="BE12" s="311">
        <v>0</v>
      </c>
      <c r="BF12" s="315">
        <v>1</v>
      </c>
      <c r="BG12" s="312">
        <v>1</v>
      </c>
      <c r="BH12" s="314">
        <v>0</v>
      </c>
      <c r="BI12" s="315">
        <v>31</v>
      </c>
      <c r="BJ12" s="315">
        <v>53</v>
      </c>
      <c r="BK12" s="315">
        <v>93</v>
      </c>
      <c r="BL12" s="315">
        <v>40</v>
      </c>
      <c r="BM12" s="315">
        <v>26</v>
      </c>
      <c r="BN12" s="316">
        <v>243</v>
      </c>
      <c r="BO12" s="317">
        <v>244</v>
      </c>
      <c r="BP12" s="311">
        <v>0</v>
      </c>
      <c r="BQ12" s="315">
        <v>0</v>
      </c>
      <c r="BR12" s="312">
        <v>0</v>
      </c>
      <c r="BS12" s="314">
        <v>0</v>
      </c>
      <c r="BT12" s="315">
        <v>3</v>
      </c>
      <c r="BU12" s="315">
        <v>7</v>
      </c>
      <c r="BV12" s="315">
        <v>7</v>
      </c>
      <c r="BW12" s="315">
        <v>4</v>
      </c>
      <c r="BX12" s="315">
        <v>5</v>
      </c>
      <c r="BY12" s="312">
        <v>26</v>
      </c>
      <c r="BZ12" s="317">
        <v>26</v>
      </c>
      <c r="CA12" s="311">
        <v>0</v>
      </c>
      <c r="CB12" s="315">
        <v>0</v>
      </c>
      <c r="CC12" s="312">
        <v>0</v>
      </c>
      <c r="CD12" s="314">
        <v>0</v>
      </c>
      <c r="CE12" s="315">
        <v>0</v>
      </c>
      <c r="CF12" s="315">
        <v>0</v>
      </c>
      <c r="CG12" s="315">
        <v>0</v>
      </c>
      <c r="CH12" s="315">
        <v>1</v>
      </c>
      <c r="CI12" s="315">
        <v>0</v>
      </c>
      <c r="CJ12" s="312">
        <v>1</v>
      </c>
      <c r="CK12" s="317">
        <v>1</v>
      </c>
      <c r="CL12" s="311">
        <v>0</v>
      </c>
      <c r="CM12" s="315">
        <v>0</v>
      </c>
      <c r="CN12" s="312">
        <v>0</v>
      </c>
      <c r="CO12" s="314">
        <v>0</v>
      </c>
      <c r="CP12" s="315">
        <v>5</v>
      </c>
      <c r="CQ12" s="315">
        <v>3</v>
      </c>
      <c r="CR12" s="315">
        <v>10</v>
      </c>
      <c r="CS12" s="315">
        <v>10</v>
      </c>
      <c r="CT12" s="315">
        <v>13</v>
      </c>
      <c r="CU12" s="312">
        <v>41</v>
      </c>
      <c r="CV12" s="317">
        <v>41</v>
      </c>
    </row>
    <row r="13" spans="1:100" ht="21" customHeight="1" x14ac:dyDescent="0.2">
      <c r="A13" s="296" t="s">
        <v>10</v>
      </c>
      <c r="B13" s="311">
        <v>0</v>
      </c>
      <c r="C13" s="312">
        <v>0</v>
      </c>
      <c r="D13" s="313">
        <v>0</v>
      </c>
      <c r="E13" s="314">
        <v>0</v>
      </c>
      <c r="F13" s="315">
        <v>24</v>
      </c>
      <c r="G13" s="315">
        <v>13</v>
      </c>
      <c r="H13" s="315">
        <v>13</v>
      </c>
      <c r="I13" s="315">
        <v>16</v>
      </c>
      <c r="J13" s="315">
        <v>8</v>
      </c>
      <c r="K13" s="316">
        <v>74</v>
      </c>
      <c r="L13" s="317">
        <v>74</v>
      </c>
      <c r="M13" s="311">
        <v>0</v>
      </c>
      <c r="N13" s="315">
        <v>0</v>
      </c>
      <c r="O13" s="312">
        <v>0</v>
      </c>
      <c r="P13" s="314">
        <v>0</v>
      </c>
      <c r="Q13" s="315">
        <v>10</v>
      </c>
      <c r="R13" s="315">
        <v>13</v>
      </c>
      <c r="S13" s="315">
        <v>15</v>
      </c>
      <c r="T13" s="315">
        <v>10</v>
      </c>
      <c r="U13" s="315">
        <v>10</v>
      </c>
      <c r="V13" s="312">
        <v>58</v>
      </c>
      <c r="W13" s="317">
        <v>58</v>
      </c>
      <c r="X13" s="311">
        <v>0</v>
      </c>
      <c r="Y13" s="315">
        <v>0</v>
      </c>
      <c r="Z13" s="312">
        <v>0</v>
      </c>
      <c r="AA13" s="314">
        <v>0</v>
      </c>
      <c r="AB13" s="315">
        <v>533</v>
      </c>
      <c r="AC13" s="315">
        <v>251</v>
      </c>
      <c r="AD13" s="315">
        <v>128</v>
      </c>
      <c r="AE13" s="315">
        <v>54</v>
      </c>
      <c r="AF13" s="315">
        <v>29</v>
      </c>
      <c r="AG13" s="312">
        <v>995</v>
      </c>
      <c r="AH13" s="317">
        <v>995</v>
      </c>
      <c r="AI13" s="311">
        <v>0</v>
      </c>
      <c r="AJ13" s="315">
        <v>1</v>
      </c>
      <c r="AK13" s="312">
        <v>1</v>
      </c>
      <c r="AL13" s="314">
        <v>0</v>
      </c>
      <c r="AM13" s="315">
        <v>17</v>
      </c>
      <c r="AN13" s="315">
        <v>18</v>
      </c>
      <c r="AO13" s="315">
        <v>18</v>
      </c>
      <c r="AP13" s="315">
        <v>9</v>
      </c>
      <c r="AQ13" s="315">
        <v>7</v>
      </c>
      <c r="AR13" s="312">
        <v>69</v>
      </c>
      <c r="AS13" s="317">
        <v>70</v>
      </c>
      <c r="AT13" s="311">
        <v>8</v>
      </c>
      <c r="AU13" s="315">
        <v>22</v>
      </c>
      <c r="AV13" s="312">
        <v>30</v>
      </c>
      <c r="AW13" s="314">
        <v>0</v>
      </c>
      <c r="AX13" s="315">
        <v>95</v>
      </c>
      <c r="AY13" s="315">
        <v>89</v>
      </c>
      <c r="AZ13" s="315">
        <v>82</v>
      </c>
      <c r="BA13" s="315">
        <v>56</v>
      </c>
      <c r="BB13" s="315">
        <v>40</v>
      </c>
      <c r="BC13" s="312">
        <v>362</v>
      </c>
      <c r="BD13" s="317">
        <v>392</v>
      </c>
      <c r="BE13" s="311">
        <v>0</v>
      </c>
      <c r="BF13" s="315">
        <v>4</v>
      </c>
      <c r="BG13" s="312">
        <v>4</v>
      </c>
      <c r="BH13" s="314">
        <v>0</v>
      </c>
      <c r="BI13" s="315">
        <v>132</v>
      </c>
      <c r="BJ13" s="315">
        <v>132</v>
      </c>
      <c r="BK13" s="315">
        <v>79</v>
      </c>
      <c r="BL13" s="315">
        <v>82</v>
      </c>
      <c r="BM13" s="315">
        <v>80</v>
      </c>
      <c r="BN13" s="316">
        <v>505</v>
      </c>
      <c r="BO13" s="317">
        <v>509</v>
      </c>
      <c r="BP13" s="311">
        <v>0</v>
      </c>
      <c r="BQ13" s="315">
        <v>0</v>
      </c>
      <c r="BR13" s="312">
        <v>0</v>
      </c>
      <c r="BS13" s="314">
        <v>0</v>
      </c>
      <c r="BT13" s="315">
        <v>25</v>
      </c>
      <c r="BU13" s="315">
        <v>34</v>
      </c>
      <c r="BV13" s="315">
        <v>37</v>
      </c>
      <c r="BW13" s="315">
        <v>25</v>
      </c>
      <c r="BX13" s="315">
        <v>30</v>
      </c>
      <c r="BY13" s="312">
        <v>151</v>
      </c>
      <c r="BZ13" s="317">
        <v>151</v>
      </c>
      <c r="CA13" s="311">
        <v>0</v>
      </c>
      <c r="CB13" s="315">
        <v>0</v>
      </c>
      <c r="CC13" s="312">
        <v>0</v>
      </c>
      <c r="CD13" s="314">
        <v>0</v>
      </c>
      <c r="CE13" s="315">
        <v>1</v>
      </c>
      <c r="CF13" s="315">
        <v>0</v>
      </c>
      <c r="CG13" s="315">
        <v>4</v>
      </c>
      <c r="CH13" s="315">
        <v>19</v>
      </c>
      <c r="CI13" s="315">
        <v>21</v>
      </c>
      <c r="CJ13" s="312">
        <v>45</v>
      </c>
      <c r="CK13" s="317">
        <v>45</v>
      </c>
      <c r="CL13" s="311">
        <v>0</v>
      </c>
      <c r="CM13" s="315">
        <v>0</v>
      </c>
      <c r="CN13" s="312">
        <v>0</v>
      </c>
      <c r="CO13" s="314">
        <v>0</v>
      </c>
      <c r="CP13" s="315">
        <v>13</v>
      </c>
      <c r="CQ13" s="315">
        <v>19</v>
      </c>
      <c r="CR13" s="315">
        <v>30</v>
      </c>
      <c r="CS13" s="315">
        <v>21</v>
      </c>
      <c r="CT13" s="315">
        <v>24</v>
      </c>
      <c r="CU13" s="312">
        <v>107</v>
      </c>
      <c r="CV13" s="317">
        <v>107</v>
      </c>
    </row>
    <row r="14" spans="1:100" ht="21" customHeight="1" x14ac:dyDescent="0.2">
      <c r="A14" s="296" t="s">
        <v>11</v>
      </c>
      <c r="B14" s="311">
        <v>0</v>
      </c>
      <c r="C14" s="312">
        <v>0</v>
      </c>
      <c r="D14" s="313">
        <v>0</v>
      </c>
      <c r="E14" s="314">
        <v>0</v>
      </c>
      <c r="F14" s="315">
        <v>8</v>
      </c>
      <c r="G14" s="315">
        <v>8</v>
      </c>
      <c r="H14" s="315">
        <v>6</v>
      </c>
      <c r="I14" s="315">
        <v>3</v>
      </c>
      <c r="J14" s="315">
        <v>7</v>
      </c>
      <c r="K14" s="316">
        <v>32</v>
      </c>
      <c r="L14" s="317">
        <v>32</v>
      </c>
      <c r="M14" s="311">
        <v>0</v>
      </c>
      <c r="N14" s="315">
        <v>0</v>
      </c>
      <c r="O14" s="312">
        <v>0</v>
      </c>
      <c r="P14" s="314">
        <v>0</v>
      </c>
      <c r="Q14" s="315">
        <v>12</v>
      </c>
      <c r="R14" s="315">
        <v>12</v>
      </c>
      <c r="S14" s="315">
        <v>9</v>
      </c>
      <c r="T14" s="315">
        <v>10</v>
      </c>
      <c r="U14" s="315">
        <v>4</v>
      </c>
      <c r="V14" s="312">
        <v>47</v>
      </c>
      <c r="W14" s="317">
        <v>47</v>
      </c>
      <c r="X14" s="311">
        <v>0</v>
      </c>
      <c r="Y14" s="315">
        <v>0</v>
      </c>
      <c r="Z14" s="312">
        <v>0</v>
      </c>
      <c r="AA14" s="314">
        <v>0</v>
      </c>
      <c r="AB14" s="315">
        <v>526</v>
      </c>
      <c r="AC14" s="315">
        <v>267</v>
      </c>
      <c r="AD14" s="315">
        <v>145</v>
      </c>
      <c r="AE14" s="315">
        <v>75</v>
      </c>
      <c r="AF14" s="315">
        <v>26</v>
      </c>
      <c r="AG14" s="312">
        <v>1039</v>
      </c>
      <c r="AH14" s="317">
        <v>1039</v>
      </c>
      <c r="AI14" s="311">
        <v>0</v>
      </c>
      <c r="AJ14" s="315">
        <v>2</v>
      </c>
      <c r="AK14" s="312">
        <v>2</v>
      </c>
      <c r="AL14" s="314">
        <v>0</v>
      </c>
      <c r="AM14" s="315">
        <v>18</v>
      </c>
      <c r="AN14" s="315">
        <v>13</v>
      </c>
      <c r="AO14" s="315">
        <v>11</v>
      </c>
      <c r="AP14" s="315">
        <v>1</v>
      </c>
      <c r="AQ14" s="315">
        <v>2</v>
      </c>
      <c r="AR14" s="312">
        <v>45</v>
      </c>
      <c r="AS14" s="317">
        <v>47</v>
      </c>
      <c r="AT14" s="311">
        <v>4</v>
      </c>
      <c r="AU14" s="315">
        <v>3</v>
      </c>
      <c r="AV14" s="312">
        <v>7</v>
      </c>
      <c r="AW14" s="314">
        <v>0</v>
      </c>
      <c r="AX14" s="315">
        <v>43</v>
      </c>
      <c r="AY14" s="315">
        <v>44</v>
      </c>
      <c r="AZ14" s="315">
        <v>26</v>
      </c>
      <c r="BA14" s="315">
        <v>18</v>
      </c>
      <c r="BB14" s="315">
        <v>7</v>
      </c>
      <c r="BC14" s="312">
        <v>138</v>
      </c>
      <c r="BD14" s="317">
        <v>145</v>
      </c>
      <c r="BE14" s="311">
        <v>0</v>
      </c>
      <c r="BF14" s="315">
        <v>4</v>
      </c>
      <c r="BG14" s="312">
        <v>4</v>
      </c>
      <c r="BH14" s="314">
        <v>0</v>
      </c>
      <c r="BI14" s="315">
        <v>61</v>
      </c>
      <c r="BJ14" s="315">
        <v>81</v>
      </c>
      <c r="BK14" s="315">
        <v>60</v>
      </c>
      <c r="BL14" s="315">
        <v>54</v>
      </c>
      <c r="BM14" s="315">
        <v>28</v>
      </c>
      <c r="BN14" s="316">
        <v>284</v>
      </c>
      <c r="BO14" s="317">
        <v>288</v>
      </c>
      <c r="BP14" s="311">
        <v>0</v>
      </c>
      <c r="BQ14" s="315">
        <v>0</v>
      </c>
      <c r="BR14" s="312">
        <v>0</v>
      </c>
      <c r="BS14" s="314">
        <v>0</v>
      </c>
      <c r="BT14" s="315">
        <v>0</v>
      </c>
      <c r="BU14" s="315">
        <v>0</v>
      </c>
      <c r="BV14" s="315">
        <v>0</v>
      </c>
      <c r="BW14" s="315">
        <v>0</v>
      </c>
      <c r="BX14" s="315">
        <v>0</v>
      </c>
      <c r="BY14" s="312">
        <v>0</v>
      </c>
      <c r="BZ14" s="317">
        <v>0</v>
      </c>
      <c r="CA14" s="311">
        <v>0</v>
      </c>
      <c r="CB14" s="315">
        <v>0</v>
      </c>
      <c r="CC14" s="312">
        <v>0</v>
      </c>
      <c r="CD14" s="314">
        <v>0</v>
      </c>
      <c r="CE14" s="315">
        <v>0</v>
      </c>
      <c r="CF14" s="315">
        <v>1</v>
      </c>
      <c r="CG14" s="315">
        <v>1</v>
      </c>
      <c r="CH14" s="315">
        <v>0</v>
      </c>
      <c r="CI14" s="315">
        <v>0</v>
      </c>
      <c r="CJ14" s="312">
        <v>2</v>
      </c>
      <c r="CK14" s="317">
        <v>2</v>
      </c>
      <c r="CL14" s="311">
        <v>0</v>
      </c>
      <c r="CM14" s="315">
        <v>0</v>
      </c>
      <c r="CN14" s="312">
        <v>0</v>
      </c>
      <c r="CO14" s="314">
        <v>0</v>
      </c>
      <c r="CP14" s="315">
        <v>5</v>
      </c>
      <c r="CQ14" s="315">
        <v>3</v>
      </c>
      <c r="CR14" s="315">
        <v>3</v>
      </c>
      <c r="CS14" s="315">
        <v>5</v>
      </c>
      <c r="CT14" s="315">
        <v>3</v>
      </c>
      <c r="CU14" s="312">
        <v>19</v>
      </c>
      <c r="CV14" s="317">
        <v>19</v>
      </c>
    </row>
    <row r="15" spans="1:100" ht="21" customHeight="1" x14ac:dyDescent="0.2">
      <c r="A15" s="296" t="s">
        <v>12</v>
      </c>
      <c r="B15" s="311">
        <v>0</v>
      </c>
      <c r="C15" s="312">
        <v>0</v>
      </c>
      <c r="D15" s="313">
        <v>0</v>
      </c>
      <c r="E15" s="314">
        <v>0</v>
      </c>
      <c r="F15" s="315">
        <v>12</v>
      </c>
      <c r="G15" s="315">
        <v>5</v>
      </c>
      <c r="H15" s="315">
        <v>3</v>
      </c>
      <c r="I15" s="315">
        <v>6</v>
      </c>
      <c r="J15" s="315">
        <v>1</v>
      </c>
      <c r="K15" s="316">
        <v>27</v>
      </c>
      <c r="L15" s="317">
        <v>27</v>
      </c>
      <c r="M15" s="311">
        <v>0</v>
      </c>
      <c r="N15" s="315">
        <v>0</v>
      </c>
      <c r="O15" s="312">
        <v>0</v>
      </c>
      <c r="P15" s="314">
        <v>0</v>
      </c>
      <c r="Q15" s="315">
        <v>0</v>
      </c>
      <c r="R15" s="315">
        <v>0</v>
      </c>
      <c r="S15" s="315">
        <v>0</v>
      </c>
      <c r="T15" s="315">
        <v>0</v>
      </c>
      <c r="U15" s="315">
        <v>0</v>
      </c>
      <c r="V15" s="312">
        <v>0</v>
      </c>
      <c r="W15" s="317">
        <v>0</v>
      </c>
      <c r="X15" s="311">
        <v>0</v>
      </c>
      <c r="Y15" s="315">
        <v>0</v>
      </c>
      <c r="Z15" s="312">
        <v>0</v>
      </c>
      <c r="AA15" s="314">
        <v>0</v>
      </c>
      <c r="AB15" s="315">
        <v>382</v>
      </c>
      <c r="AC15" s="315">
        <v>212</v>
      </c>
      <c r="AD15" s="315">
        <v>126</v>
      </c>
      <c r="AE15" s="315">
        <v>58</v>
      </c>
      <c r="AF15" s="315">
        <v>37</v>
      </c>
      <c r="AG15" s="312">
        <v>815</v>
      </c>
      <c r="AH15" s="317">
        <v>815</v>
      </c>
      <c r="AI15" s="311">
        <v>0</v>
      </c>
      <c r="AJ15" s="315">
        <v>0</v>
      </c>
      <c r="AK15" s="312">
        <v>0</v>
      </c>
      <c r="AL15" s="314">
        <v>0</v>
      </c>
      <c r="AM15" s="315">
        <v>6</v>
      </c>
      <c r="AN15" s="315">
        <v>7</v>
      </c>
      <c r="AO15" s="315">
        <v>0</v>
      </c>
      <c r="AP15" s="315">
        <v>0</v>
      </c>
      <c r="AQ15" s="315">
        <v>1</v>
      </c>
      <c r="AR15" s="312">
        <v>14</v>
      </c>
      <c r="AS15" s="317">
        <v>14</v>
      </c>
      <c r="AT15" s="311">
        <v>1</v>
      </c>
      <c r="AU15" s="315">
        <v>0</v>
      </c>
      <c r="AV15" s="312">
        <v>1</v>
      </c>
      <c r="AW15" s="314">
        <v>0</v>
      </c>
      <c r="AX15" s="315">
        <v>23</v>
      </c>
      <c r="AY15" s="315">
        <v>31</v>
      </c>
      <c r="AZ15" s="315">
        <v>48</v>
      </c>
      <c r="BA15" s="315">
        <v>40</v>
      </c>
      <c r="BB15" s="315">
        <v>28</v>
      </c>
      <c r="BC15" s="312">
        <v>170</v>
      </c>
      <c r="BD15" s="317">
        <v>171</v>
      </c>
      <c r="BE15" s="311">
        <v>0</v>
      </c>
      <c r="BF15" s="315">
        <v>0</v>
      </c>
      <c r="BG15" s="312">
        <v>0</v>
      </c>
      <c r="BH15" s="314">
        <v>0</v>
      </c>
      <c r="BI15" s="315">
        <v>45</v>
      </c>
      <c r="BJ15" s="315">
        <v>45</v>
      </c>
      <c r="BK15" s="315">
        <v>46</v>
      </c>
      <c r="BL15" s="315">
        <v>33</v>
      </c>
      <c r="BM15" s="315">
        <v>32</v>
      </c>
      <c r="BN15" s="316">
        <v>201</v>
      </c>
      <c r="BO15" s="317">
        <v>201</v>
      </c>
      <c r="BP15" s="311">
        <v>0</v>
      </c>
      <c r="BQ15" s="315">
        <v>0</v>
      </c>
      <c r="BR15" s="312">
        <v>0</v>
      </c>
      <c r="BS15" s="314">
        <v>0</v>
      </c>
      <c r="BT15" s="315">
        <v>1</v>
      </c>
      <c r="BU15" s="315">
        <v>7</v>
      </c>
      <c r="BV15" s="315">
        <v>2</v>
      </c>
      <c r="BW15" s="315">
        <v>13</v>
      </c>
      <c r="BX15" s="315">
        <v>3</v>
      </c>
      <c r="BY15" s="312">
        <v>26</v>
      </c>
      <c r="BZ15" s="317">
        <v>26</v>
      </c>
      <c r="CA15" s="311">
        <v>0</v>
      </c>
      <c r="CB15" s="315">
        <v>0</v>
      </c>
      <c r="CC15" s="312">
        <v>0</v>
      </c>
      <c r="CD15" s="314">
        <v>0</v>
      </c>
      <c r="CE15" s="315">
        <v>1</v>
      </c>
      <c r="CF15" s="315">
        <v>0</v>
      </c>
      <c r="CG15" s="315">
        <v>15</v>
      </c>
      <c r="CH15" s="315">
        <v>9</v>
      </c>
      <c r="CI15" s="315">
        <v>4</v>
      </c>
      <c r="CJ15" s="312">
        <v>29</v>
      </c>
      <c r="CK15" s="317">
        <v>29</v>
      </c>
      <c r="CL15" s="311">
        <v>0</v>
      </c>
      <c r="CM15" s="315">
        <v>0</v>
      </c>
      <c r="CN15" s="312">
        <v>0</v>
      </c>
      <c r="CO15" s="314">
        <v>0</v>
      </c>
      <c r="CP15" s="315">
        <v>11</v>
      </c>
      <c r="CQ15" s="315">
        <v>8</v>
      </c>
      <c r="CR15" s="315">
        <v>15</v>
      </c>
      <c r="CS15" s="315">
        <v>24</v>
      </c>
      <c r="CT15" s="315">
        <v>14</v>
      </c>
      <c r="CU15" s="312">
        <v>72</v>
      </c>
      <c r="CV15" s="317">
        <v>72</v>
      </c>
    </row>
    <row r="16" spans="1:100" ht="21" customHeight="1" x14ac:dyDescent="0.2">
      <c r="A16" s="296" t="s">
        <v>13</v>
      </c>
      <c r="B16" s="311">
        <v>0</v>
      </c>
      <c r="C16" s="312">
        <v>0</v>
      </c>
      <c r="D16" s="313">
        <v>0</v>
      </c>
      <c r="E16" s="314">
        <v>0</v>
      </c>
      <c r="F16" s="315">
        <v>1</v>
      </c>
      <c r="G16" s="315">
        <v>1</v>
      </c>
      <c r="H16" s="315">
        <v>1</v>
      </c>
      <c r="I16" s="315">
        <v>0</v>
      </c>
      <c r="J16" s="315">
        <v>0</v>
      </c>
      <c r="K16" s="316">
        <v>3</v>
      </c>
      <c r="L16" s="317">
        <v>3</v>
      </c>
      <c r="M16" s="311">
        <v>0</v>
      </c>
      <c r="N16" s="315">
        <v>0</v>
      </c>
      <c r="O16" s="312">
        <v>0</v>
      </c>
      <c r="P16" s="314">
        <v>0</v>
      </c>
      <c r="Q16" s="315">
        <v>0</v>
      </c>
      <c r="R16" s="315">
        <v>0</v>
      </c>
      <c r="S16" s="315">
        <v>0</v>
      </c>
      <c r="T16" s="315">
        <v>0</v>
      </c>
      <c r="U16" s="315">
        <v>0</v>
      </c>
      <c r="V16" s="312">
        <v>0</v>
      </c>
      <c r="W16" s="317">
        <v>0</v>
      </c>
      <c r="X16" s="311">
        <v>0</v>
      </c>
      <c r="Y16" s="315">
        <v>0</v>
      </c>
      <c r="Z16" s="312">
        <v>0</v>
      </c>
      <c r="AA16" s="314">
        <v>0</v>
      </c>
      <c r="AB16" s="315">
        <v>120</v>
      </c>
      <c r="AC16" s="315">
        <v>115</v>
      </c>
      <c r="AD16" s="315">
        <v>43</v>
      </c>
      <c r="AE16" s="315">
        <v>32</v>
      </c>
      <c r="AF16" s="315">
        <v>9</v>
      </c>
      <c r="AG16" s="312">
        <v>319</v>
      </c>
      <c r="AH16" s="317">
        <v>319</v>
      </c>
      <c r="AI16" s="311">
        <v>0</v>
      </c>
      <c r="AJ16" s="315">
        <v>0</v>
      </c>
      <c r="AK16" s="312">
        <v>0</v>
      </c>
      <c r="AL16" s="314">
        <v>0</v>
      </c>
      <c r="AM16" s="315">
        <v>2</v>
      </c>
      <c r="AN16" s="315">
        <v>2</v>
      </c>
      <c r="AO16" s="315">
        <v>9</v>
      </c>
      <c r="AP16" s="315">
        <v>6</v>
      </c>
      <c r="AQ16" s="315">
        <v>2</v>
      </c>
      <c r="AR16" s="312">
        <v>21</v>
      </c>
      <c r="AS16" s="317">
        <v>21</v>
      </c>
      <c r="AT16" s="311">
        <v>2</v>
      </c>
      <c r="AU16" s="315">
        <v>3</v>
      </c>
      <c r="AV16" s="312">
        <v>5</v>
      </c>
      <c r="AW16" s="314">
        <v>0</v>
      </c>
      <c r="AX16" s="315">
        <v>15</v>
      </c>
      <c r="AY16" s="315">
        <v>14</v>
      </c>
      <c r="AZ16" s="315">
        <v>3</v>
      </c>
      <c r="BA16" s="315">
        <v>2</v>
      </c>
      <c r="BB16" s="315">
        <v>1</v>
      </c>
      <c r="BC16" s="312">
        <v>35</v>
      </c>
      <c r="BD16" s="317">
        <v>40</v>
      </c>
      <c r="BE16" s="311">
        <v>0</v>
      </c>
      <c r="BF16" s="315">
        <v>0</v>
      </c>
      <c r="BG16" s="312">
        <v>0</v>
      </c>
      <c r="BH16" s="314">
        <v>0</v>
      </c>
      <c r="BI16" s="315">
        <v>12</v>
      </c>
      <c r="BJ16" s="315">
        <v>16</v>
      </c>
      <c r="BK16" s="315">
        <v>26</v>
      </c>
      <c r="BL16" s="315">
        <v>13</v>
      </c>
      <c r="BM16" s="315">
        <v>10</v>
      </c>
      <c r="BN16" s="316">
        <v>77</v>
      </c>
      <c r="BO16" s="317">
        <v>77</v>
      </c>
      <c r="BP16" s="311">
        <v>0</v>
      </c>
      <c r="BQ16" s="315">
        <v>0</v>
      </c>
      <c r="BR16" s="312">
        <v>0</v>
      </c>
      <c r="BS16" s="314">
        <v>0</v>
      </c>
      <c r="BT16" s="315">
        <v>0</v>
      </c>
      <c r="BU16" s="315">
        <v>0</v>
      </c>
      <c r="BV16" s="315">
        <v>4</v>
      </c>
      <c r="BW16" s="315">
        <v>9</v>
      </c>
      <c r="BX16" s="315">
        <v>4</v>
      </c>
      <c r="BY16" s="312">
        <v>17</v>
      </c>
      <c r="BZ16" s="317">
        <v>17</v>
      </c>
      <c r="CA16" s="311">
        <v>0</v>
      </c>
      <c r="CB16" s="315">
        <v>0</v>
      </c>
      <c r="CC16" s="312">
        <v>0</v>
      </c>
      <c r="CD16" s="314">
        <v>0</v>
      </c>
      <c r="CE16" s="315">
        <v>0</v>
      </c>
      <c r="CF16" s="315">
        <v>0</v>
      </c>
      <c r="CG16" s="315">
        <v>0</v>
      </c>
      <c r="CH16" s="315">
        <v>0</v>
      </c>
      <c r="CI16" s="315">
        <v>0</v>
      </c>
      <c r="CJ16" s="312">
        <v>0</v>
      </c>
      <c r="CK16" s="317">
        <v>0</v>
      </c>
      <c r="CL16" s="311">
        <v>0</v>
      </c>
      <c r="CM16" s="315">
        <v>0</v>
      </c>
      <c r="CN16" s="312">
        <v>0</v>
      </c>
      <c r="CO16" s="314">
        <v>0</v>
      </c>
      <c r="CP16" s="315">
        <v>0</v>
      </c>
      <c r="CQ16" s="315">
        <v>0</v>
      </c>
      <c r="CR16" s="315">
        <v>0</v>
      </c>
      <c r="CS16" s="315">
        <v>0</v>
      </c>
      <c r="CT16" s="315">
        <v>0</v>
      </c>
      <c r="CU16" s="312">
        <v>0</v>
      </c>
      <c r="CV16" s="317">
        <v>0</v>
      </c>
    </row>
    <row r="17" spans="1:100" ht="21" customHeight="1" x14ac:dyDescent="0.2">
      <c r="A17" s="296" t="s">
        <v>15</v>
      </c>
      <c r="B17" s="311">
        <v>0</v>
      </c>
      <c r="C17" s="312">
        <v>0</v>
      </c>
      <c r="D17" s="313">
        <v>0</v>
      </c>
      <c r="E17" s="314">
        <v>0</v>
      </c>
      <c r="F17" s="315">
        <v>6</v>
      </c>
      <c r="G17" s="315">
        <v>1</v>
      </c>
      <c r="H17" s="315">
        <v>5</v>
      </c>
      <c r="I17" s="315">
        <v>4</v>
      </c>
      <c r="J17" s="315">
        <v>6</v>
      </c>
      <c r="K17" s="316">
        <v>22</v>
      </c>
      <c r="L17" s="317">
        <v>22</v>
      </c>
      <c r="M17" s="311">
        <v>0</v>
      </c>
      <c r="N17" s="315">
        <v>0</v>
      </c>
      <c r="O17" s="312">
        <v>0</v>
      </c>
      <c r="P17" s="314">
        <v>0</v>
      </c>
      <c r="Q17" s="315">
        <v>0</v>
      </c>
      <c r="R17" s="315">
        <v>0</v>
      </c>
      <c r="S17" s="315">
        <v>0</v>
      </c>
      <c r="T17" s="315">
        <v>0</v>
      </c>
      <c r="U17" s="315">
        <v>0</v>
      </c>
      <c r="V17" s="312">
        <v>0</v>
      </c>
      <c r="W17" s="317">
        <v>0</v>
      </c>
      <c r="X17" s="311">
        <v>0</v>
      </c>
      <c r="Y17" s="315">
        <v>0</v>
      </c>
      <c r="Z17" s="312">
        <v>0</v>
      </c>
      <c r="AA17" s="314">
        <v>0</v>
      </c>
      <c r="AB17" s="315">
        <v>150</v>
      </c>
      <c r="AC17" s="315">
        <v>158</v>
      </c>
      <c r="AD17" s="315">
        <v>64</v>
      </c>
      <c r="AE17" s="315">
        <v>36</v>
      </c>
      <c r="AF17" s="315">
        <v>11</v>
      </c>
      <c r="AG17" s="312">
        <v>419</v>
      </c>
      <c r="AH17" s="317">
        <v>419</v>
      </c>
      <c r="AI17" s="311">
        <v>0</v>
      </c>
      <c r="AJ17" s="315">
        <v>0</v>
      </c>
      <c r="AK17" s="312">
        <v>0</v>
      </c>
      <c r="AL17" s="314">
        <v>0</v>
      </c>
      <c r="AM17" s="315">
        <v>4</v>
      </c>
      <c r="AN17" s="315">
        <v>8</v>
      </c>
      <c r="AO17" s="315">
        <v>7</v>
      </c>
      <c r="AP17" s="315">
        <v>3</v>
      </c>
      <c r="AQ17" s="315">
        <v>1</v>
      </c>
      <c r="AR17" s="312">
        <v>23</v>
      </c>
      <c r="AS17" s="317">
        <v>23</v>
      </c>
      <c r="AT17" s="311">
        <v>5</v>
      </c>
      <c r="AU17" s="315">
        <v>12</v>
      </c>
      <c r="AV17" s="312">
        <v>17</v>
      </c>
      <c r="AW17" s="314">
        <v>0</v>
      </c>
      <c r="AX17" s="315">
        <v>20</v>
      </c>
      <c r="AY17" s="315">
        <v>22</v>
      </c>
      <c r="AZ17" s="315">
        <v>14</v>
      </c>
      <c r="BA17" s="315">
        <v>14</v>
      </c>
      <c r="BB17" s="315">
        <v>4</v>
      </c>
      <c r="BC17" s="312">
        <v>74</v>
      </c>
      <c r="BD17" s="317">
        <v>91</v>
      </c>
      <c r="BE17" s="311">
        <v>0</v>
      </c>
      <c r="BF17" s="315">
        <v>1</v>
      </c>
      <c r="BG17" s="312">
        <v>1</v>
      </c>
      <c r="BH17" s="314">
        <v>0</v>
      </c>
      <c r="BI17" s="315">
        <v>42</v>
      </c>
      <c r="BJ17" s="315">
        <v>34</v>
      </c>
      <c r="BK17" s="315">
        <v>38</v>
      </c>
      <c r="BL17" s="315">
        <v>28</v>
      </c>
      <c r="BM17" s="315">
        <v>14</v>
      </c>
      <c r="BN17" s="316">
        <v>156</v>
      </c>
      <c r="BO17" s="317">
        <v>157</v>
      </c>
      <c r="BP17" s="311">
        <v>0</v>
      </c>
      <c r="BQ17" s="315">
        <v>0</v>
      </c>
      <c r="BR17" s="312">
        <v>0</v>
      </c>
      <c r="BS17" s="314">
        <v>0</v>
      </c>
      <c r="BT17" s="315">
        <v>0</v>
      </c>
      <c r="BU17" s="315">
        <v>0</v>
      </c>
      <c r="BV17" s="315">
        <v>0</v>
      </c>
      <c r="BW17" s="315">
        <v>0</v>
      </c>
      <c r="BX17" s="315">
        <v>0</v>
      </c>
      <c r="BY17" s="312">
        <v>0</v>
      </c>
      <c r="BZ17" s="317">
        <v>0</v>
      </c>
      <c r="CA17" s="311">
        <v>0</v>
      </c>
      <c r="CB17" s="315">
        <v>0</v>
      </c>
      <c r="CC17" s="312">
        <v>0</v>
      </c>
      <c r="CD17" s="314">
        <v>0</v>
      </c>
      <c r="CE17" s="315">
        <v>0</v>
      </c>
      <c r="CF17" s="315">
        <v>0</v>
      </c>
      <c r="CG17" s="315">
        <v>15</v>
      </c>
      <c r="CH17" s="315">
        <v>9</v>
      </c>
      <c r="CI17" s="315">
        <v>5</v>
      </c>
      <c r="CJ17" s="312">
        <v>29</v>
      </c>
      <c r="CK17" s="317">
        <v>29</v>
      </c>
      <c r="CL17" s="311">
        <v>0</v>
      </c>
      <c r="CM17" s="315">
        <v>0</v>
      </c>
      <c r="CN17" s="312">
        <v>0</v>
      </c>
      <c r="CO17" s="314">
        <v>0</v>
      </c>
      <c r="CP17" s="315">
        <v>0</v>
      </c>
      <c r="CQ17" s="315">
        <v>0</v>
      </c>
      <c r="CR17" s="315">
        <v>0</v>
      </c>
      <c r="CS17" s="315">
        <v>0</v>
      </c>
      <c r="CT17" s="315">
        <v>0</v>
      </c>
      <c r="CU17" s="312">
        <v>0</v>
      </c>
      <c r="CV17" s="317">
        <v>0</v>
      </c>
    </row>
    <row r="18" spans="1:100" ht="21" customHeight="1" x14ac:dyDescent="0.2">
      <c r="A18" s="296" t="s">
        <v>16</v>
      </c>
      <c r="B18" s="311">
        <v>0</v>
      </c>
      <c r="C18" s="312">
        <v>0</v>
      </c>
      <c r="D18" s="313">
        <v>0</v>
      </c>
      <c r="E18" s="314">
        <v>0</v>
      </c>
      <c r="F18" s="315">
        <v>7</v>
      </c>
      <c r="G18" s="315">
        <v>15</v>
      </c>
      <c r="H18" s="315">
        <v>10</v>
      </c>
      <c r="I18" s="315">
        <v>13</v>
      </c>
      <c r="J18" s="315">
        <v>6</v>
      </c>
      <c r="K18" s="316">
        <v>51</v>
      </c>
      <c r="L18" s="317">
        <v>51</v>
      </c>
      <c r="M18" s="311">
        <v>0</v>
      </c>
      <c r="N18" s="315">
        <v>0</v>
      </c>
      <c r="O18" s="312">
        <v>0</v>
      </c>
      <c r="P18" s="314">
        <v>0</v>
      </c>
      <c r="Q18" s="315">
        <v>0</v>
      </c>
      <c r="R18" s="315">
        <v>2</v>
      </c>
      <c r="S18" s="315">
        <v>3</v>
      </c>
      <c r="T18" s="315">
        <v>2</v>
      </c>
      <c r="U18" s="315">
        <v>0</v>
      </c>
      <c r="V18" s="312">
        <v>7</v>
      </c>
      <c r="W18" s="317">
        <v>7</v>
      </c>
      <c r="X18" s="311">
        <v>0</v>
      </c>
      <c r="Y18" s="315">
        <v>0</v>
      </c>
      <c r="Z18" s="312">
        <v>0</v>
      </c>
      <c r="AA18" s="314">
        <v>0</v>
      </c>
      <c r="AB18" s="315">
        <v>170</v>
      </c>
      <c r="AC18" s="315">
        <v>187</v>
      </c>
      <c r="AD18" s="315">
        <v>95</v>
      </c>
      <c r="AE18" s="315">
        <v>39</v>
      </c>
      <c r="AF18" s="315">
        <v>19</v>
      </c>
      <c r="AG18" s="312">
        <v>510</v>
      </c>
      <c r="AH18" s="317">
        <v>510</v>
      </c>
      <c r="AI18" s="311">
        <v>0</v>
      </c>
      <c r="AJ18" s="315">
        <v>0</v>
      </c>
      <c r="AK18" s="312">
        <v>0</v>
      </c>
      <c r="AL18" s="314">
        <v>0</v>
      </c>
      <c r="AM18" s="315">
        <v>5</v>
      </c>
      <c r="AN18" s="315">
        <v>12</v>
      </c>
      <c r="AO18" s="315">
        <v>9</v>
      </c>
      <c r="AP18" s="315">
        <v>4</v>
      </c>
      <c r="AQ18" s="315">
        <v>5</v>
      </c>
      <c r="AR18" s="312">
        <v>35</v>
      </c>
      <c r="AS18" s="317">
        <v>35</v>
      </c>
      <c r="AT18" s="311">
        <v>2</v>
      </c>
      <c r="AU18" s="315">
        <v>1</v>
      </c>
      <c r="AV18" s="312">
        <v>3</v>
      </c>
      <c r="AW18" s="314">
        <v>0</v>
      </c>
      <c r="AX18" s="315">
        <v>8</v>
      </c>
      <c r="AY18" s="315">
        <v>18</v>
      </c>
      <c r="AZ18" s="315">
        <v>15</v>
      </c>
      <c r="BA18" s="315">
        <v>13</v>
      </c>
      <c r="BB18" s="315">
        <v>12</v>
      </c>
      <c r="BC18" s="312">
        <v>66</v>
      </c>
      <c r="BD18" s="317">
        <v>69</v>
      </c>
      <c r="BE18" s="311">
        <v>0</v>
      </c>
      <c r="BF18" s="315">
        <v>0</v>
      </c>
      <c r="BG18" s="312">
        <v>0</v>
      </c>
      <c r="BH18" s="314">
        <v>0</v>
      </c>
      <c r="BI18" s="315">
        <v>19</v>
      </c>
      <c r="BJ18" s="315">
        <v>48</v>
      </c>
      <c r="BK18" s="315">
        <v>61</v>
      </c>
      <c r="BL18" s="315">
        <v>32</v>
      </c>
      <c r="BM18" s="315">
        <v>25</v>
      </c>
      <c r="BN18" s="316">
        <v>185</v>
      </c>
      <c r="BO18" s="317">
        <v>185</v>
      </c>
      <c r="BP18" s="311">
        <v>0</v>
      </c>
      <c r="BQ18" s="315">
        <v>0</v>
      </c>
      <c r="BR18" s="312">
        <v>0</v>
      </c>
      <c r="BS18" s="314">
        <v>0</v>
      </c>
      <c r="BT18" s="315">
        <v>0</v>
      </c>
      <c r="BU18" s="315">
        <v>0</v>
      </c>
      <c r="BV18" s="315">
        <v>0</v>
      </c>
      <c r="BW18" s="315">
        <v>0</v>
      </c>
      <c r="BX18" s="315">
        <v>0</v>
      </c>
      <c r="BY18" s="312">
        <v>0</v>
      </c>
      <c r="BZ18" s="317">
        <v>0</v>
      </c>
      <c r="CA18" s="311">
        <v>0</v>
      </c>
      <c r="CB18" s="315">
        <v>0</v>
      </c>
      <c r="CC18" s="312">
        <v>0</v>
      </c>
      <c r="CD18" s="314">
        <v>0</v>
      </c>
      <c r="CE18" s="315">
        <v>1</v>
      </c>
      <c r="CF18" s="315">
        <v>2</v>
      </c>
      <c r="CG18" s="315">
        <v>8</v>
      </c>
      <c r="CH18" s="315">
        <v>9</v>
      </c>
      <c r="CI18" s="315">
        <v>10</v>
      </c>
      <c r="CJ18" s="312">
        <v>30</v>
      </c>
      <c r="CK18" s="317">
        <v>30</v>
      </c>
      <c r="CL18" s="311">
        <v>0</v>
      </c>
      <c r="CM18" s="315">
        <v>0</v>
      </c>
      <c r="CN18" s="312">
        <v>0</v>
      </c>
      <c r="CO18" s="314">
        <v>0</v>
      </c>
      <c r="CP18" s="315">
        <v>1</v>
      </c>
      <c r="CQ18" s="315">
        <v>5</v>
      </c>
      <c r="CR18" s="315">
        <v>5</v>
      </c>
      <c r="CS18" s="315">
        <v>3</v>
      </c>
      <c r="CT18" s="315">
        <v>5</v>
      </c>
      <c r="CU18" s="312">
        <v>19</v>
      </c>
      <c r="CV18" s="317">
        <v>19</v>
      </c>
    </row>
    <row r="19" spans="1:100" ht="21" customHeight="1" x14ac:dyDescent="0.2">
      <c r="A19" s="296" t="s">
        <v>17</v>
      </c>
      <c r="B19" s="311">
        <v>0</v>
      </c>
      <c r="C19" s="312">
        <v>0</v>
      </c>
      <c r="D19" s="313">
        <v>0</v>
      </c>
      <c r="E19" s="314">
        <v>0</v>
      </c>
      <c r="F19" s="315">
        <v>1</v>
      </c>
      <c r="G19" s="315">
        <v>3</v>
      </c>
      <c r="H19" s="315">
        <v>1</v>
      </c>
      <c r="I19" s="315">
        <v>4</v>
      </c>
      <c r="J19" s="315">
        <v>0</v>
      </c>
      <c r="K19" s="316">
        <v>9</v>
      </c>
      <c r="L19" s="317">
        <v>9</v>
      </c>
      <c r="M19" s="311">
        <v>0</v>
      </c>
      <c r="N19" s="315">
        <v>0</v>
      </c>
      <c r="O19" s="312">
        <v>0</v>
      </c>
      <c r="P19" s="314">
        <v>0</v>
      </c>
      <c r="Q19" s="315">
        <v>0</v>
      </c>
      <c r="R19" s="315">
        <v>0</v>
      </c>
      <c r="S19" s="315">
        <v>0</v>
      </c>
      <c r="T19" s="315">
        <v>0</v>
      </c>
      <c r="U19" s="315">
        <v>0</v>
      </c>
      <c r="V19" s="312">
        <v>0</v>
      </c>
      <c r="W19" s="317">
        <v>0</v>
      </c>
      <c r="X19" s="311">
        <v>0</v>
      </c>
      <c r="Y19" s="315">
        <v>0</v>
      </c>
      <c r="Z19" s="312">
        <v>0</v>
      </c>
      <c r="AA19" s="314">
        <v>0</v>
      </c>
      <c r="AB19" s="315">
        <v>232</v>
      </c>
      <c r="AC19" s="315">
        <v>256</v>
      </c>
      <c r="AD19" s="315">
        <v>126</v>
      </c>
      <c r="AE19" s="315">
        <v>69</v>
      </c>
      <c r="AF19" s="315">
        <v>50</v>
      </c>
      <c r="AG19" s="312">
        <v>733</v>
      </c>
      <c r="AH19" s="317">
        <v>733</v>
      </c>
      <c r="AI19" s="311">
        <v>0</v>
      </c>
      <c r="AJ19" s="315">
        <v>2</v>
      </c>
      <c r="AK19" s="312">
        <v>2</v>
      </c>
      <c r="AL19" s="314">
        <v>0</v>
      </c>
      <c r="AM19" s="315">
        <v>20</v>
      </c>
      <c r="AN19" s="315">
        <v>25</v>
      </c>
      <c r="AO19" s="315">
        <v>22</v>
      </c>
      <c r="AP19" s="315">
        <v>11</v>
      </c>
      <c r="AQ19" s="315">
        <v>8</v>
      </c>
      <c r="AR19" s="312">
        <v>86</v>
      </c>
      <c r="AS19" s="317">
        <v>88</v>
      </c>
      <c r="AT19" s="311">
        <v>1</v>
      </c>
      <c r="AU19" s="315">
        <v>0</v>
      </c>
      <c r="AV19" s="312">
        <v>1</v>
      </c>
      <c r="AW19" s="314">
        <v>0</v>
      </c>
      <c r="AX19" s="315">
        <v>13</v>
      </c>
      <c r="AY19" s="315">
        <v>30</v>
      </c>
      <c r="AZ19" s="315">
        <v>27</v>
      </c>
      <c r="BA19" s="315">
        <v>28</v>
      </c>
      <c r="BB19" s="315">
        <v>12</v>
      </c>
      <c r="BC19" s="312">
        <v>110</v>
      </c>
      <c r="BD19" s="317">
        <v>111</v>
      </c>
      <c r="BE19" s="311">
        <v>0</v>
      </c>
      <c r="BF19" s="315">
        <v>0</v>
      </c>
      <c r="BG19" s="312">
        <v>0</v>
      </c>
      <c r="BH19" s="314">
        <v>0</v>
      </c>
      <c r="BI19" s="315">
        <v>48</v>
      </c>
      <c r="BJ19" s="315">
        <v>71</v>
      </c>
      <c r="BK19" s="315">
        <v>53</v>
      </c>
      <c r="BL19" s="315">
        <v>35</v>
      </c>
      <c r="BM19" s="315">
        <v>19</v>
      </c>
      <c r="BN19" s="316">
        <v>226</v>
      </c>
      <c r="BO19" s="317">
        <v>226</v>
      </c>
      <c r="BP19" s="311">
        <v>0</v>
      </c>
      <c r="BQ19" s="315">
        <v>0</v>
      </c>
      <c r="BR19" s="312">
        <v>0</v>
      </c>
      <c r="BS19" s="314">
        <v>0</v>
      </c>
      <c r="BT19" s="315">
        <v>0</v>
      </c>
      <c r="BU19" s="315">
        <v>0</v>
      </c>
      <c r="BV19" s="315">
        <v>0</v>
      </c>
      <c r="BW19" s="315">
        <v>0</v>
      </c>
      <c r="BX19" s="315">
        <v>0</v>
      </c>
      <c r="BY19" s="312">
        <v>0</v>
      </c>
      <c r="BZ19" s="317">
        <v>0</v>
      </c>
      <c r="CA19" s="311">
        <v>0</v>
      </c>
      <c r="CB19" s="315">
        <v>0</v>
      </c>
      <c r="CC19" s="312">
        <v>0</v>
      </c>
      <c r="CD19" s="314">
        <v>0</v>
      </c>
      <c r="CE19" s="315">
        <v>1</v>
      </c>
      <c r="CF19" s="315">
        <v>2</v>
      </c>
      <c r="CG19" s="315">
        <v>34</v>
      </c>
      <c r="CH19" s="315">
        <v>25</v>
      </c>
      <c r="CI19" s="315">
        <v>42</v>
      </c>
      <c r="CJ19" s="312">
        <v>104</v>
      </c>
      <c r="CK19" s="317">
        <v>104</v>
      </c>
      <c r="CL19" s="311">
        <v>0</v>
      </c>
      <c r="CM19" s="315">
        <v>0</v>
      </c>
      <c r="CN19" s="312">
        <v>0</v>
      </c>
      <c r="CO19" s="314">
        <v>0</v>
      </c>
      <c r="CP19" s="315">
        <v>5</v>
      </c>
      <c r="CQ19" s="315">
        <v>0</v>
      </c>
      <c r="CR19" s="315">
        <v>1</v>
      </c>
      <c r="CS19" s="315">
        <v>5</v>
      </c>
      <c r="CT19" s="315">
        <v>9</v>
      </c>
      <c r="CU19" s="312">
        <v>20</v>
      </c>
      <c r="CV19" s="317">
        <v>20</v>
      </c>
    </row>
    <row r="20" spans="1:100" ht="21" customHeight="1" x14ac:dyDescent="0.2">
      <c r="A20" s="296" t="s">
        <v>18</v>
      </c>
      <c r="B20" s="311">
        <v>0</v>
      </c>
      <c r="C20" s="312">
        <v>0</v>
      </c>
      <c r="D20" s="313">
        <v>0</v>
      </c>
      <c r="E20" s="314">
        <v>0</v>
      </c>
      <c r="F20" s="315">
        <v>2</v>
      </c>
      <c r="G20" s="315">
        <v>1</v>
      </c>
      <c r="H20" s="315">
        <v>3</v>
      </c>
      <c r="I20" s="315">
        <v>0</v>
      </c>
      <c r="J20" s="315">
        <v>3</v>
      </c>
      <c r="K20" s="316">
        <v>9</v>
      </c>
      <c r="L20" s="317">
        <v>9</v>
      </c>
      <c r="M20" s="311">
        <v>0</v>
      </c>
      <c r="N20" s="315">
        <v>0</v>
      </c>
      <c r="O20" s="312">
        <v>0</v>
      </c>
      <c r="P20" s="314">
        <v>0</v>
      </c>
      <c r="Q20" s="315">
        <v>0</v>
      </c>
      <c r="R20" s="315">
        <v>0</v>
      </c>
      <c r="S20" s="315">
        <v>0</v>
      </c>
      <c r="T20" s="315">
        <v>0</v>
      </c>
      <c r="U20" s="315">
        <v>0</v>
      </c>
      <c r="V20" s="312">
        <v>0</v>
      </c>
      <c r="W20" s="317">
        <v>0</v>
      </c>
      <c r="X20" s="311">
        <v>0</v>
      </c>
      <c r="Y20" s="315">
        <v>0</v>
      </c>
      <c r="Z20" s="312">
        <v>0</v>
      </c>
      <c r="AA20" s="314">
        <v>0</v>
      </c>
      <c r="AB20" s="315">
        <v>292</v>
      </c>
      <c r="AC20" s="315">
        <v>234</v>
      </c>
      <c r="AD20" s="315">
        <v>84</v>
      </c>
      <c r="AE20" s="315">
        <v>33</v>
      </c>
      <c r="AF20" s="315">
        <v>7</v>
      </c>
      <c r="AG20" s="312">
        <v>650</v>
      </c>
      <c r="AH20" s="317">
        <v>650</v>
      </c>
      <c r="AI20" s="311">
        <v>0</v>
      </c>
      <c r="AJ20" s="315">
        <v>1</v>
      </c>
      <c r="AK20" s="312">
        <v>1</v>
      </c>
      <c r="AL20" s="314">
        <v>0</v>
      </c>
      <c r="AM20" s="315">
        <v>9</v>
      </c>
      <c r="AN20" s="315">
        <v>9</v>
      </c>
      <c r="AO20" s="315">
        <v>15</v>
      </c>
      <c r="AP20" s="315">
        <v>7</v>
      </c>
      <c r="AQ20" s="315">
        <v>15</v>
      </c>
      <c r="AR20" s="312">
        <v>55</v>
      </c>
      <c r="AS20" s="317">
        <v>56</v>
      </c>
      <c r="AT20" s="311">
        <v>9</v>
      </c>
      <c r="AU20" s="315">
        <v>8</v>
      </c>
      <c r="AV20" s="312">
        <v>17</v>
      </c>
      <c r="AW20" s="314">
        <v>0</v>
      </c>
      <c r="AX20" s="315">
        <v>44</v>
      </c>
      <c r="AY20" s="315">
        <v>63</v>
      </c>
      <c r="AZ20" s="315">
        <v>32</v>
      </c>
      <c r="BA20" s="315">
        <v>18</v>
      </c>
      <c r="BB20" s="315">
        <v>6</v>
      </c>
      <c r="BC20" s="312">
        <v>163</v>
      </c>
      <c r="BD20" s="317">
        <v>180</v>
      </c>
      <c r="BE20" s="311">
        <v>0</v>
      </c>
      <c r="BF20" s="315">
        <v>3</v>
      </c>
      <c r="BG20" s="312">
        <v>3</v>
      </c>
      <c r="BH20" s="314">
        <v>0</v>
      </c>
      <c r="BI20" s="315">
        <v>48</v>
      </c>
      <c r="BJ20" s="315">
        <v>95</v>
      </c>
      <c r="BK20" s="315">
        <v>94</v>
      </c>
      <c r="BL20" s="315">
        <v>42</v>
      </c>
      <c r="BM20" s="315">
        <v>25</v>
      </c>
      <c r="BN20" s="316">
        <v>304</v>
      </c>
      <c r="BO20" s="317">
        <v>307</v>
      </c>
      <c r="BP20" s="311">
        <v>0</v>
      </c>
      <c r="BQ20" s="315">
        <v>0</v>
      </c>
      <c r="BR20" s="312">
        <v>0</v>
      </c>
      <c r="BS20" s="314">
        <v>0</v>
      </c>
      <c r="BT20" s="315">
        <v>0</v>
      </c>
      <c r="BU20" s="315">
        <v>0</v>
      </c>
      <c r="BV20" s="315">
        <v>0</v>
      </c>
      <c r="BW20" s="315">
        <v>0</v>
      </c>
      <c r="BX20" s="315">
        <v>0</v>
      </c>
      <c r="BY20" s="312">
        <v>0</v>
      </c>
      <c r="BZ20" s="317">
        <v>0</v>
      </c>
      <c r="CA20" s="311">
        <v>0</v>
      </c>
      <c r="CB20" s="315">
        <v>0</v>
      </c>
      <c r="CC20" s="312">
        <v>0</v>
      </c>
      <c r="CD20" s="314">
        <v>0</v>
      </c>
      <c r="CE20" s="315">
        <v>0</v>
      </c>
      <c r="CF20" s="315">
        <v>2</v>
      </c>
      <c r="CG20" s="315">
        <v>6</v>
      </c>
      <c r="CH20" s="315">
        <v>14</v>
      </c>
      <c r="CI20" s="315">
        <v>4</v>
      </c>
      <c r="CJ20" s="312">
        <v>26</v>
      </c>
      <c r="CK20" s="317">
        <v>26</v>
      </c>
      <c r="CL20" s="311">
        <v>0</v>
      </c>
      <c r="CM20" s="315">
        <v>0</v>
      </c>
      <c r="CN20" s="312">
        <v>0</v>
      </c>
      <c r="CO20" s="314">
        <v>0</v>
      </c>
      <c r="CP20" s="315">
        <v>7</v>
      </c>
      <c r="CQ20" s="315">
        <v>9</v>
      </c>
      <c r="CR20" s="315">
        <v>13</v>
      </c>
      <c r="CS20" s="315">
        <v>22</v>
      </c>
      <c r="CT20" s="315">
        <v>18</v>
      </c>
      <c r="CU20" s="312">
        <v>69</v>
      </c>
      <c r="CV20" s="317">
        <v>69</v>
      </c>
    </row>
    <row r="21" spans="1:100" ht="21" customHeight="1" x14ac:dyDescent="0.2">
      <c r="A21" s="296" t="s">
        <v>19</v>
      </c>
      <c r="B21" s="311">
        <v>0</v>
      </c>
      <c r="C21" s="312">
        <v>0</v>
      </c>
      <c r="D21" s="313">
        <v>0</v>
      </c>
      <c r="E21" s="314">
        <v>0</v>
      </c>
      <c r="F21" s="315">
        <v>13</v>
      </c>
      <c r="G21" s="315">
        <v>7</v>
      </c>
      <c r="H21" s="315">
        <v>1</v>
      </c>
      <c r="I21" s="315">
        <v>7</v>
      </c>
      <c r="J21" s="315">
        <v>1</v>
      </c>
      <c r="K21" s="316">
        <v>29</v>
      </c>
      <c r="L21" s="317">
        <v>29</v>
      </c>
      <c r="M21" s="311">
        <v>0</v>
      </c>
      <c r="N21" s="315">
        <v>0</v>
      </c>
      <c r="O21" s="312">
        <v>0</v>
      </c>
      <c r="P21" s="314">
        <v>0</v>
      </c>
      <c r="Q21" s="315">
        <v>2</v>
      </c>
      <c r="R21" s="315">
        <v>3</v>
      </c>
      <c r="S21" s="315">
        <v>4</v>
      </c>
      <c r="T21" s="315">
        <v>1</v>
      </c>
      <c r="U21" s="315">
        <v>0</v>
      </c>
      <c r="V21" s="312">
        <v>10</v>
      </c>
      <c r="W21" s="317">
        <v>10</v>
      </c>
      <c r="X21" s="311">
        <v>0</v>
      </c>
      <c r="Y21" s="315">
        <v>0</v>
      </c>
      <c r="Z21" s="312">
        <v>0</v>
      </c>
      <c r="AA21" s="314">
        <v>0</v>
      </c>
      <c r="AB21" s="315">
        <v>131</v>
      </c>
      <c r="AC21" s="315">
        <v>108</v>
      </c>
      <c r="AD21" s="315">
        <v>55</v>
      </c>
      <c r="AE21" s="315">
        <v>20</v>
      </c>
      <c r="AF21" s="315">
        <v>13</v>
      </c>
      <c r="AG21" s="312">
        <v>327</v>
      </c>
      <c r="AH21" s="317">
        <v>327</v>
      </c>
      <c r="AI21" s="311">
        <v>0</v>
      </c>
      <c r="AJ21" s="315">
        <v>0</v>
      </c>
      <c r="AK21" s="312">
        <v>0</v>
      </c>
      <c r="AL21" s="314">
        <v>0</v>
      </c>
      <c r="AM21" s="315">
        <v>14</v>
      </c>
      <c r="AN21" s="315">
        <v>23</v>
      </c>
      <c r="AO21" s="315">
        <v>16</v>
      </c>
      <c r="AP21" s="315">
        <v>2</v>
      </c>
      <c r="AQ21" s="315">
        <v>4</v>
      </c>
      <c r="AR21" s="312">
        <v>59</v>
      </c>
      <c r="AS21" s="317">
        <v>59</v>
      </c>
      <c r="AT21" s="311">
        <v>0</v>
      </c>
      <c r="AU21" s="315">
        <v>5</v>
      </c>
      <c r="AV21" s="312">
        <v>5</v>
      </c>
      <c r="AW21" s="314">
        <v>0</v>
      </c>
      <c r="AX21" s="315">
        <v>20</v>
      </c>
      <c r="AY21" s="315">
        <v>30</v>
      </c>
      <c r="AZ21" s="315">
        <v>28</v>
      </c>
      <c r="BA21" s="315">
        <v>13</v>
      </c>
      <c r="BB21" s="315">
        <v>16</v>
      </c>
      <c r="BC21" s="312">
        <v>107</v>
      </c>
      <c r="BD21" s="317">
        <v>112</v>
      </c>
      <c r="BE21" s="311">
        <v>0</v>
      </c>
      <c r="BF21" s="315">
        <v>1</v>
      </c>
      <c r="BG21" s="312">
        <v>1</v>
      </c>
      <c r="BH21" s="314">
        <v>0</v>
      </c>
      <c r="BI21" s="315">
        <v>10</v>
      </c>
      <c r="BJ21" s="315">
        <v>18</v>
      </c>
      <c r="BK21" s="315">
        <v>27</v>
      </c>
      <c r="BL21" s="315">
        <v>16</v>
      </c>
      <c r="BM21" s="315">
        <v>12</v>
      </c>
      <c r="BN21" s="316">
        <v>83</v>
      </c>
      <c r="BO21" s="317">
        <v>84</v>
      </c>
      <c r="BP21" s="311">
        <v>0</v>
      </c>
      <c r="BQ21" s="315">
        <v>0</v>
      </c>
      <c r="BR21" s="312">
        <v>0</v>
      </c>
      <c r="BS21" s="314">
        <v>0</v>
      </c>
      <c r="BT21" s="315">
        <v>0</v>
      </c>
      <c r="BU21" s="315">
        <v>0</v>
      </c>
      <c r="BV21" s="315">
        <v>0</v>
      </c>
      <c r="BW21" s="315">
        <v>0</v>
      </c>
      <c r="BX21" s="315">
        <v>0</v>
      </c>
      <c r="BY21" s="312">
        <v>0</v>
      </c>
      <c r="BZ21" s="317">
        <v>0</v>
      </c>
      <c r="CA21" s="311">
        <v>0</v>
      </c>
      <c r="CB21" s="315">
        <v>0</v>
      </c>
      <c r="CC21" s="312">
        <v>0</v>
      </c>
      <c r="CD21" s="314">
        <v>0</v>
      </c>
      <c r="CE21" s="315">
        <v>0</v>
      </c>
      <c r="CF21" s="315">
        <v>0</v>
      </c>
      <c r="CG21" s="315">
        <v>0</v>
      </c>
      <c r="CH21" s="315">
        <v>0</v>
      </c>
      <c r="CI21" s="315">
        <v>0</v>
      </c>
      <c r="CJ21" s="312">
        <v>0</v>
      </c>
      <c r="CK21" s="317">
        <v>0</v>
      </c>
      <c r="CL21" s="311">
        <v>0</v>
      </c>
      <c r="CM21" s="315">
        <v>0</v>
      </c>
      <c r="CN21" s="312">
        <v>0</v>
      </c>
      <c r="CO21" s="314">
        <v>0</v>
      </c>
      <c r="CP21" s="315">
        <v>4</v>
      </c>
      <c r="CQ21" s="315">
        <v>1</v>
      </c>
      <c r="CR21" s="315">
        <v>2</v>
      </c>
      <c r="CS21" s="315">
        <v>2</v>
      </c>
      <c r="CT21" s="315">
        <v>9</v>
      </c>
      <c r="CU21" s="312">
        <v>18</v>
      </c>
      <c r="CV21" s="317">
        <v>18</v>
      </c>
    </row>
    <row r="22" spans="1:100" ht="21" customHeight="1" x14ac:dyDescent="0.2">
      <c r="A22" s="296" t="s">
        <v>20</v>
      </c>
      <c r="B22" s="311">
        <v>0</v>
      </c>
      <c r="C22" s="312">
        <v>0</v>
      </c>
      <c r="D22" s="313">
        <v>0</v>
      </c>
      <c r="E22" s="314">
        <v>0</v>
      </c>
      <c r="F22" s="315">
        <v>1</v>
      </c>
      <c r="G22" s="315">
        <v>0</v>
      </c>
      <c r="H22" s="315">
        <v>0</v>
      </c>
      <c r="I22" s="315">
        <v>0</v>
      </c>
      <c r="J22" s="315">
        <v>0</v>
      </c>
      <c r="K22" s="316">
        <v>1</v>
      </c>
      <c r="L22" s="317">
        <v>1</v>
      </c>
      <c r="M22" s="311">
        <v>0</v>
      </c>
      <c r="N22" s="315">
        <v>0</v>
      </c>
      <c r="O22" s="312">
        <v>0</v>
      </c>
      <c r="P22" s="314">
        <v>0</v>
      </c>
      <c r="Q22" s="315">
        <v>0</v>
      </c>
      <c r="R22" s="315">
        <v>0</v>
      </c>
      <c r="S22" s="315">
        <v>0</v>
      </c>
      <c r="T22" s="315">
        <v>0</v>
      </c>
      <c r="U22" s="315">
        <v>0</v>
      </c>
      <c r="V22" s="312">
        <v>0</v>
      </c>
      <c r="W22" s="317">
        <v>0</v>
      </c>
      <c r="X22" s="311">
        <v>0</v>
      </c>
      <c r="Y22" s="315">
        <v>0</v>
      </c>
      <c r="Z22" s="312">
        <v>0</v>
      </c>
      <c r="AA22" s="314">
        <v>0</v>
      </c>
      <c r="AB22" s="315">
        <v>171</v>
      </c>
      <c r="AC22" s="315">
        <v>74</v>
      </c>
      <c r="AD22" s="315">
        <v>43</v>
      </c>
      <c r="AE22" s="315">
        <v>24</v>
      </c>
      <c r="AF22" s="315">
        <v>8</v>
      </c>
      <c r="AG22" s="312">
        <v>320</v>
      </c>
      <c r="AH22" s="317">
        <v>320</v>
      </c>
      <c r="AI22" s="311">
        <v>0</v>
      </c>
      <c r="AJ22" s="315">
        <v>0</v>
      </c>
      <c r="AK22" s="312">
        <v>0</v>
      </c>
      <c r="AL22" s="314">
        <v>0</v>
      </c>
      <c r="AM22" s="315">
        <v>0</v>
      </c>
      <c r="AN22" s="315">
        <v>3</v>
      </c>
      <c r="AO22" s="315">
        <v>3</v>
      </c>
      <c r="AP22" s="315">
        <v>2</v>
      </c>
      <c r="AQ22" s="315">
        <v>3</v>
      </c>
      <c r="AR22" s="312">
        <v>11</v>
      </c>
      <c r="AS22" s="317">
        <v>11</v>
      </c>
      <c r="AT22" s="311">
        <v>1</v>
      </c>
      <c r="AU22" s="315">
        <v>1</v>
      </c>
      <c r="AV22" s="312">
        <v>2</v>
      </c>
      <c r="AW22" s="314">
        <v>0</v>
      </c>
      <c r="AX22" s="315">
        <v>12</v>
      </c>
      <c r="AY22" s="315">
        <v>12</v>
      </c>
      <c r="AZ22" s="315">
        <v>6</v>
      </c>
      <c r="BA22" s="315">
        <v>5</v>
      </c>
      <c r="BB22" s="315">
        <v>0</v>
      </c>
      <c r="BC22" s="312">
        <v>35</v>
      </c>
      <c r="BD22" s="317">
        <v>37</v>
      </c>
      <c r="BE22" s="311">
        <v>0</v>
      </c>
      <c r="BF22" s="315">
        <v>0</v>
      </c>
      <c r="BG22" s="312">
        <v>0</v>
      </c>
      <c r="BH22" s="314">
        <v>0</v>
      </c>
      <c r="BI22" s="315">
        <v>25</v>
      </c>
      <c r="BJ22" s="315">
        <v>25</v>
      </c>
      <c r="BK22" s="315">
        <v>36</v>
      </c>
      <c r="BL22" s="315">
        <v>23</v>
      </c>
      <c r="BM22" s="315">
        <v>6</v>
      </c>
      <c r="BN22" s="316">
        <v>115</v>
      </c>
      <c r="BO22" s="317">
        <v>115</v>
      </c>
      <c r="BP22" s="311">
        <v>0</v>
      </c>
      <c r="BQ22" s="315">
        <v>0</v>
      </c>
      <c r="BR22" s="312">
        <v>0</v>
      </c>
      <c r="BS22" s="314">
        <v>0</v>
      </c>
      <c r="BT22" s="315">
        <v>0</v>
      </c>
      <c r="BU22" s="315">
        <v>0</v>
      </c>
      <c r="BV22" s="315">
        <v>0</v>
      </c>
      <c r="BW22" s="315">
        <v>0</v>
      </c>
      <c r="BX22" s="315">
        <v>0</v>
      </c>
      <c r="BY22" s="312">
        <v>0</v>
      </c>
      <c r="BZ22" s="317">
        <v>0</v>
      </c>
      <c r="CA22" s="311">
        <v>0</v>
      </c>
      <c r="CB22" s="315">
        <v>0</v>
      </c>
      <c r="CC22" s="312">
        <v>0</v>
      </c>
      <c r="CD22" s="314">
        <v>0</v>
      </c>
      <c r="CE22" s="315">
        <v>0</v>
      </c>
      <c r="CF22" s="315">
        <v>0</v>
      </c>
      <c r="CG22" s="315">
        <v>0</v>
      </c>
      <c r="CH22" s="315">
        <v>0</v>
      </c>
      <c r="CI22" s="315">
        <v>0</v>
      </c>
      <c r="CJ22" s="312">
        <v>0</v>
      </c>
      <c r="CK22" s="317">
        <v>0</v>
      </c>
      <c r="CL22" s="311">
        <v>0</v>
      </c>
      <c r="CM22" s="315">
        <v>0</v>
      </c>
      <c r="CN22" s="312">
        <v>0</v>
      </c>
      <c r="CO22" s="314">
        <v>0</v>
      </c>
      <c r="CP22" s="315">
        <v>0</v>
      </c>
      <c r="CQ22" s="315">
        <v>0</v>
      </c>
      <c r="CR22" s="315">
        <v>0</v>
      </c>
      <c r="CS22" s="315">
        <v>0</v>
      </c>
      <c r="CT22" s="315">
        <v>0</v>
      </c>
      <c r="CU22" s="312">
        <v>0</v>
      </c>
      <c r="CV22" s="317">
        <v>0</v>
      </c>
    </row>
    <row r="23" spans="1:100" ht="21" customHeight="1" x14ac:dyDescent="0.2">
      <c r="A23" s="296" t="s">
        <v>21</v>
      </c>
      <c r="B23" s="311">
        <v>0</v>
      </c>
      <c r="C23" s="312">
        <v>0</v>
      </c>
      <c r="D23" s="313">
        <v>0</v>
      </c>
      <c r="E23" s="314">
        <v>0</v>
      </c>
      <c r="F23" s="315">
        <v>0</v>
      </c>
      <c r="G23" s="315">
        <v>3</v>
      </c>
      <c r="H23" s="315">
        <v>1</v>
      </c>
      <c r="I23" s="315">
        <v>2</v>
      </c>
      <c r="J23" s="315">
        <v>2</v>
      </c>
      <c r="K23" s="316">
        <v>8</v>
      </c>
      <c r="L23" s="317">
        <v>8</v>
      </c>
      <c r="M23" s="311">
        <v>0</v>
      </c>
      <c r="N23" s="315">
        <v>0</v>
      </c>
      <c r="O23" s="312">
        <v>0</v>
      </c>
      <c r="P23" s="314">
        <v>0</v>
      </c>
      <c r="Q23" s="315">
        <v>0</v>
      </c>
      <c r="R23" s="315">
        <v>0</v>
      </c>
      <c r="S23" s="315">
        <v>0</v>
      </c>
      <c r="T23" s="315">
        <v>0</v>
      </c>
      <c r="U23" s="315">
        <v>0</v>
      </c>
      <c r="V23" s="312">
        <v>0</v>
      </c>
      <c r="W23" s="317">
        <v>0</v>
      </c>
      <c r="X23" s="311">
        <v>0</v>
      </c>
      <c r="Y23" s="315">
        <v>0</v>
      </c>
      <c r="Z23" s="312">
        <v>0</v>
      </c>
      <c r="AA23" s="314">
        <v>0</v>
      </c>
      <c r="AB23" s="315">
        <v>177</v>
      </c>
      <c r="AC23" s="315">
        <v>185</v>
      </c>
      <c r="AD23" s="315">
        <v>67</v>
      </c>
      <c r="AE23" s="315">
        <v>27</v>
      </c>
      <c r="AF23" s="315">
        <v>14</v>
      </c>
      <c r="AG23" s="312">
        <v>470</v>
      </c>
      <c r="AH23" s="317">
        <v>470</v>
      </c>
      <c r="AI23" s="311">
        <v>0</v>
      </c>
      <c r="AJ23" s="315">
        <v>0</v>
      </c>
      <c r="AK23" s="312">
        <v>0</v>
      </c>
      <c r="AL23" s="314">
        <v>0</v>
      </c>
      <c r="AM23" s="315">
        <v>0</v>
      </c>
      <c r="AN23" s="315">
        <v>0</v>
      </c>
      <c r="AO23" s="315">
        <v>0</v>
      </c>
      <c r="AP23" s="315">
        <v>0</v>
      </c>
      <c r="AQ23" s="315">
        <v>0</v>
      </c>
      <c r="AR23" s="312">
        <v>0</v>
      </c>
      <c r="AS23" s="317">
        <v>0</v>
      </c>
      <c r="AT23" s="311">
        <v>1</v>
      </c>
      <c r="AU23" s="315">
        <v>1</v>
      </c>
      <c r="AV23" s="312">
        <v>2</v>
      </c>
      <c r="AW23" s="314">
        <v>0</v>
      </c>
      <c r="AX23" s="315">
        <v>13</v>
      </c>
      <c r="AY23" s="315">
        <v>8</v>
      </c>
      <c r="AZ23" s="315">
        <v>15</v>
      </c>
      <c r="BA23" s="315">
        <v>7</v>
      </c>
      <c r="BB23" s="315">
        <v>6</v>
      </c>
      <c r="BC23" s="312">
        <v>49</v>
      </c>
      <c r="BD23" s="317">
        <v>51</v>
      </c>
      <c r="BE23" s="311">
        <v>0</v>
      </c>
      <c r="BF23" s="315">
        <v>0</v>
      </c>
      <c r="BG23" s="312">
        <v>0</v>
      </c>
      <c r="BH23" s="314">
        <v>0</v>
      </c>
      <c r="BI23" s="315">
        <v>19</v>
      </c>
      <c r="BJ23" s="315">
        <v>29</v>
      </c>
      <c r="BK23" s="315">
        <v>31</v>
      </c>
      <c r="BL23" s="315">
        <v>15</v>
      </c>
      <c r="BM23" s="315">
        <v>9</v>
      </c>
      <c r="BN23" s="316">
        <v>103</v>
      </c>
      <c r="BO23" s="317">
        <v>103</v>
      </c>
      <c r="BP23" s="311">
        <v>0</v>
      </c>
      <c r="BQ23" s="315">
        <v>0</v>
      </c>
      <c r="BR23" s="312">
        <v>0</v>
      </c>
      <c r="BS23" s="314">
        <v>0</v>
      </c>
      <c r="BT23" s="315">
        <v>0</v>
      </c>
      <c r="BU23" s="315">
        <v>0</v>
      </c>
      <c r="BV23" s="315">
        <v>0</v>
      </c>
      <c r="BW23" s="315">
        <v>0</v>
      </c>
      <c r="BX23" s="315">
        <v>0</v>
      </c>
      <c r="BY23" s="312">
        <v>0</v>
      </c>
      <c r="BZ23" s="317">
        <v>0</v>
      </c>
      <c r="CA23" s="311">
        <v>0</v>
      </c>
      <c r="CB23" s="315">
        <v>0</v>
      </c>
      <c r="CC23" s="312">
        <v>0</v>
      </c>
      <c r="CD23" s="314">
        <v>0</v>
      </c>
      <c r="CE23" s="315">
        <v>0</v>
      </c>
      <c r="CF23" s="315">
        <v>0</v>
      </c>
      <c r="CG23" s="315">
        <v>0</v>
      </c>
      <c r="CH23" s="315">
        <v>0</v>
      </c>
      <c r="CI23" s="315">
        <v>0</v>
      </c>
      <c r="CJ23" s="312">
        <v>0</v>
      </c>
      <c r="CK23" s="317">
        <v>0</v>
      </c>
      <c r="CL23" s="311">
        <v>0</v>
      </c>
      <c r="CM23" s="315">
        <v>0</v>
      </c>
      <c r="CN23" s="312">
        <v>0</v>
      </c>
      <c r="CO23" s="314">
        <v>0</v>
      </c>
      <c r="CP23" s="315">
        <v>1</v>
      </c>
      <c r="CQ23" s="315">
        <v>3</v>
      </c>
      <c r="CR23" s="315">
        <v>2</v>
      </c>
      <c r="CS23" s="315">
        <v>1</v>
      </c>
      <c r="CT23" s="315">
        <v>6</v>
      </c>
      <c r="CU23" s="312">
        <v>13</v>
      </c>
      <c r="CV23" s="317">
        <v>13</v>
      </c>
    </row>
    <row r="24" spans="1:100" ht="21" customHeight="1" x14ac:dyDescent="0.2">
      <c r="A24" s="296" t="s">
        <v>22</v>
      </c>
      <c r="B24" s="311">
        <v>0</v>
      </c>
      <c r="C24" s="312">
        <v>0</v>
      </c>
      <c r="D24" s="313">
        <v>0</v>
      </c>
      <c r="E24" s="314">
        <v>0</v>
      </c>
      <c r="F24" s="315">
        <v>4</v>
      </c>
      <c r="G24" s="315">
        <v>5</v>
      </c>
      <c r="H24" s="315">
        <v>3</v>
      </c>
      <c r="I24" s="315">
        <v>1</v>
      </c>
      <c r="J24" s="315">
        <v>0</v>
      </c>
      <c r="K24" s="316">
        <v>13</v>
      </c>
      <c r="L24" s="317">
        <v>13</v>
      </c>
      <c r="M24" s="311">
        <v>0</v>
      </c>
      <c r="N24" s="315">
        <v>0</v>
      </c>
      <c r="O24" s="312">
        <v>0</v>
      </c>
      <c r="P24" s="314">
        <v>0</v>
      </c>
      <c r="Q24" s="315">
        <v>0</v>
      </c>
      <c r="R24" s="315">
        <v>0</v>
      </c>
      <c r="S24" s="315">
        <v>0</v>
      </c>
      <c r="T24" s="315">
        <v>0</v>
      </c>
      <c r="U24" s="315">
        <v>0</v>
      </c>
      <c r="V24" s="312">
        <v>0</v>
      </c>
      <c r="W24" s="317">
        <v>0</v>
      </c>
      <c r="X24" s="311">
        <v>0</v>
      </c>
      <c r="Y24" s="315">
        <v>0</v>
      </c>
      <c r="Z24" s="312">
        <v>0</v>
      </c>
      <c r="AA24" s="314">
        <v>0</v>
      </c>
      <c r="AB24" s="315">
        <v>126</v>
      </c>
      <c r="AC24" s="315">
        <v>85</v>
      </c>
      <c r="AD24" s="315">
        <v>33</v>
      </c>
      <c r="AE24" s="315">
        <v>24</v>
      </c>
      <c r="AF24" s="315">
        <v>6</v>
      </c>
      <c r="AG24" s="312">
        <v>274</v>
      </c>
      <c r="AH24" s="317">
        <v>274</v>
      </c>
      <c r="AI24" s="311">
        <v>0</v>
      </c>
      <c r="AJ24" s="315">
        <v>0</v>
      </c>
      <c r="AK24" s="312">
        <v>0</v>
      </c>
      <c r="AL24" s="314">
        <v>0</v>
      </c>
      <c r="AM24" s="315">
        <v>7</v>
      </c>
      <c r="AN24" s="315">
        <v>7</v>
      </c>
      <c r="AO24" s="315">
        <v>4</v>
      </c>
      <c r="AP24" s="315">
        <v>2</v>
      </c>
      <c r="AQ24" s="315">
        <v>3</v>
      </c>
      <c r="AR24" s="312">
        <v>23</v>
      </c>
      <c r="AS24" s="317">
        <v>23</v>
      </c>
      <c r="AT24" s="311">
        <v>2</v>
      </c>
      <c r="AU24" s="315">
        <v>3</v>
      </c>
      <c r="AV24" s="312">
        <v>5</v>
      </c>
      <c r="AW24" s="314">
        <v>0</v>
      </c>
      <c r="AX24" s="315">
        <v>23</v>
      </c>
      <c r="AY24" s="315">
        <v>12</v>
      </c>
      <c r="AZ24" s="315">
        <v>12</v>
      </c>
      <c r="BA24" s="315">
        <v>7</v>
      </c>
      <c r="BB24" s="315">
        <v>4</v>
      </c>
      <c r="BC24" s="312">
        <v>58</v>
      </c>
      <c r="BD24" s="317">
        <v>63</v>
      </c>
      <c r="BE24" s="311">
        <v>0</v>
      </c>
      <c r="BF24" s="315">
        <v>0</v>
      </c>
      <c r="BG24" s="312">
        <v>0</v>
      </c>
      <c r="BH24" s="314">
        <v>0</v>
      </c>
      <c r="BI24" s="315">
        <v>12</v>
      </c>
      <c r="BJ24" s="315">
        <v>17</v>
      </c>
      <c r="BK24" s="315">
        <v>12</v>
      </c>
      <c r="BL24" s="315">
        <v>7</v>
      </c>
      <c r="BM24" s="315">
        <v>4</v>
      </c>
      <c r="BN24" s="316">
        <v>52</v>
      </c>
      <c r="BO24" s="317">
        <v>52</v>
      </c>
      <c r="BP24" s="311">
        <v>0</v>
      </c>
      <c r="BQ24" s="315">
        <v>0</v>
      </c>
      <c r="BR24" s="312">
        <v>0</v>
      </c>
      <c r="BS24" s="314">
        <v>0</v>
      </c>
      <c r="BT24" s="315">
        <v>0</v>
      </c>
      <c r="BU24" s="315">
        <v>0</v>
      </c>
      <c r="BV24" s="315">
        <v>0</v>
      </c>
      <c r="BW24" s="315">
        <v>0</v>
      </c>
      <c r="BX24" s="315">
        <v>0</v>
      </c>
      <c r="BY24" s="312">
        <v>0</v>
      </c>
      <c r="BZ24" s="317">
        <v>0</v>
      </c>
      <c r="CA24" s="311">
        <v>0</v>
      </c>
      <c r="CB24" s="315">
        <v>0</v>
      </c>
      <c r="CC24" s="312">
        <v>0</v>
      </c>
      <c r="CD24" s="314">
        <v>0</v>
      </c>
      <c r="CE24" s="315">
        <v>0</v>
      </c>
      <c r="CF24" s="315">
        <v>0</v>
      </c>
      <c r="CG24" s="315">
        <v>4</v>
      </c>
      <c r="CH24" s="315">
        <v>20</v>
      </c>
      <c r="CI24" s="315">
        <v>7</v>
      </c>
      <c r="CJ24" s="312">
        <v>31</v>
      </c>
      <c r="CK24" s="317">
        <v>31</v>
      </c>
      <c r="CL24" s="311">
        <v>0</v>
      </c>
      <c r="CM24" s="315">
        <v>0</v>
      </c>
      <c r="CN24" s="312">
        <v>0</v>
      </c>
      <c r="CO24" s="314">
        <v>0</v>
      </c>
      <c r="CP24" s="315">
        <v>0</v>
      </c>
      <c r="CQ24" s="315">
        <v>0</v>
      </c>
      <c r="CR24" s="315">
        <v>0</v>
      </c>
      <c r="CS24" s="315">
        <v>0</v>
      </c>
      <c r="CT24" s="315">
        <v>0</v>
      </c>
      <c r="CU24" s="312">
        <v>0</v>
      </c>
      <c r="CV24" s="317">
        <v>0</v>
      </c>
    </row>
    <row r="25" spans="1:100" ht="21" customHeight="1" x14ac:dyDescent="0.2">
      <c r="A25" s="296" t="s">
        <v>23</v>
      </c>
      <c r="B25" s="311">
        <v>0</v>
      </c>
      <c r="C25" s="312">
        <v>0</v>
      </c>
      <c r="D25" s="313">
        <v>0</v>
      </c>
      <c r="E25" s="314">
        <v>0</v>
      </c>
      <c r="F25" s="315">
        <v>1</v>
      </c>
      <c r="G25" s="315">
        <v>1</v>
      </c>
      <c r="H25" s="315">
        <v>0</v>
      </c>
      <c r="I25" s="315">
        <v>0</v>
      </c>
      <c r="J25" s="315">
        <v>1</v>
      </c>
      <c r="K25" s="316">
        <v>3</v>
      </c>
      <c r="L25" s="317">
        <v>3</v>
      </c>
      <c r="M25" s="311">
        <v>0</v>
      </c>
      <c r="N25" s="315">
        <v>0</v>
      </c>
      <c r="O25" s="312">
        <v>0</v>
      </c>
      <c r="P25" s="314">
        <v>0</v>
      </c>
      <c r="Q25" s="315">
        <v>0</v>
      </c>
      <c r="R25" s="315">
        <v>0</v>
      </c>
      <c r="S25" s="315">
        <v>0</v>
      </c>
      <c r="T25" s="315">
        <v>0</v>
      </c>
      <c r="U25" s="315">
        <v>0</v>
      </c>
      <c r="V25" s="312">
        <v>0</v>
      </c>
      <c r="W25" s="317">
        <v>0</v>
      </c>
      <c r="X25" s="311">
        <v>0</v>
      </c>
      <c r="Y25" s="315">
        <v>0</v>
      </c>
      <c r="Z25" s="312">
        <v>0</v>
      </c>
      <c r="AA25" s="314">
        <v>0</v>
      </c>
      <c r="AB25" s="315">
        <v>50</v>
      </c>
      <c r="AC25" s="315">
        <v>39</v>
      </c>
      <c r="AD25" s="315">
        <v>13</v>
      </c>
      <c r="AE25" s="315">
        <v>13</v>
      </c>
      <c r="AF25" s="315">
        <v>4</v>
      </c>
      <c r="AG25" s="312">
        <v>119</v>
      </c>
      <c r="AH25" s="317">
        <v>119</v>
      </c>
      <c r="AI25" s="311">
        <v>0</v>
      </c>
      <c r="AJ25" s="315">
        <v>0</v>
      </c>
      <c r="AK25" s="312">
        <v>0</v>
      </c>
      <c r="AL25" s="314">
        <v>0</v>
      </c>
      <c r="AM25" s="315">
        <v>0</v>
      </c>
      <c r="AN25" s="315">
        <v>0</v>
      </c>
      <c r="AO25" s="315">
        <v>1</v>
      </c>
      <c r="AP25" s="315">
        <v>0</v>
      </c>
      <c r="AQ25" s="315">
        <v>0</v>
      </c>
      <c r="AR25" s="312">
        <v>1</v>
      </c>
      <c r="AS25" s="317">
        <v>1</v>
      </c>
      <c r="AT25" s="311">
        <v>0</v>
      </c>
      <c r="AU25" s="315">
        <v>0</v>
      </c>
      <c r="AV25" s="312">
        <v>0</v>
      </c>
      <c r="AW25" s="314">
        <v>0</v>
      </c>
      <c r="AX25" s="315">
        <v>6</v>
      </c>
      <c r="AY25" s="315">
        <v>2</v>
      </c>
      <c r="AZ25" s="315">
        <v>5</v>
      </c>
      <c r="BA25" s="315">
        <v>1</v>
      </c>
      <c r="BB25" s="315">
        <v>0</v>
      </c>
      <c r="BC25" s="312">
        <v>14</v>
      </c>
      <c r="BD25" s="317">
        <v>14</v>
      </c>
      <c r="BE25" s="311">
        <v>0</v>
      </c>
      <c r="BF25" s="315">
        <v>1</v>
      </c>
      <c r="BG25" s="312">
        <v>1</v>
      </c>
      <c r="BH25" s="314">
        <v>0</v>
      </c>
      <c r="BI25" s="315">
        <v>28</v>
      </c>
      <c r="BJ25" s="315">
        <v>19</v>
      </c>
      <c r="BK25" s="315">
        <v>18</v>
      </c>
      <c r="BL25" s="315">
        <v>15</v>
      </c>
      <c r="BM25" s="315">
        <v>9</v>
      </c>
      <c r="BN25" s="316">
        <v>89</v>
      </c>
      <c r="BO25" s="317">
        <v>90</v>
      </c>
      <c r="BP25" s="311">
        <v>0</v>
      </c>
      <c r="BQ25" s="315">
        <v>0</v>
      </c>
      <c r="BR25" s="312">
        <v>0</v>
      </c>
      <c r="BS25" s="314">
        <v>0</v>
      </c>
      <c r="BT25" s="315">
        <v>0</v>
      </c>
      <c r="BU25" s="315">
        <v>0</v>
      </c>
      <c r="BV25" s="315">
        <v>0</v>
      </c>
      <c r="BW25" s="315">
        <v>0</v>
      </c>
      <c r="BX25" s="315">
        <v>0</v>
      </c>
      <c r="BY25" s="312">
        <v>0</v>
      </c>
      <c r="BZ25" s="317">
        <v>0</v>
      </c>
      <c r="CA25" s="311">
        <v>0</v>
      </c>
      <c r="CB25" s="315">
        <v>0</v>
      </c>
      <c r="CC25" s="312">
        <v>0</v>
      </c>
      <c r="CD25" s="314">
        <v>0</v>
      </c>
      <c r="CE25" s="315">
        <v>0</v>
      </c>
      <c r="CF25" s="315">
        <v>0</v>
      </c>
      <c r="CG25" s="315">
        <v>0</v>
      </c>
      <c r="CH25" s="315">
        <v>0</v>
      </c>
      <c r="CI25" s="315">
        <v>0</v>
      </c>
      <c r="CJ25" s="312">
        <v>0</v>
      </c>
      <c r="CK25" s="317">
        <v>0</v>
      </c>
      <c r="CL25" s="311">
        <v>0</v>
      </c>
      <c r="CM25" s="315">
        <v>0</v>
      </c>
      <c r="CN25" s="312">
        <v>0</v>
      </c>
      <c r="CO25" s="314">
        <v>0</v>
      </c>
      <c r="CP25" s="315">
        <v>0</v>
      </c>
      <c r="CQ25" s="315">
        <v>0</v>
      </c>
      <c r="CR25" s="315">
        <v>0</v>
      </c>
      <c r="CS25" s="315">
        <v>1</v>
      </c>
      <c r="CT25" s="315">
        <v>0</v>
      </c>
      <c r="CU25" s="312">
        <v>1</v>
      </c>
      <c r="CV25" s="317">
        <v>1</v>
      </c>
    </row>
    <row r="26" spans="1:100" ht="21" customHeight="1" x14ac:dyDescent="0.2">
      <c r="A26" s="296" t="s">
        <v>24</v>
      </c>
      <c r="B26" s="311">
        <v>0</v>
      </c>
      <c r="C26" s="312">
        <v>0</v>
      </c>
      <c r="D26" s="313">
        <v>0</v>
      </c>
      <c r="E26" s="314">
        <v>0</v>
      </c>
      <c r="F26" s="315">
        <v>2</v>
      </c>
      <c r="G26" s="315">
        <v>2</v>
      </c>
      <c r="H26" s="315">
        <v>2</v>
      </c>
      <c r="I26" s="315">
        <v>1</v>
      </c>
      <c r="J26" s="315">
        <v>1</v>
      </c>
      <c r="K26" s="316">
        <v>8</v>
      </c>
      <c r="L26" s="317">
        <v>8</v>
      </c>
      <c r="M26" s="311">
        <v>0</v>
      </c>
      <c r="N26" s="315">
        <v>0</v>
      </c>
      <c r="O26" s="312">
        <v>0</v>
      </c>
      <c r="P26" s="314">
        <v>0</v>
      </c>
      <c r="Q26" s="315">
        <v>0</v>
      </c>
      <c r="R26" s="315">
        <v>0</v>
      </c>
      <c r="S26" s="315">
        <v>0</v>
      </c>
      <c r="T26" s="315">
        <v>0</v>
      </c>
      <c r="U26" s="315">
        <v>0</v>
      </c>
      <c r="V26" s="312">
        <v>0</v>
      </c>
      <c r="W26" s="317">
        <v>0</v>
      </c>
      <c r="X26" s="311">
        <v>0</v>
      </c>
      <c r="Y26" s="315">
        <v>0</v>
      </c>
      <c r="Z26" s="312">
        <v>0</v>
      </c>
      <c r="AA26" s="314">
        <v>0</v>
      </c>
      <c r="AB26" s="315">
        <v>53</v>
      </c>
      <c r="AC26" s="315">
        <v>20</v>
      </c>
      <c r="AD26" s="315">
        <v>17</v>
      </c>
      <c r="AE26" s="315">
        <v>8</v>
      </c>
      <c r="AF26" s="315">
        <v>5</v>
      </c>
      <c r="AG26" s="312">
        <v>103</v>
      </c>
      <c r="AH26" s="317">
        <v>103</v>
      </c>
      <c r="AI26" s="311">
        <v>0</v>
      </c>
      <c r="AJ26" s="315">
        <v>0</v>
      </c>
      <c r="AK26" s="312">
        <v>0</v>
      </c>
      <c r="AL26" s="314">
        <v>0</v>
      </c>
      <c r="AM26" s="315">
        <v>10</v>
      </c>
      <c r="AN26" s="315">
        <v>7</v>
      </c>
      <c r="AO26" s="315">
        <v>4</v>
      </c>
      <c r="AP26" s="315">
        <v>2</v>
      </c>
      <c r="AQ26" s="315">
        <v>1</v>
      </c>
      <c r="AR26" s="312">
        <v>24</v>
      </c>
      <c r="AS26" s="317">
        <v>24</v>
      </c>
      <c r="AT26" s="311">
        <v>7</v>
      </c>
      <c r="AU26" s="315">
        <v>5</v>
      </c>
      <c r="AV26" s="312">
        <v>12</v>
      </c>
      <c r="AW26" s="314">
        <v>0</v>
      </c>
      <c r="AX26" s="315">
        <v>16</v>
      </c>
      <c r="AY26" s="315">
        <v>8</v>
      </c>
      <c r="AZ26" s="315">
        <v>4</v>
      </c>
      <c r="BA26" s="315">
        <v>2</v>
      </c>
      <c r="BB26" s="315">
        <v>3</v>
      </c>
      <c r="BC26" s="312">
        <v>33</v>
      </c>
      <c r="BD26" s="317">
        <v>45</v>
      </c>
      <c r="BE26" s="311">
        <v>0</v>
      </c>
      <c r="BF26" s="315">
        <v>0</v>
      </c>
      <c r="BG26" s="312">
        <v>0</v>
      </c>
      <c r="BH26" s="314">
        <v>0</v>
      </c>
      <c r="BI26" s="315">
        <v>1</v>
      </c>
      <c r="BJ26" s="315">
        <v>4</v>
      </c>
      <c r="BK26" s="315">
        <v>14</v>
      </c>
      <c r="BL26" s="315">
        <v>5</v>
      </c>
      <c r="BM26" s="315">
        <v>3</v>
      </c>
      <c r="BN26" s="316">
        <v>27</v>
      </c>
      <c r="BO26" s="317">
        <v>27</v>
      </c>
      <c r="BP26" s="311">
        <v>0</v>
      </c>
      <c r="BQ26" s="315">
        <v>0</v>
      </c>
      <c r="BR26" s="312">
        <v>0</v>
      </c>
      <c r="BS26" s="314">
        <v>0</v>
      </c>
      <c r="BT26" s="315">
        <v>0</v>
      </c>
      <c r="BU26" s="315">
        <v>0</v>
      </c>
      <c r="BV26" s="315">
        <v>0</v>
      </c>
      <c r="BW26" s="315">
        <v>0</v>
      </c>
      <c r="BX26" s="315">
        <v>0</v>
      </c>
      <c r="BY26" s="312">
        <v>0</v>
      </c>
      <c r="BZ26" s="317">
        <v>0</v>
      </c>
      <c r="CA26" s="311">
        <v>0</v>
      </c>
      <c r="CB26" s="315">
        <v>0</v>
      </c>
      <c r="CC26" s="312">
        <v>0</v>
      </c>
      <c r="CD26" s="314">
        <v>0</v>
      </c>
      <c r="CE26" s="315">
        <v>0</v>
      </c>
      <c r="CF26" s="315">
        <v>0</v>
      </c>
      <c r="CG26" s="315">
        <v>0</v>
      </c>
      <c r="CH26" s="315">
        <v>0</v>
      </c>
      <c r="CI26" s="315">
        <v>0</v>
      </c>
      <c r="CJ26" s="312">
        <v>0</v>
      </c>
      <c r="CK26" s="317">
        <v>0</v>
      </c>
      <c r="CL26" s="311">
        <v>0</v>
      </c>
      <c r="CM26" s="315">
        <v>0</v>
      </c>
      <c r="CN26" s="312">
        <v>0</v>
      </c>
      <c r="CO26" s="314">
        <v>0</v>
      </c>
      <c r="CP26" s="315">
        <v>0</v>
      </c>
      <c r="CQ26" s="315">
        <v>0</v>
      </c>
      <c r="CR26" s="315">
        <v>0</v>
      </c>
      <c r="CS26" s="315">
        <v>0</v>
      </c>
      <c r="CT26" s="315">
        <v>0</v>
      </c>
      <c r="CU26" s="312">
        <v>0</v>
      </c>
      <c r="CV26" s="317">
        <v>0</v>
      </c>
    </row>
    <row r="27" spans="1:100" ht="21" customHeight="1" x14ac:dyDescent="0.2">
      <c r="A27" s="296" t="s">
        <v>25</v>
      </c>
      <c r="B27" s="311">
        <v>0</v>
      </c>
      <c r="C27" s="312">
        <v>0</v>
      </c>
      <c r="D27" s="313">
        <v>0</v>
      </c>
      <c r="E27" s="314">
        <v>0</v>
      </c>
      <c r="F27" s="315">
        <v>0</v>
      </c>
      <c r="G27" s="315">
        <v>0</v>
      </c>
      <c r="H27" s="315">
        <v>0</v>
      </c>
      <c r="I27" s="315">
        <v>0</v>
      </c>
      <c r="J27" s="315">
        <v>0</v>
      </c>
      <c r="K27" s="316">
        <v>0</v>
      </c>
      <c r="L27" s="317">
        <v>0</v>
      </c>
      <c r="M27" s="311">
        <v>0</v>
      </c>
      <c r="N27" s="315">
        <v>0</v>
      </c>
      <c r="O27" s="312">
        <v>0</v>
      </c>
      <c r="P27" s="314">
        <v>0</v>
      </c>
      <c r="Q27" s="315">
        <v>0</v>
      </c>
      <c r="R27" s="315">
        <v>0</v>
      </c>
      <c r="S27" s="315">
        <v>0</v>
      </c>
      <c r="T27" s="315">
        <v>0</v>
      </c>
      <c r="U27" s="315">
        <v>0</v>
      </c>
      <c r="V27" s="312">
        <v>0</v>
      </c>
      <c r="W27" s="317">
        <v>0</v>
      </c>
      <c r="X27" s="311">
        <v>0</v>
      </c>
      <c r="Y27" s="315">
        <v>0</v>
      </c>
      <c r="Z27" s="312">
        <v>0</v>
      </c>
      <c r="AA27" s="314">
        <v>0</v>
      </c>
      <c r="AB27" s="315">
        <v>73</v>
      </c>
      <c r="AC27" s="315">
        <v>28</v>
      </c>
      <c r="AD27" s="315">
        <v>13</v>
      </c>
      <c r="AE27" s="315">
        <v>10</v>
      </c>
      <c r="AF27" s="315">
        <v>2</v>
      </c>
      <c r="AG27" s="312">
        <v>126</v>
      </c>
      <c r="AH27" s="317">
        <v>126</v>
      </c>
      <c r="AI27" s="311">
        <v>0</v>
      </c>
      <c r="AJ27" s="315">
        <v>0</v>
      </c>
      <c r="AK27" s="312">
        <v>0</v>
      </c>
      <c r="AL27" s="314">
        <v>0</v>
      </c>
      <c r="AM27" s="315">
        <v>7</v>
      </c>
      <c r="AN27" s="315">
        <v>2</v>
      </c>
      <c r="AO27" s="315">
        <v>2</v>
      </c>
      <c r="AP27" s="315">
        <v>0</v>
      </c>
      <c r="AQ27" s="315">
        <v>1</v>
      </c>
      <c r="AR27" s="312">
        <v>12</v>
      </c>
      <c r="AS27" s="317">
        <v>12</v>
      </c>
      <c r="AT27" s="311">
        <v>0</v>
      </c>
      <c r="AU27" s="315">
        <v>0</v>
      </c>
      <c r="AV27" s="312">
        <v>0</v>
      </c>
      <c r="AW27" s="314">
        <v>0</v>
      </c>
      <c r="AX27" s="315">
        <v>2</v>
      </c>
      <c r="AY27" s="315">
        <v>2</v>
      </c>
      <c r="AZ27" s="315">
        <v>4</v>
      </c>
      <c r="BA27" s="315">
        <v>0</v>
      </c>
      <c r="BB27" s="315">
        <v>1</v>
      </c>
      <c r="BC27" s="312">
        <v>9</v>
      </c>
      <c r="BD27" s="317">
        <v>9</v>
      </c>
      <c r="BE27" s="311">
        <v>0</v>
      </c>
      <c r="BF27" s="315">
        <v>0</v>
      </c>
      <c r="BG27" s="312">
        <v>0</v>
      </c>
      <c r="BH27" s="314">
        <v>0</v>
      </c>
      <c r="BI27" s="315">
        <v>12</v>
      </c>
      <c r="BJ27" s="315">
        <v>6</v>
      </c>
      <c r="BK27" s="315">
        <v>5</v>
      </c>
      <c r="BL27" s="315">
        <v>5</v>
      </c>
      <c r="BM27" s="315">
        <v>1</v>
      </c>
      <c r="BN27" s="316">
        <v>29</v>
      </c>
      <c r="BO27" s="317">
        <v>29</v>
      </c>
      <c r="BP27" s="311">
        <v>0</v>
      </c>
      <c r="BQ27" s="315">
        <v>0</v>
      </c>
      <c r="BR27" s="312">
        <v>0</v>
      </c>
      <c r="BS27" s="314">
        <v>0</v>
      </c>
      <c r="BT27" s="315">
        <v>0</v>
      </c>
      <c r="BU27" s="315">
        <v>0</v>
      </c>
      <c r="BV27" s="315">
        <v>0</v>
      </c>
      <c r="BW27" s="315">
        <v>0</v>
      </c>
      <c r="BX27" s="315">
        <v>0</v>
      </c>
      <c r="BY27" s="312">
        <v>0</v>
      </c>
      <c r="BZ27" s="317">
        <v>0</v>
      </c>
      <c r="CA27" s="311">
        <v>0</v>
      </c>
      <c r="CB27" s="315">
        <v>0</v>
      </c>
      <c r="CC27" s="312">
        <v>0</v>
      </c>
      <c r="CD27" s="314">
        <v>0</v>
      </c>
      <c r="CE27" s="315">
        <v>0</v>
      </c>
      <c r="CF27" s="315">
        <v>0</v>
      </c>
      <c r="CG27" s="315">
        <v>0</v>
      </c>
      <c r="CH27" s="315">
        <v>0</v>
      </c>
      <c r="CI27" s="315">
        <v>0</v>
      </c>
      <c r="CJ27" s="312">
        <v>0</v>
      </c>
      <c r="CK27" s="317">
        <v>0</v>
      </c>
      <c r="CL27" s="311">
        <v>0</v>
      </c>
      <c r="CM27" s="315">
        <v>0</v>
      </c>
      <c r="CN27" s="312">
        <v>0</v>
      </c>
      <c r="CO27" s="314">
        <v>0</v>
      </c>
      <c r="CP27" s="315">
        <v>0</v>
      </c>
      <c r="CQ27" s="315">
        <v>0</v>
      </c>
      <c r="CR27" s="315">
        <v>0</v>
      </c>
      <c r="CS27" s="315">
        <v>0</v>
      </c>
      <c r="CT27" s="315">
        <v>0</v>
      </c>
      <c r="CU27" s="312">
        <v>0</v>
      </c>
      <c r="CV27" s="317">
        <v>0</v>
      </c>
    </row>
    <row r="28" spans="1:100" ht="21" customHeight="1" x14ac:dyDescent="0.2">
      <c r="A28" s="296" t="s">
        <v>26</v>
      </c>
      <c r="B28" s="311">
        <v>0</v>
      </c>
      <c r="C28" s="312">
        <v>0</v>
      </c>
      <c r="D28" s="313">
        <v>0</v>
      </c>
      <c r="E28" s="314">
        <v>0</v>
      </c>
      <c r="F28" s="315">
        <v>0</v>
      </c>
      <c r="G28" s="315">
        <v>0</v>
      </c>
      <c r="H28" s="315">
        <v>0</v>
      </c>
      <c r="I28" s="315">
        <v>0</v>
      </c>
      <c r="J28" s="315">
        <v>0</v>
      </c>
      <c r="K28" s="316">
        <v>0</v>
      </c>
      <c r="L28" s="317">
        <v>0</v>
      </c>
      <c r="M28" s="311">
        <v>0</v>
      </c>
      <c r="N28" s="315">
        <v>0</v>
      </c>
      <c r="O28" s="312">
        <v>0</v>
      </c>
      <c r="P28" s="314">
        <v>0</v>
      </c>
      <c r="Q28" s="315">
        <v>0</v>
      </c>
      <c r="R28" s="315">
        <v>0</v>
      </c>
      <c r="S28" s="315">
        <v>0</v>
      </c>
      <c r="T28" s="315">
        <v>0</v>
      </c>
      <c r="U28" s="315">
        <v>0</v>
      </c>
      <c r="V28" s="312">
        <v>0</v>
      </c>
      <c r="W28" s="317">
        <v>0</v>
      </c>
      <c r="X28" s="311">
        <v>0</v>
      </c>
      <c r="Y28" s="315">
        <v>0</v>
      </c>
      <c r="Z28" s="312">
        <v>0</v>
      </c>
      <c r="AA28" s="314">
        <v>0</v>
      </c>
      <c r="AB28" s="315">
        <v>41</v>
      </c>
      <c r="AC28" s="315">
        <v>42</v>
      </c>
      <c r="AD28" s="315">
        <v>13</v>
      </c>
      <c r="AE28" s="315">
        <v>12</v>
      </c>
      <c r="AF28" s="315">
        <v>10</v>
      </c>
      <c r="AG28" s="312">
        <v>118</v>
      </c>
      <c r="AH28" s="317">
        <v>118</v>
      </c>
      <c r="AI28" s="311">
        <v>0</v>
      </c>
      <c r="AJ28" s="315">
        <v>0</v>
      </c>
      <c r="AK28" s="312">
        <v>0</v>
      </c>
      <c r="AL28" s="314">
        <v>0</v>
      </c>
      <c r="AM28" s="315">
        <v>1</v>
      </c>
      <c r="AN28" s="315">
        <v>3</v>
      </c>
      <c r="AO28" s="315">
        <v>6</v>
      </c>
      <c r="AP28" s="315">
        <v>1</v>
      </c>
      <c r="AQ28" s="315">
        <v>3</v>
      </c>
      <c r="AR28" s="312">
        <v>14</v>
      </c>
      <c r="AS28" s="317">
        <v>14</v>
      </c>
      <c r="AT28" s="311">
        <v>2</v>
      </c>
      <c r="AU28" s="315">
        <v>0</v>
      </c>
      <c r="AV28" s="312">
        <v>2</v>
      </c>
      <c r="AW28" s="314">
        <v>0</v>
      </c>
      <c r="AX28" s="315">
        <v>9</v>
      </c>
      <c r="AY28" s="315">
        <v>6</v>
      </c>
      <c r="AZ28" s="315">
        <v>2</v>
      </c>
      <c r="BA28" s="315">
        <v>2</v>
      </c>
      <c r="BB28" s="315">
        <v>3</v>
      </c>
      <c r="BC28" s="312">
        <v>22</v>
      </c>
      <c r="BD28" s="317">
        <v>24</v>
      </c>
      <c r="BE28" s="311">
        <v>0</v>
      </c>
      <c r="BF28" s="315">
        <v>0</v>
      </c>
      <c r="BG28" s="312">
        <v>0</v>
      </c>
      <c r="BH28" s="314">
        <v>0</v>
      </c>
      <c r="BI28" s="315">
        <v>10</v>
      </c>
      <c r="BJ28" s="315">
        <v>9</v>
      </c>
      <c r="BK28" s="315">
        <v>18</v>
      </c>
      <c r="BL28" s="315">
        <v>12</v>
      </c>
      <c r="BM28" s="315">
        <v>5</v>
      </c>
      <c r="BN28" s="316">
        <v>54</v>
      </c>
      <c r="BO28" s="317">
        <v>54</v>
      </c>
      <c r="BP28" s="311">
        <v>0</v>
      </c>
      <c r="BQ28" s="315">
        <v>0</v>
      </c>
      <c r="BR28" s="312">
        <v>0</v>
      </c>
      <c r="BS28" s="314">
        <v>0</v>
      </c>
      <c r="BT28" s="315">
        <v>0</v>
      </c>
      <c r="BU28" s="315">
        <v>0</v>
      </c>
      <c r="BV28" s="315">
        <v>0</v>
      </c>
      <c r="BW28" s="315">
        <v>0</v>
      </c>
      <c r="BX28" s="315">
        <v>0</v>
      </c>
      <c r="BY28" s="312">
        <v>0</v>
      </c>
      <c r="BZ28" s="317">
        <v>0</v>
      </c>
      <c r="CA28" s="311">
        <v>0</v>
      </c>
      <c r="CB28" s="315">
        <v>0</v>
      </c>
      <c r="CC28" s="312">
        <v>0</v>
      </c>
      <c r="CD28" s="314">
        <v>0</v>
      </c>
      <c r="CE28" s="315">
        <v>0</v>
      </c>
      <c r="CF28" s="315">
        <v>1</v>
      </c>
      <c r="CG28" s="315">
        <v>0</v>
      </c>
      <c r="CH28" s="315">
        <v>0</v>
      </c>
      <c r="CI28" s="315">
        <v>0</v>
      </c>
      <c r="CJ28" s="312">
        <v>1</v>
      </c>
      <c r="CK28" s="317">
        <v>1</v>
      </c>
      <c r="CL28" s="311">
        <v>0</v>
      </c>
      <c r="CM28" s="315">
        <v>0</v>
      </c>
      <c r="CN28" s="312">
        <v>0</v>
      </c>
      <c r="CO28" s="314">
        <v>0</v>
      </c>
      <c r="CP28" s="315">
        <v>0</v>
      </c>
      <c r="CQ28" s="315">
        <v>0</v>
      </c>
      <c r="CR28" s="315">
        <v>0</v>
      </c>
      <c r="CS28" s="315">
        <v>0</v>
      </c>
      <c r="CT28" s="315">
        <v>0</v>
      </c>
      <c r="CU28" s="312">
        <v>0</v>
      </c>
      <c r="CV28" s="317">
        <v>0</v>
      </c>
    </row>
    <row r="29" spans="1:100" ht="21" customHeight="1" x14ac:dyDescent="0.2">
      <c r="A29" s="296" t="s">
        <v>27</v>
      </c>
      <c r="B29" s="311">
        <v>0</v>
      </c>
      <c r="C29" s="312">
        <v>0</v>
      </c>
      <c r="D29" s="313">
        <v>0</v>
      </c>
      <c r="E29" s="314">
        <v>0</v>
      </c>
      <c r="F29" s="315">
        <v>0</v>
      </c>
      <c r="G29" s="315">
        <v>1</v>
      </c>
      <c r="H29" s="315">
        <v>1</v>
      </c>
      <c r="I29" s="315">
        <v>0</v>
      </c>
      <c r="J29" s="315">
        <v>0</v>
      </c>
      <c r="K29" s="316">
        <v>2</v>
      </c>
      <c r="L29" s="317">
        <v>2</v>
      </c>
      <c r="M29" s="311">
        <v>0</v>
      </c>
      <c r="N29" s="315">
        <v>0</v>
      </c>
      <c r="O29" s="312">
        <v>0</v>
      </c>
      <c r="P29" s="314">
        <v>0</v>
      </c>
      <c r="Q29" s="315">
        <v>0</v>
      </c>
      <c r="R29" s="315">
        <v>0</v>
      </c>
      <c r="S29" s="315">
        <v>0</v>
      </c>
      <c r="T29" s="315">
        <v>0</v>
      </c>
      <c r="U29" s="315">
        <v>0</v>
      </c>
      <c r="V29" s="312">
        <v>0</v>
      </c>
      <c r="W29" s="317">
        <v>0</v>
      </c>
      <c r="X29" s="311">
        <v>0</v>
      </c>
      <c r="Y29" s="315">
        <v>0</v>
      </c>
      <c r="Z29" s="312">
        <v>0</v>
      </c>
      <c r="AA29" s="314">
        <v>0</v>
      </c>
      <c r="AB29" s="315">
        <v>28</v>
      </c>
      <c r="AC29" s="315">
        <v>19</v>
      </c>
      <c r="AD29" s="315">
        <v>11</v>
      </c>
      <c r="AE29" s="315">
        <v>1</v>
      </c>
      <c r="AF29" s="315">
        <v>0</v>
      </c>
      <c r="AG29" s="312">
        <v>59</v>
      </c>
      <c r="AH29" s="317">
        <v>59</v>
      </c>
      <c r="AI29" s="311">
        <v>0</v>
      </c>
      <c r="AJ29" s="315">
        <v>0</v>
      </c>
      <c r="AK29" s="312">
        <v>0</v>
      </c>
      <c r="AL29" s="314">
        <v>0</v>
      </c>
      <c r="AM29" s="315">
        <v>3</v>
      </c>
      <c r="AN29" s="315">
        <v>2</v>
      </c>
      <c r="AO29" s="315">
        <v>1</v>
      </c>
      <c r="AP29" s="315">
        <v>1</v>
      </c>
      <c r="AQ29" s="315">
        <v>1</v>
      </c>
      <c r="AR29" s="312">
        <v>8</v>
      </c>
      <c r="AS29" s="317">
        <v>8</v>
      </c>
      <c r="AT29" s="311">
        <v>0</v>
      </c>
      <c r="AU29" s="315">
        <v>0</v>
      </c>
      <c r="AV29" s="312">
        <v>0</v>
      </c>
      <c r="AW29" s="314">
        <v>0</v>
      </c>
      <c r="AX29" s="315">
        <v>0</v>
      </c>
      <c r="AY29" s="315">
        <v>1</v>
      </c>
      <c r="AZ29" s="315">
        <v>0</v>
      </c>
      <c r="BA29" s="315">
        <v>0</v>
      </c>
      <c r="BB29" s="315">
        <v>0</v>
      </c>
      <c r="BC29" s="312">
        <v>1</v>
      </c>
      <c r="BD29" s="317">
        <v>1</v>
      </c>
      <c r="BE29" s="311">
        <v>0</v>
      </c>
      <c r="BF29" s="315">
        <v>0</v>
      </c>
      <c r="BG29" s="312">
        <v>0</v>
      </c>
      <c r="BH29" s="314">
        <v>0</v>
      </c>
      <c r="BI29" s="315">
        <v>19</v>
      </c>
      <c r="BJ29" s="315">
        <v>4</v>
      </c>
      <c r="BK29" s="315">
        <v>5</v>
      </c>
      <c r="BL29" s="315">
        <v>2</v>
      </c>
      <c r="BM29" s="315">
        <v>4</v>
      </c>
      <c r="BN29" s="316">
        <v>34</v>
      </c>
      <c r="BO29" s="317">
        <v>34</v>
      </c>
      <c r="BP29" s="311">
        <v>0</v>
      </c>
      <c r="BQ29" s="315">
        <v>0</v>
      </c>
      <c r="BR29" s="312">
        <v>0</v>
      </c>
      <c r="BS29" s="314">
        <v>0</v>
      </c>
      <c r="BT29" s="315">
        <v>0</v>
      </c>
      <c r="BU29" s="315">
        <v>0</v>
      </c>
      <c r="BV29" s="315">
        <v>0</v>
      </c>
      <c r="BW29" s="315">
        <v>0</v>
      </c>
      <c r="BX29" s="315">
        <v>0</v>
      </c>
      <c r="BY29" s="312">
        <v>0</v>
      </c>
      <c r="BZ29" s="317">
        <v>0</v>
      </c>
      <c r="CA29" s="311">
        <v>0</v>
      </c>
      <c r="CB29" s="315">
        <v>0</v>
      </c>
      <c r="CC29" s="312">
        <v>0</v>
      </c>
      <c r="CD29" s="314">
        <v>0</v>
      </c>
      <c r="CE29" s="315">
        <v>0</v>
      </c>
      <c r="CF29" s="315">
        <v>0</v>
      </c>
      <c r="CG29" s="315">
        <v>13</v>
      </c>
      <c r="CH29" s="315">
        <v>6</v>
      </c>
      <c r="CI29" s="315">
        <v>4</v>
      </c>
      <c r="CJ29" s="312">
        <v>23</v>
      </c>
      <c r="CK29" s="317">
        <v>23</v>
      </c>
      <c r="CL29" s="311">
        <v>0</v>
      </c>
      <c r="CM29" s="315">
        <v>0</v>
      </c>
      <c r="CN29" s="312">
        <v>0</v>
      </c>
      <c r="CO29" s="314">
        <v>0</v>
      </c>
      <c r="CP29" s="315">
        <v>0</v>
      </c>
      <c r="CQ29" s="315">
        <v>0</v>
      </c>
      <c r="CR29" s="315">
        <v>1</v>
      </c>
      <c r="CS29" s="315">
        <v>0</v>
      </c>
      <c r="CT29" s="315">
        <v>0</v>
      </c>
      <c r="CU29" s="312">
        <v>1</v>
      </c>
      <c r="CV29" s="317">
        <v>1</v>
      </c>
    </row>
    <row r="30" spans="1:100" ht="21" customHeight="1" x14ac:dyDescent="0.2">
      <c r="A30" s="296" t="s">
        <v>28</v>
      </c>
      <c r="B30" s="311">
        <v>0</v>
      </c>
      <c r="C30" s="312">
        <v>0</v>
      </c>
      <c r="D30" s="313">
        <v>0</v>
      </c>
      <c r="E30" s="314">
        <v>0</v>
      </c>
      <c r="F30" s="315">
        <v>0</v>
      </c>
      <c r="G30" s="315">
        <v>0</v>
      </c>
      <c r="H30" s="315">
        <v>0</v>
      </c>
      <c r="I30" s="315">
        <v>0</v>
      </c>
      <c r="J30" s="315">
        <v>0</v>
      </c>
      <c r="K30" s="316">
        <v>0</v>
      </c>
      <c r="L30" s="317">
        <v>0</v>
      </c>
      <c r="M30" s="311">
        <v>0</v>
      </c>
      <c r="N30" s="315">
        <v>0</v>
      </c>
      <c r="O30" s="312">
        <v>0</v>
      </c>
      <c r="P30" s="314">
        <v>0</v>
      </c>
      <c r="Q30" s="315">
        <v>0</v>
      </c>
      <c r="R30" s="315">
        <v>0</v>
      </c>
      <c r="S30" s="315">
        <v>0</v>
      </c>
      <c r="T30" s="315">
        <v>0</v>
      </c>
      <c r="U30" s="315">
        <v>0</v>
      </c>
      <c r="V30" s="312">
        <v>0</v>
      </c>
      <c r="W30" s="317">
        <v>0</v>
      </c>
      <c r="X30" s="311">
        <v>0</v>
      </c>
      <c r="Y30" s="315">
        <v>0</v>
      </c>
      <c r="Z30" s="312">
        <v>0</v>
      </c>
      <c r="AA30" s="314">
        <v>0</v>
      </c>
      <c r="AB30" s="315">
        <v>19</v>
      </c>
      <c r="AC30" s="315">
        <v>17</v>
      </c>
      <c r="AD30" s="315">
        <v>1</v>
      </c>
      <c r="AE30" s="315">
        <v>3</v>
      </c>
      <c r="AF30" s="315">
        <v>1</v>
      </c>
      <c r="AG30" s="312">
        <v>41</v>
      </c>
      <c r="AH30" s="317">
        <v>41</v>
      </c>
      <c r="AI30" s="311">
        <v>0</v>
      </c>
      <c r="AJ30" s="315">
        <v>0</v>
      </c>
      <c r="AK30" s="312">
        <v>0</v>
      </c>
      <c r="AL30" s="314">
        <v>0</v>
      </c>
      <c r="AM30" s="315">
        <v>2</v>
      </c>
      <c r="AN30" s="315">
        <v>1</v>
      </c>
      <c r="AO30" s="315">
        <v>2</v>
      </c>
      <c r="AP30" s="315">
        <v>0</v>
      </c>
      <c r="AQ30" s="315">
        <v>1</v>
      </c>
      <c r="AR30" s="312">
        <v>6</v>
      </c>
      <c r="AS30" s="317">
        <v>6</v>
      </c>
      <c r="AT30" s="311">
        <v>0</v>
      </c>
      <c r="AU30" s="315">
        <v>0</v>
      </c>
      <c r="AV30" s="312">
        <v>0</v>
      </c>
      <c r="AW30" s="314">
        <v>0</v>
      </c>
      <c r="AX30" s="315">
        <v>0</v>
      </c>
      <c r="AY30" s="315">
        <v>0</v>
      </c>
      <c r="AZ30" s="315">
        <v>0</v>
      </c>
      <c r="BA30" s="315">
        <v>0</v>
      </c>
      <c r="BB30" s="315">
        <v>0</v>
      </c>
      <c r="BC30" s="312">
        <v>0</v>
      </c>
      <c r="BD30" s="317">
        <v>0</v>
      </c>
      <c r="BE30" s="311">
        <v>0</v>
      </c>
      <c r="BF30" s="315">
        <v>0</v>
      </c>
      <c r="BG30" s="312">
        <v>0</v>
      </c>
      <c r="BH30" s="314">
        <v>0</v>
      </c>
      <c r="BI30" s="315">
        <v>0</v>
      </c>
      <c r="BJ30" s="315">
        <v>3</v>
      </c>
      <c r="BK30" s="315">
        <v>6</v>
      </c>
      <c r="BL30" s="315">
        <v>1</v>
      </c>
      <c r="BM30" s="315">
        <v>4</v>
      </c>
      <c r="BN30" s="316">
        <v>14</v>
      </c>
      <c r="BO30" s="317">
        <v>14</v>
      </c>
      <c r="BP30" s="311">
        <v>0</v>
      </c>
      <c r="BQ30" s="315">
        <v>0</v>
      </c>
      <c r="BR30" s="312">
        <v>0</v>
      </c>
      <c r="BS30" s="314">
        <v>0</v>
      </c>
      <c r="BT30" s="315">
        <v>0</v>
      </c>
      <c r="BU30" s="315">
        <v>0</v>
      </c>
      <c r="BV30" s="315">
        <v>0</v>
      </c>
      <c r="BW30" s="315">
        <v>0</v>
      </c>
      <c r="BX30" s="315">
        <v>0</v>
      </c>
      <c r="BY30" s="312">
        <v>0</v>
      </c>
      <c r="BZ30" s="317">
        <v>0</v>
      </c>
      <c r="CA30" s="311">
        <v>0</v>
      </c>
      <c r="CB30" s="315">
        <v>0</v>
      </c>
      <c r="CC30" s="312">
        <v>0</v>
      </c>
      <c r="CD30" s="314">
        <v>0</v>
      </c>
      <c r="CE30" s="315">
        <v>0</v>
      </c>
      <c r="CF30" s="315">
        <v>0</v>
      </c>
      <c r="CG30" s="315">
        <v>1</v>
      </c>
      <c r="CH30" s="315">
        <v>0</v>
      </c>
      <c r="CI30" s="315">
        <v>0</v>
      </c>
      <c r="CJ30" s="312">
        <v>1</v>
      </c>
      <c r="CK30" s="317">
        <v>1</v>
      </c>
      <c r="CL30" s="311">
        <v>0</v>
      </c>
      <c r="CM30" s="315">
        <v>0</v>
      </c>
      <c r="CN30" s="312">
        <v>0</v>
      </c>
      <c r="CO30" s="314">
        <v>0</v>
      </c>
      <c r="CP30" s="315">
        <v>0</v>
      </c>
      <c r="CQ30" s="315">
        <v>0</v>
      </c>
      <c r="CR30" s="315">
        <v>0</v>
      </c>
      <c r="CS30" s="315">
        <v>0</v>
      </c>
      <c r="CT30" s="315">
        <v>0</v>
      </c>
      <c r="CU30" s="312">
        <v>0</v>
      </c>
      <c r="CV30" s="317">
        <v>0</v>
      </c>
    </row>
    <row r="31" spans="1:100" ht="21" customHeight="1" x14ac:dyDescent="0.2">
      <c r="A31" s="296" t="s">
        <v>29</v>
      </c>
      <c r="B31" s="311">
        <v>0</v>
      </c>
      <c r="C31" s="312">
        <v>0</v>
      </c>
      <c r="D31" s="313">
        <v>0</v>
      </c>
      <c r="E31" s="314">
        <v>0</v>
      </c>
      <c r="F31" s="315">
        <v>0</v>
      </c>
      <c r="G31" s="315">
        <v>0</v>
      </c>
      <c r="H31" s="315">
        <v>0</v>
      </c>
      <c r="I31" s="315">
        <v>0</v>
      </c>
      <c r="J31" s="315">
        <v>0</v>
      </c>
      <c r="K31" s="316">
        <v>0</v>
      </c>
      <c r="L31" s="317">
        <v>0</v>
      </c>
      <c r="M31" s="311">
        <v>0</v>
      </c>
      <c r="N31" s="315">
        <v>0</v>
      </c>
      <c r="O31" s="312">
        <v>0</v>
      </c>
      <c r="P31" s="314">
        <v>0</v>
      </c>
      <c r="Q31" s="315">
        <v>0</v>
      </c>
      <c r="R31" s="315">
        <v>0</v>
      </c>
      <c r="S31" s="315">
        <v>0</v>
      </c>
      <c r="T31" s="315">
        <v>0</v>
      </c>
      <c r="U31" s="315">
        <v>0</v>
      </c>
      <c r="V31" s="312">
        <v>0</v>
      </c>
      <c r="W31" s="317">
        <v>0</v>
      </c>
      <c r="X31" s="311">
        <v>0</v>
      </c>
      <c r="Y31" s="315">
        <v>0</v>
      </c>
      <c r="Z31" s="312">
        <v>0</v>
      </c>
      <c r="AA31" s="314">
        <v>0</v>
      </c>
      <c r="AB31" s="315">
        <v>17</v>
      </c>
      <c r="AC31" s="315">
        <v>18</v>
      </c>
      <c r="AD31" s="315">
        <v>3</v>
      </c>
      <c r="AE31" s="315">
        <v>1</v>
      </c>
      <c r="AF31" s="315">
        <v>0</v>
      </c>
      <c r="AG31" s="312">
        <v>39</v>
      </c>
      <c r="AH31" s="317">
        <v>39</v>
      </c>
      <c r="AI31" s="311">
        <v>0</v>
      </c>
      <c r="AJ31" s="315">
        <v>0</v>
      </c>
      <c r="AK31" s="312">
        <v>0</v>
      </c>
      <c r="AL31" s="314">
        <v>0</v>
      </c>
      <c r="AM31" s="315">
        <v>1</v>
      </c>
      <c r="AN31" s="315">
        <v>1</v>
      </c>
      <c r="AO31" s="315">
        <v>3</v>
      </c>
      <c r="AP31" s="315">
        <v>1</v>
      </c>
      <c r="AQ31" s="315">
        <v>0</v>
      </c>
      <c r="AR31" s="312">
        <v>6</v>
      </c>
      <c r="AS31" s="317">
        <v>6</v>
      </c>
      <c r="AT31" s="311">
        <v>2</v>
      </c>
      <c r="AU31" s="315">
        <v>4</v>
      </c>
      <c r="AV31" s="312">
        <v>6</v>
      </c>
      <c r="AW31" s="314">
        <v>0</v>
      </c>
      <c r="AX31" s="315">
        <v>3</v>
      </c>
      <c r="AY31" s="315">
        <v>2</v>
      </c>
      <c r="AZ31" s="315">
        <v>3</v>
      </c>
      <c r="BA31" s="315">
        <v>5</v>
      </c>
      <c r="BB31" s="315">
        <v>1</v>
      </c>
      <c r="BC31" s="312">
        <v>14</v>
      </c>
      <c r="BD31" s="317">
        <v>20</v>
      </c>
      <c r="BE31" s="311">
        <v>0</v>
      </c>
      <c r="BF31" s="315">
        <v>0</v>
      </c>
      <c r="BG31" s="312">
        <v>0</v>
      </c>
      <c r="BH31" s="314">
        <v>0</v>
      </c>
      <c r="BI31" s="315">
        <v>2</v>
      </c>
      <c r="BJ31" s="315">
        <v>3</v>
      </c>
      <c r="BK31" s="315">
        <v>2</v>
      </c>
      <c r="BL31" s="315">
        <v>1</v>
      </c>
      <c r="BM31" s="315">
        <v>1</v>
      </c>
      <c r="BN31" s="316">
        <v>9</v>
      </c>
      <c r="BO31" s="317">
        <v>9</v>
      </c>
      <c r="BP31" s="311">
        <v>0</v>
      </c>
      <c r="BQ31" s="315">
        <v>0</v>
      </c>
      <c r="BR31" s="312">
        <v>0</v>
      </c>
      <c r="BS31" s="314">
        <v>0</v>
      </c>
      <c r="BT31" s="315">
        <v>0</v>
      </c>
      <c r="BU31" s="315">
        <v>0</v>
      </c>
      <c r="BV31" s="315">
        <v>0</v>
      </c>
      <c r="BW31" s="315">
        <v>0</v>
      </c>
      <c r="BX31" s="315">
        <v>0</v>
      </c>
      <c r="BY31" s="312">
        <v>0</v>
      </c>
      <c r="BZ31" s="317">
        <v>0</v>
      </c>
      <c r="CA31" s="311">
        <v>0</v>
      </c>
      <c r="CB31" s="315">
        <v>0</v>
      </c>
      <c r="CC31" s="312">
        <v>0</v>
      </c>
      <c r="CD31" s="314">
        <v>0</v>
      </c>
      <c r="CE31" s="315">
        <v>0</v>
      </c>
      <c r="CF31" s="315">
        <v>1</v>
      </c>
      <c r="CG31" s="315">
        <v>6</v>
      </c>
      <c r="CH31" s="315">
        <v>8</v>
      </c>
      <c r="CI31" s="315">
        <v>4</v>
      </c>
      <c r="CJ31" s="312">
        <v>19</v>
      </c>
      <c r="CK31" s="317">
        <v>19</v>
      </c>
      <c r="CL31" s="311">
        <v>0</v>
      </c>
      <c r="CM31" s="315">
        <v>0</v>
      </c>
      <c r="CN31" s="312">
        <v>0</v>
      </c>
      <c r="CO31" s="314">
        <v>0</v>
      </c>
      <c r="CP31" s="315">
        <v>0</v>
      </c>
      <c r="CQ31" s="315">
        <v>0</v>
      </c>
      <c r="CR31" s="315">
        <v>0</v>
      </c>
      <c r="CS31" s="315">
        <v>0</v>
      </c>
      <c r="CT31" s="315">
        <v>0</v>
      </c>
      <c r="CU31" s="312">
        <v>0</v>
      </c>
      <c r="CV31" s="317">
        <v>0</v>
      </c>
    </row>
    <row r="32" spans="1:100" ht="21" customHeight="1" x14ac:dyDescent="0.2">
      <c r="A32" s="296" t="s">
        <v>30</v>
      </c>
      <c r="B32" s="311">
        <v>0</v>
      </c>
      <c r="C32" s="312">
        <v>0</v>
      </c>
      <c r="D32" s="313">
        <v>0</v>
      </c>
      <c r="E32" s="314">
        <v>0</v>
      </c>
      <c r="F32" s="315">
        <v>1</v>
      </c>
      <c r="G32" s="315">
        <v>0</v>
      </c>
      <c r="H32" s="315">
        <v>1</v>
      </c>
      <c r="I32" s="315">
        <v>0</v>
      </c>
      <c r="J32" s="315">
        <v>0</v>
      </c>
      <c r="K32" s="316">
        <v>2</v>
      </c>
      <c r="L32" s="317">
        <v>2</v>
      </c>
      <c r="M32" s="311">
        <v>0</v>
      </c>
      <c r="N32" s="315">
        <v>0</v>
      </c>
      <c r="O32" s="312">
        <v>0</v>
      </c>
      <c r="P32" s="314">
        <v>0</v>
      </c>
      <c r="Q32" s="315">
        <v>0</v>
      </c>
      <c r="R32" s="315">
        <v>0</v>
      </c>
      <c r="S32" s="315">
        <v>0</v>
      </c>
      <c r="T32" s="315">
        <v>0</v>
      </c>
      <c r="U32" s="315">
        <v>0</v>
      </c>
      <c r="V32" s="312">
        <v>0</v>
      </c>
      <c r="W32" s="317">
        <v>0</v>
      </c>
      <c r="X32" s="311">
        <v>0</v>
      </c>
      <c r="Y32" s="315">
        <v>0</v>
      </c>
      <c r="Z32" s="312">
        <v>0</v>
      </c>
      <c r="AA32" s="314">
        <v>0</v>
      </c>
      <c r="AB32" s="315">
        <v>22</v>
      </c>
      <c r="AC32" s="315">
        <v>14</v>
      </c>
      <c r="AD32" s="315">
        <v>8</v>
      </c>
      <c r="AE32" s="315">
        <v>3</v>
      </c>
      <c r="AF32" s="315">
        <v>1</v>
      </c>
      <c r="AG32" s="312">
        <v>48</v>
      </c>
      <c r="AH32" s="317">
        <v>48</v>
      </c>
      <c r="AI32" s="311">
        <v>1</v>
      </c>
      <c r="AJ32" s="315">
        <v>0</v>
      </c>
      <c r="AK32" s="312">
        <v>1</v>
      </c>
      <c r="AL32" s="314">
        <v>0</v>
      </c>
      <c r="AM32" s="315">
        <v>0</v>
      </c>
      <c r="AN32" s="315">
        <v>1</v>
      </c>
      <c r="AO32" s="315">
        <v>2</v>
      </c>
      <c r="AP32" s="315">
        <v>0</v>
      </c>
      <c r="AQ32" s="315">
        <v>0</v>
      </c>
      <c r="AR32" s="312">
        <v>3</v>
      </c>
      <c r="AS32" s="317">
        <v>4</v>
      </c>
      <c r="AT32" s="311">
        <v>0</v>
      </c>
      <c r="AU32" s="315">
        <v>0</v>
      </c>
      <c r="AV32" s="312">
        <v>0</v>
      </c>
      <c r="AW32" s="314">
        <v>0</v>
      </c>
      <c r="AX32" s="315">
        <v>0</v>
      </c>
      <c r="AY32" s="315">
        <v>0</v>
      </c>
      <c r="AZ32" s="315">
        <v>0</v>
      </c>
      <c r="BA32" s="315">
        <v>1</v>
      </c>
      <c r="BB32" s="315">
        <v>0</v>
      </c>
      <c r="BC32" s="312">
        <v>1</v>
      </c>
      <c r="BD32" s="317">
        <v>1</v>
      </c>
      <c r="BE32" s="311">
        <v>0</v>
      </c>
      <c r="BF32" s="315">
        <v>0</v>
      </c>
      <c r="BG32" s="312">
        <v>0</v>
      </c>
      <c r="BH32" s="314">
        <v>0</v>
      </c>
      <c r="BI32" s="315">
        <v>7</v>
      </c>
      <c r="BJ32" s="315">
        <v>3</v>
      </c>
      <c r="BK32" s="315">
        <v>8</v>
      </c>
      <c r="BL32" s="315">
        <v>2</v>
      </c>
      <c r="BM32" s="315">
        <v>1</v>
      </c>
      <c r="BN32" s="316">
        <v>21</v>
      </c>
      <c r="BO32" s="317">
        <v>21</v>
      </c>
      <c r="BP32" s="311">
        <v>0</v>
      </c>
      <c r="BQ32" s="315">
        <v>0</v>
      </c>
      <c r="BR32" s="312">
        <v>0</v>
      </c>
      <c r="BS32" s="314">
        <v>0</v>
      </c>
      <c r="BT32" s="315">
        <v>0</v>
      </c>
      <c r="BU32" s="315">
        <v>0</v>
      </c>
      <c r="BV32" s="315">
        <v>0</v>
      </c>
      <c r="BW32" s="315">
        <v>0</v>
      </c>
      <c r="BX32" s="315">
        <v>0</v>
      </c>
      <c r="BY32" s="312">
        <v>0</v>
      </c>
      <c r="BZ32" s="317">
        <v>0</v>
      </c>
      <c r="CA32" s="311">
        <v>0</v>
      </c>
      <c r="CB32" s="315">
        <v>0</v>
      </c>
      <c r="CC32" s="312">
        <v>0</v>
      </c>
      <c r="CD32" s="314">
        <v>0</v>
      </c>
      <c r="CE32" s="315">
        <v>0</v>
      </c>
      <c r="CF32" s="315">
        <v>0</v>
      </c>
      <c r="CG32" s="315">
        <v>0</v>
      </c>
      <c r="CH32" s="315">
        <v>0</v>
      </c>
      <c r="CI32" s="315">
        <v>0</v>
      </c>
      <c r="CJ32" s="312">
        <v>0</v>
      </c>
      <c r="CK32" s="317">
        <v>0</v>
      </c>
      <c r="CL32" s="311">
        <v>0</v>
      </c>
      <c r="CM32" s="315">
        <v>0</v>
      </c>
      <c r="CN32" s="312">
        <v>0</v>
      </c>
      <c r="CO32" s="314">
        <v>0</v>
      </c>
      <c r="CP32" s="315">
        <v>0</v>
      </c>
      <c r="CQ32" s="315">
        <v>0</v>
      </c>
      <c r="CR32" s="315">
        <v>0</v>
      </c>
      <c r="CS32" s="315">
        <v>0</v>
      </c>
      <c r="CT32" s="315">
        <v>0</v>
      </c>
      <c r="CU32" s="312">
        <v>0</v>
      </c>
      <c r="CV32" s="317">
        <v>0</v>
      </c>
    </row>
    <row r="33" spans="1:100" ht="21" customHeight="1" x14ac:dyDescent="0.2">
      <c r="A33" s="296" t="s">
        <v>31</v>
      </c>
      <c r="B33" s="311">
        <v>0</v>
      </c>
      <c r="C33" s="312">
        <v>0</v>
      </c>
      <c r="D33" s="313">
        <v>0</v>
      </c>
      <c r="E33" s="314">
        <v>0</v>
      </c>
      <c r="F33" s="315">
        <v>0</v>
      </c>
      <c r="G33" s="315">
        <v>2</v>
      </c>
      <c r="H33" s="315">
        <v>0</v>
      </c>
      <c r="I33" s="315">
        <v>0</v>
      </c>
      <c r="J33" s="315">
        <v>0</v>
      </c>
      <c r="K33" s="316">
        <v>2</v>
      </c>
      <c r="L33" s="317">
        <v>2</v>
      </c>
      <c r="M33" s="311">
        <v>0</v>
      </c>
      <c r="N33" s="315">
        <v>0</v>
      </c>
      <c r="O33" s="312">
        <v>0</v>
      </c>
      <c r="P33" s="314">
        <v>0</v>
      </c>
      <c r="Q33" s="315">
        <v>0</v>
      </c>
      <c r="R33" s="315">
        <v>0</v>
      </c>
      <c r="S33" s="315">
        <v>0</v>
      </c>
      <c r="T33" s="315">
        <v>0</v>
      </c>
      <c r="U33" s="315">
        <v>0</v>
      </c>
      <c r="V33" s="312">
        <v>0</v>
      </c>
      <c r="W33" s="317">
        <v>0</v>
      </c>
      <c r="X33" s="311">
        <v>0</v>
      </c>
      <c r="Y33" s="315">
        <v>0</v>
      </c>
      <c r="Z33" s="312">
        <v>0</v>
      </c>
      <c r="AA33" s="314">
        <v>0</v>
      </c>
      <c r="AB33" s="315">
        <v>28</v>
      </c>
      <c r="AC33" s="315">
        <v>16</v>
      </c>
      <c r="AD33" s="315">
        <v>9</v>
      </c>
      <c r="AE33" s="315">
        <v>1</v>
      </c>
      <c r="AF33" s="315">
        <v>2</v>
      </c>
      <c r="AG33" s="312">
        <v>56</v>
      </c>
      <c r="AH33" s="317">
        <v>56</v>
      </c>
      <c r="AI33" s="311">
        <v>0</v>
      </c>
      <c r="AJ33" s="315">
        <v>0</v>
      </c>
      <c r="AK33" s="312">
        <v>0</v>
      </c>
      <c r="AL33" s="314">
        <v>0</v>
      </c>
      <c r="AM33" s="315">
        <v>0</v>
      </c>
      <c r="AN33" s="315">
        <v>1</v>
      </c>
      <c r="AO33" s="315">
        <v>2</v>
      </c>
      <c r="AP33" s="315">
        <v>0</v>
      </c>
      <c r="AQ33" s="315">
        <v>0</v>
      </c>
      <c r="AR33" s="312">
        <v>3</v>
      </c>
      <c r="AS33" s="317">
        <v>3</v>
      </c>
      <c r="AT33" s="311">
        <v>0</v>
      </c>
      <c r="AU33" s="315">
        <v>2</v>
      </c>
      <c r="AV33" s="312">
        <v>2</v>
      </c>
      <c r="AW33" s="314">
        <v>0</v>
      </c>
      <c r="AX33" s="315">
        <v>7</v>
      </c>
      <c r="AY33" s="315">
        <v>7</v>
      </c>
      <c r="AZ33" s="315">
        <v>5</v>
      </c>
      <c r="BA33" s="315">
        <v>1</v>
      </c>
      <c r="BB33" s="315">
        <v>3</v>
      </c>
      <c r="BC33" s="312">
        <v>23</v>
      </c>
      <c r="BD33" s="317">
        <v>25</v>
      </c>
      <c r="BE33" s="311">
        <v>0</v>
      </c>
      <c r="BF33" s="315">
        <v>0</v>
      </c>
      <c r="BG33" s="312">
        <v>0</v>
      </c>
      <c r="BH33" s="314">
        <v>0</v>
      </c>
      <c r="BI33" s="315">
        <v>6</v>
      </c>
      <c r="BJ33" s="315">
        <v>10</v>
      </c>
      <c r="BK33" s="315">
        <v>11</v>
      </c>
      <c r="BL33" s="315">
        <v>10</v>
      </c>
      <c r="BM33" s="315">
        <v>2</v>
      </c>
      <c r="BN33" s="316">
        <v>39</v>
      </c>
      <c r="BO33" s="317">
        <v>39</v>
      </c>
      <c r="BP33" s="311">
        <v>0</v>
      </c>
      <c r="BQ33" s="315">
        <v>0</v>
      </c>
      <c r="BR33" s="312">
        <v>0</v>
      </c>
      <c r="BS33" s="314">
        <v>0</v>
      </c>
      <c r="BT33" s="315">
        <v>0</v>
      </c>
      <c r="BU33" s="315">
        <v>0</v>
      </c>
      <c r="BV33" s="315">
        <v>0</v>
      </c>
      <c r="BW33" s="315">
        <v>0</v>
      </c>
      <c r="BX33" s="315">
        <v>0</v>
      </c>
      <c r="BY33" s="312">
        <v>0</v>
      </c>
      <c r="BZ33" s="317">
        <v>0</v>
      </c>
      <c r="CA33" s="311">
        <v>0</v>
      </c>
      <c r="CB33" s="315">
        <v>0</v>
      </c>
      <c r="CC33" s="312">
        <v>0</v>
      </c>
      <c r="CD33" s="314">
        <v>0</v>
      </c>
      <c r="CE33" s="315">
        <v>0</v>
      </c>
      <c r="CF33" s="315">
        <v>0</v>
      </c>
      <c r="CG33" s="315">
        <v>0</v>
      </c>
      <c r="CH33" s="315">
        <v>0</v>
      </c>
      <c r="CI33" s="315">
        <v>0</v>
      </c>
      <c r="CJ33" s="312">
        <v>0</v>
      </c>
      <c r="CK33" s="317">
        <v>0</v>
      </c>
      <c r="CL33" s="311">
        <v>0</v>
      </c>
      <c r="CM33" s="315">
        <v>0</v>
      </c>
      <c r="CN33" s="312">
        <v>0</v>
      </c>
      <c r="CO33" s="314">
        <v>0</v>
      </c>
      <c r="CP33" s="315">
        <v>0</v>
      </c>
      <c r="CQ33" s="315">
        <v>0</v>
      </c>
      <c r="CR33" s="315">
        <v>0</v>
      </c>
      <c r="CS33" s="315">
        <v>0</v>
      </c>
      <c r="CT33" s="315">
        <v>0</v>
      </c>
      <c r="CU33" s="312">
        <v>0</v>
      </c>
      <c r="CV33" s="317">
        <v>0</v>
      </c>
    </row>
    <row r="34" spans="1:100" ht="21" customHeight="1" x14ac:dyDescent="0.2">
      <c r="A34" s="296" t="s">
        <v>32</v>
      </c>
      <c r="B34" s="311">
        <v>0</v>
      </c>
      <c r="C34" s="312">
        <v>0</v>
      </c>
      <c r="D34" s="313">
        <v>0</v>
      </c>
      <c r="E34" s="314">
        <v>0</v>
      </c>
      <c r="F34" s="315">
        <v>2</v>
      </c>
      <c r="G34" s="315">
        <v>2</v>
      </c>
      <c r="H34" s="315">
        <v>2</v>
      </c>
      <c r="I34" s="315">
        <v>2</v>
      </c>
      <c r="J34" s="315">
        <v>0</v>
      </c>
      <c r="K34" s="316">
        <v>8</v>
      </c>
      <c r="L34" s="317">
        <v>8</v>
      </c>
      <c r="M34" s="311">
        <v>0</v>
      </c>
      <c r="N34" s="315">
        <v>0</v>
      </c>
      <c r="O34" s="312">
        <v>0</v>
      </c>
      <c r="P34" s="314">
        <v>0</v>
      </c>
      <c r="Q34" s="315">
        <v>0</v>
      </c>
      <c r="R34" s="315">
        <v>0</v>
      </c>
      <c r="S34" s="315">
        <v>0</v>
      </c>
      <c r="T34" s="315">
        <v>0</v>
      </c>
      <c r="U34" s="315">
        <v>0</v>
      </c>
      <c r="V34" s="312">
        <v>0</v>
      </c>
      <c r="W34" s="317">
        <v>0</v>
      </c>
      <c r="X34" s="311">
        <v>0</v>
      </c>
      <c r="Y34" s="315">
        <v>0</v>
      </c>
      <c r="Z34" s="312">
        <v>0</v>
      </c>
      <c r="AA34" s="314">
        <v>0</v>
      </c>
      <c r="AB34" s="315">
        <v>46</v>
      </c>
      <c r="AC34" s="315">
        <v>23</v>
      </c>
      <c r="AD34" s="315">
        <v>6</v>
      </c>
      <c r="AE34" s="315">
        <v>3</v>
      </c>
      <c r="AF34" s="315">
        <v>2</v>
      </c>
      <c r="AG34" s="312">
        <v>80</v>
      </c>
      <c r="AH34" s="317">
        <v>80</v>
      </c>
      <c r="AI34" s="311">
        <v>0</v>
      </c>
      <c r="AJ34" s="315">
        <v>0</v>
      </c>
      <c r="AK34" s="312">
        <v>0</v>
      </c>
      <c r="AL34" s="314">
        <v>0</v>
      </c>
      <c r="AM34" s="315">
        <v>1</v>
      </c>
      <c r="AN34" s="315">
        <v>0</v>
      </c>
      <c r="AO34" s="315">
        <v>2</v>
      </c>
      <c r="AP34" s="315">
        <v>1</v>
      </c>
      <c r="AQ34" s="315">
        <v>2</v>
      </c>
      <c r="AR34" s="312">
        <v>6</v>
      </c>
      <c r="AS34" s="317">
        <v>6</v>
      </c>
      <c r="AT34" s="311">
        <v>0</v>
      </c>
      <c r="AU34" s="315">
        <v>0</v>
      </c>
      <c r="AV34" s="312">
        <v>0</v>
      </c>
      <c r="AW34" s="314">
        <v>0</v>
      </c>
      <c r="AX34" s="315">
        <v>0</v>
      </c>
      <c r="AY34" s="315">
        <v>0</v>
      </c>
      <c r="AZ34" s="315">
        <v>0</v>
      </c>
      <c r="BA34" s="315">
        <v>2</v>
      </c>
      <c r="BB34" s="315">
        <v>0</v>
      </c>
      <c r="BC34" s="312">
        <v>2</v>
      </c>
      <c r="BD34" s="317">
        <v>2</v>
      </c>
      <c r="BE34" s="311">
        <v>0</v>
      </c>
      <c r="BF34" s="315">
        <v>0</v>
      </c>
      <c r="BG34" s="312">
        <v>0</v>
      </c>
      <c r="BH34" s="314">
        <v>0</v>
      </c>
      <c r="BI34" s="315">
        <v>2</v>
      </c>
      <c r="BJ34" s="315">
        <v>7</v>
      </c>
      <c r="BK34" s="315">
        <v>12</v>
      </c>
      <c r="BL34" s="315">
        <v>7</v>
      </c>
      <c r="BM34" s="315">
        <v>5</v>
      </c>
      <c r="BN34" s="316">
        <v>33</v>
      </c>
      <c r="BO34" s="317">
        <v>33</v>
      </c>
      <c r="BP34" s="311">
        <v>0</v>
      </c>
      <c r="BQ34" s="315">
        <v>0</v>
      </c>
      <c r="BR34" s="312">
        <v>0</v>
      </c>
      <c r="BS34" s="314">
        <v>0</v>
      </c>
      <c r="BT34" s="315">
        <v>0</v>
      </c>
      <c r="BU34" s="315">
        <v>0</v>
      </c>
      <c r="BV34" s="315">
        <v>0</v>
      </c>
      <c r="BW34" s="315">
        <v>0</v>
      </c>
      <c r="BX34" s="315">
        <v>0</v>
      </c>
      <c r="BY34" s="312">
        <v>0</v>
      </c>
      <c r="BZ34" s="317">
        <v>0</v>
      </c>
      <c r="CA34" s="311">
        <v>0</v>
      </c>
      <c r="CB34" s="315">
        <v>0</v>
      </c>
      <c r="CC34" s="312">
        <v>0</v>
      </c>
      <c r="CD34" s="314">
        <v>0</v>
      </c>
      <c r="CE34" s="315">
        <v>1</v>
      </c>
      <c r="CF34" s="315">
        <v>1</v>
      </c>
      <c r="CG34" s="315">
        <v>12</v>
      </c>
      <c r="CH34" s="315">
        <v>11</v>
      </c>
      <c r="CI34" s="315">
        <v>2</v>
      </c>
      <c r="CJ34" s="312">
        <v>27</v>
      </c>
      <c r="CK34" s="317">
        <v>27</v>
      </c>
      <c r="CL34" s="311">
        <v>0</v>
      </c>
      <c r="CM34" s="315">
        <v>0</v>
      </c>
      <c r="CN34" s="312">
        <v>0</v>
      </c>
      <c r="CO34" s="314">
        <v>0</v>
      </c>
      <c r="CP34" s="315">
        <v>0</v>
      </c>
      <c r="CQ34" s="315">
        <v>0</v>
      </c>
      <c r="CR34" s="315">
        <v>0</v>
      </c>
      <c r="CS34" s="315">
        <v>0</v>
      </c>
      <c r="CT34" s="315">
        <v>0</v>
      </c>
      <c r="CU34" s="312">
        <v>0</v>
      </c>
      <c r="CV34" s="317">
        <v>0</v>
      </c>
    </row>
    <row r="35" spans="1:100" ht="21" customHeight="1" x14ac:dyDescent="0.2">
      <c r="A35" s="296" t="s">
        <v>33</v>
      </c>
      <c r="B35" s="311">
        <v>0</v>
      </c>
      <c r="C35" s="312">
        <v>0</v>
      </c>
      <c r="D35" s="313">
        <v>0</v>
      </c>
      <c r="E35" s="314">
        <v>0</v>
      </c>
      <c r="F35" s="315">
        <v>0</v>
      </c>
      <c r="G35" s="315">
        <v>0</v>
      </c>
      <c r="H35" s="315">
        <v>0</v>
      </c>
      <c r="I35" s="315">
        <v>0</v>
      </c>
      <c r="J35" s="315">
        <v>0</v>
      </c>
      <c r="K35" s="316">
        <v>0</v>
      </c>
      <c r="L35" s="317">
        <v>0</v>
      </c>
      <c r="M35" s="311">
        <v>0</v>
      </c>
      <c r="N35" s="315">
        <v>0</v>
      </c>
      <c r="O35" s="312">
        <v>0</v>
      </c>
      <c r="P35" s="314">
        <v>0</v>
      </c>
      <c r="Q35" s="315">
        <v>0</v>
      </c>
      <c r="R35" s="315">
        <v>0</v>
      </c>
      <c r="S35" s="315">
        <v>0</v>
      </c>
      <c r="T35" s="315">
        <v>0</v>
      </c>
      <c r="U35" s="315">
        <v>0</v>
      </c>
      <c r="V35" s="312">
        <v>0</v>
      </c>
      <c r="W35" s="317">
        <v>0</v>
      </c>
      <c r="X35" s="311">
        <v>0</v>
      </c>
      <c r="Y35" s="315">
        <v>0</v>
      </c>
      <c r="Z35" s="312">
        <v>0</v>
      </c>
      <c r="AA35" s="314">
        <v>0</v>
      </c>
      <c r="AB35" s="315">
        <v>31</v>
      </c>
      <c r="AC35" s="315">
        <v>15</v>
      </c>
      <c r="AD35" s="315">
        <v>7</v>
      </c>
      <c r="AE35" s="315">
        <v>3</v>
      </c>
      <c r="AF35" s="315">
        <v>1</v>
      </c>
      <c r="AG35" s="312">
        <v>57</v>
      </c>
      <c r="AH35" s="317">
        <v>57</v>
      </c>
      <c r="AI35" s="311">
        <v>0</v>
      </c>
      <c r="AJ35" s="315">
        <v>0</v>
      </c>
      <c r="AK35" s="312">
        <v>0</v>
      </c>
      <c r="AL35" s="314">
        <v>0</v>
      </c>
      <c r="AM35" s="315">
        <v>1</v>
      </c>
      <c r="AN35" s="315">
        <v>0</v>
      </c>
      <c r="AO35" s="315">
        <v>0</v>
      </c>
      <c r="AP35" s="315">
        <v>0</v>
      </c>
      <c r="AQ35" s="315">
        <v>0</v>
      </c>
      <c r="AR35" s="312">
        <v>1</v>
      </c>
      <c r="AS35" s="317">
        <v>1</v>
      </c>
      <c r="AT35" s="311">
        <v>0</v>
      </c>
      <c r="AU35" s="315">
        <v>0</v>
      </c>
      <c r="AV35" s="312">
        <v>0</v>
      </c>
      <c r="AW35" s="314">
        <v>0</v>
      </c>
      <c r="AX35" s="315">
        <v>0</v>
      </c>
      <c r="AY35" s="315">
        <v>0</v>
      </c>
      <c r="AZ35" s="315">
        <v>0</v>
      </c>
      <c r="BA35" s="315">
        <v>0</v>
      </c>
      <c r="BB35" s="315">
        <v>0</v>
      </c>
      <c r="BC35" s="312">
        <v>0</v>
      </c>
      <c r="BD35" s="317">
        <v>0</v>
      </c>
      <c r="BE35" s="311">
        <v>0</v>
      </c>
      <c r="BF35" s="315">
        <v>2</v>
      </c>
      <c r="BG35" s="312">
        <v>2</v>
      </c>
      <c r="BH35" s="314">
        <v>0</v>
      </c>
      <c r="BI35" s="315">
        <v>2</v>
      </c>
      <c r="BJ35" s="315">
        <v>3</v>
      </c>
      <c r="BK35" s="315">
        <v>8</v>
      </c>
      <c r="BL35" s="315">
        <v>1</v>
      </c>
      <c r="BM35" s="315">
        <v>1</v>
      </c>
      <c r="BN35" s="316">
        <v>15</v>
      </c>
      <c r="BO35" s="317">
        <v>17</v>
      </c>
      <c r="BP35" s="311">
        <v>0</v>
      </c>
      <c r="BQ35" s="315">
        <v>0</v>
      </c>
      <c r="BR35" s="312">
        <v>0</v>
      </c>
      <c r="BS35" s="314">
        <v>0</v>
      </c>
      <c r="BT35" s="315">
        <v>0</v>
      </c>
      <c r="BU35" s="315">
        <v>0</v>
      </c>
      <c r="BV35" s="315">
        <v>0</v>
      </c>
      <c r="BW35" s="315">
        <v>0</v>
      </c>
      <c r="BX35" s="315">
        <v>0</v>
      </c>
      <c r="BY35" s="312">
        <v>0</v>
      </c>
      <c r="BZ35" s="317">
        <v>0</v>
      </c>
      <c r="CA35" s="311">
        <v>0</v>
      </c>
      <c r="CB35" s="315">
        <v>0</v>
      </c>
      <c r="CC35" s="312">
        <v>0</v>
      </c>
      <c r="CD35" s="314">
        <v>0</v>
      </c>
      <c r="CE35" s="315">
        <v>0</v>
      </c>
      <c r="CF35" s="315">
        <v>0</v>
      </c>
      <c r="CG35" s="315">
        <v>0</v>
      </c>
      <c r="CH35" s="315">
        <v>0</v>
      </c>
      <c r="CI35" s="315">
        <v>0</v>
      </c>
      <c r="CJ35" s="312">
        <v>0</v>
      </c>
      <c r="CK35" s="317">
        <v>0</v>
      </c>
      <c r="CL35" s="311">
        <v>0</v>
      </c>
      <c r="CM35" s="315">
        <v>0</v>
      </c>
      <c r="CN35" s="312">
        <v>0</v>
      </c>
      <c r="CO35" s="314">
        <v>0</v>
      </c>
      <c r="CP35" s="315">
        <v>6</v>
      </c>
      <c r="CQ35" s="315">
        <v>8</v>
      </c>
      <c r="CR35" s="315">
        <v>6</v>
      </c>
      <c r="CS35" s="315">
        <v>1</v>
      </c>
      <c r="CT35" s="315">
        <v>2</v>
      </c>
      <c r="CU35" s="312">
        <v>23</v>
      </c>
      <c r="CV35" s="317">
        <v>23</v>
      </c>
    </row>
    <row r="36" spans="1:100" ht="21" customHeight="1" x14ac:dyDescent="0.2">
      <c r="A36" s="296" t="s">
        <v>34</v>
      </c>
      <c r="B36" s="311">
        <v>0</v>
      </c>
      <c r="C36" s="312">
        <v>0</v>
      </c>
      <c r="D36" s="313">
        <v>0</v>
      </c>
      <c r="E36" s="314">
        <v>0</v>
      </c>
      <c r="F36" s="315">
        <v>0</v>
      </c>
      <c r="G36" s="315">
        <v>0</v>
      </c>
      <c r="H36" s="315">
        <v>0</v>
      </c>
      <c r="I36" s="315">
        <v>0</v>
      </c>
      <c r="J36" s="315">
        <v>0</v>
      </c>
      <c r="K36" s="316">
        <v>0</v>
      </c>
      <c r="L36" s="317">
        <v>0</v>
      </c>
      <c r="M36" s="311">
        <v>0</v>
      </c>
      <c r="N36" s="315">
        <v>0</v>
      </c>
      <c r="O36" s="312">
        <v>0</v>
      </c>
      <c r="P36" s="314">
        <v>0</v>
      </c>
      <c r="Q36" s="315">
        <v>0</v>
      </c>
      <c r="R36" s="315">
        <v>0</v>
      </c>
      <c r="S36" s="315">
        <v>0</v>
      </c>
      <c r="T36" s="315">
        <v>0</v>
      </c>
      <c r="U36" s="315">
        <v>0</v>
      </c>
      <c r="V36" s="312">
        <v>0</v>
      </c>
      <c r="W36" s="317">
        <v>0</v>
      </c>
      <c r="X36" s="311">
        <v>0</v>
      </c>
      <c r="Y36" s="315">
        <v>0</v>
      </c>
      <c r="Z36" s="312">
        <v>0</v>
      </c>
      <c r="AA36" s="314">
        <v>0</v>
      </c>
      <c r="AB36" s="315">
        <v>17</v>
      </c>
      <c r="AC36" s="315">
        <v>4</v>
      </c>
      <c r="AD36" s="315">
        <v>3</v>
      </c>
      <c r="AE36" s="315">
        <v>2</v>
      </c>
      <c r="AF36" s="315">
        <v>1</v>
      </c>
      <c r="AG36" s="312">
        <v>27</v>
      </c>
      <c r="AH36" s="317">
        <v>27</v>
      </c>
      <c r="AI36" s="311">
        <v>0</v>
      </c>
      <c r="AJ36" s="315">
        <v>0</v>
      </c>
      <c r="AK36" s="312">
        <v>0</v>
      </c>
      <c r="AL36" s="314">
        <v>0</v>
      </c>
      <c r="AM36" s="315">
        <v>0</v>
      </c>
      <c r="AN36" s="315">
        <v>0</v>
      </c>
      <c r="AO36" s="315">
        <v>0</v>
      </c>
      <c r="AP36" s="315">
        <v>1</v>
      </c>
      <c r="AQ36" s="315">
        <v>0</v>
      </c>
      <c r="AR36" s="312">
        <v>1</v>
      </c>
      <c r="AS36" s="317">
        <v>1</v>
      </c>
      <c r="AT36" s="311">
        <v>3</v>
      </c>
      <c r="AU36" s="315">
        <v>2</v>
      </c>
      <c r="AV36" s="312">
        <v>5</v>
      </c>
      <c r="AW36" s="314">
        <v>0</v>
      </c>
      <c r="AX36" s="315">
        <v>7</v>
      </c>
      <c r="AY36" s="315">
        <v>7</v>
      </c>
      <c r="AZ36" s="315">
        <v>3</v>
      </c>
      <c r="BA36" s="315">
        <v>2</v>
      </c>
      <c r="BB36" s="315">
        <v>1</v>
      </c>
      <c r="BC36" s="312">
        <v>20</v>
      </c>
      <c r="BD36" s="317">
        <v>25</v>
      </c>
      <c r="BE36" s="311">
        <v>0</v>
      </c>
      <c r="BF36" s="315">
        <v>0</v>
      </c>
      <c r="BG36" s="312">
        <v>0</v>
      </c>
      <c r="BH36" s="314">
        <v>0</v>
      </c>
      <c r="BI36" s="315">
        <v>3</v>
      </c>
      <c r="BJ36" s="315">
        <v>3</v>
      </c>
      <c r="BK36" s="315">
        <v>2</v>
      </c>
      <c r="BL36" s="315">
        <v>3</v>
      </c>
      <c r="BM36" s="315">
        <v>4</v>
      </c>
      <c r="BN36" s="316">
        <v>15</v>
      </c>
      <c r="BO36" s="317">
        <v>15</v>
      </c>
      <c r="BP36" s="311">
        <v>0</v>
      </c>
      <c r="BQ36" s="315">
        <v>0</v>
      </c>
      <c r="BR36" s="312">
        <v>0</v>
      </c>
      <c r="BS36" s="314">
        <v>0</v>
      </c>
      <c r="BT36" s="315">
        <v>0</v>
      </c>
      <c r="BU36" s="315">
        <v>0</v>
      </c>
      <c r="BV36" s="315">
        <v>0</v>
      </c>
      <c r="BW36" s="315">
        <v>0</v>
      </c>
      <c r="BX36" s="315">
        <v>0</v>
      </c>
      <c r="BY36" s="312">
        <v>0</v>
      </c>
      <c r="BZ36" s="317">
        <v>0</v>
      </c>
      <c r="CA36" s="311">
        <v>0</v>
      </c>
      <c r="CB36" s="315">
        <v>0</v>
      </c>
      <c r="CC36" s="312">
        <v>0</v>
      </c>
      <c r="CD36" s="314">
        <v>0</v>
      </c>
      <c r="CE36" s="315">
        <v>0</v>
      </c>
      <c r="CF36" s="315">
        <v>0</v>
      </c>
      <c r="CG36" s="315">
        <v>0</v>
      </c>
      <c r="CH36" s="315">
        <v>0</v>
      </c>
      <c r="CI36" s="315">
        <v>0</v>
      </c>
      <c r="CJ36" s="312">
        <v>0</v>
      </c>
      <c r="CK36" s="317">
        <v>0</v>
      </c>
      <c r="CL36" s="311">
        <v>0</v>
      </c>
      <c r="CM36" s="315">
        <v>0</v>
      </c>
      <c r="CN36" s="312">
        <v>0</v>
      </c>
      <c r="CO36" s="314">
        <v>0</v>
      </c>
      <c r="CP36" s="315">
        <v>4</v>
      </c>
      <c r="CQ36" s="315">
        <v>13</v>
      </c>
      <c r="CR36" s="315">
        <v>3</v>
      </c>
      <c r="CS36" s="315">
        <v>4</v>
      </c>
      <c r="CT36" s="315">
        <v>1</v>
      </c>
      <c r="CU36" s="312">
        <v>25</v>
      </c>
      <c r="CV36" s="317">
        <v>25</v>
      </c>
    </row>
    <row r="37" spans="1:100" ht="21" customHeight="1" x14ac:dyDescent="0.2">
      <c r="A37" s="296" t="s">
        <v>35</v>
      </c>
      <c r="B37" s="311">
        <v>0</v>
      </c>
      <c r="C37" s="312">
        <v>0</v>
      </c>
      <c r="D37" s="313">
        <v>0</v>
      </c>
      <c r="E37" s="314">
        <v>0</v>
      </c>
      <c r="F37" s="315">
        <v>0</v>
      </c>
      <c r="G37" s="315">
        <v>1</v>
      </c>
      <c r="H37" s="315">
        <v>1</v>
      </c>
      <c r="I37" s="315">
        <v>1</v>
      </c>
      <c r="J37" s="315">
        <v>0</v>
      </c>
      <c r="K37" s="316">
        <v>3</v>
      </c>
      <c r="L37" s="317">
        <v>3</v>
      </c>
      <c r="M37" s="311">
        <v>0</v>
      </c>
      <c r="N37" s="315">
        <v>0</v>
      </c>
      <c r="O37" s="312">
        <v>0</v>
      </c>
      <c r="P37" s="314">
        <v>0</v>
      </c>
      <c r="Q37" s="315">
        <v>0</v>
      </c>
      <c r="R37" s="315">
        <v>0</v>
      </c>
      <c r="S37" s="315">
        <v>0</v>
      </c>
      <c r="T37" s="315">
        <v>0</v>
      </c>
      <c r="U37" s="315">
        <v>0</v>
      </c>
      <c r="V37" s="312">
        <v>0</v>
      </c>
      <c r="W37" s="317">
        <v>0</v>
      </c>
      <c r="X37" s="311">
        <v>0</v>
      </c>
      <c r="Y37" s="315">
        <v>0</v>
      </c>
      <c r="Z37" s="312">
        <v>0</v>
      </c>
      <c r="AA37" s="314">
        <v>0</v>
      </c>
      <c r="AB37" s="315">
        <v>15</v>
      </c>
      <c r="AC37" s="315">
        <v>13</v>
      </c>
      <c r="AD37" s="315">
        <v>10</v>
      </c>
      <c r="AE37" s="315">
        <v>11</v>
      </c>
      <c r="AF37" s="315">
        <v>1</v>
      </c>
      <c r="AG37" s="312">
        <v>50</v>
      </c>
      <c r="AH37" s="317">
        <v>50</v>
      </c>
      <c r="AI37" s="311">
        <v>0</v>
      </c>
      <c r="AJ37" s="315">
        <v>0</v>
      </c>
      <c r="AK37" s="312">
        <v>0</v>
      </c>
      <c r="AL37" s="314">
        <v>0</v>
      </c>
      <c r="AM37" s="315">
        <v>0</v>
      </c>
      <c r="AN37" s="315">
        <v>0</v>
      </c>
      <c r="AO37" s="315">
        <v>0</v>
      </c>
      <c r="AP37" s="315">
        <v>0</v>
      </c>
      <c r="AQ37" s="315">
        <v>0</v>
      </c>
      <c r="AR37" s="312">
        <v>0</v>
      </c>
      <c r="AS37" s="317">
        <v>0</v>
      </c>
      <c r="AT37" s="311">
        <v>0</v>
      </c>
      <c r="AU37" s="315">
        <v>3</v>
      </c>
      <c r="AV37" s="312">
        <v>3</v>
      </c>
      <c r="AW37" s="314">
        <v>0</v>
      </c>
      <c r="AX37" s="315">
        <v>7</v>
      </c>
      <c r="AY37" s="315">
        <v>9</v>
      </c>
      <c r="AZ37" s="315">
        <v>8</v>
      </c>
      <c r="BA37" s="315">
        <v>1</v>
      </c>
      <c r="BB37" s="315">
        <v>1</v>
      </c>
      <c r="BC37" s="312">
        <v>26</v>
      </c>
      <c r="BD37" s="317">
        <v>29</v>
      </c>
      <c r="BE37" s="311">
        <v>0</v>
      </c>
      <c r="BF37" s="315">
        <v>0</v>
      </c>
      <c r="BG37" s="312">
        <v>0</v>
      </c>
      <c r="BH37" s="314">
        <v>0</v>
      </c>
      <c r="BI37" s="315">
        <v>10</v>
      </c>
      <c r="BJ37" s="315">
        <v>15</v>
      </c>
      <c r="BK37" s="315">
        <v>18</v>
      </c>
      <c r="BL37" s="315">
        <v>14</v>
      </c>
      <c r="BM37" s="315">
        <v>4</v>
      </c>
      <c r="BN37" s="316">
        <v>61</v>
      </c>
      <c r="BO37" s="317">
        <v>61</v>
      </c>
      <c r="BP37" s="311">
        <v>0</v>
      </c>
      <c r="BQ37" s="315">
        <v>0</v>
      </c>
      <c r="BR37" s="312">
        <v>0</v>
      </c>
      <c r="BS37" s="314">
        <v>0</v>
      </c>
      <c r="BT37" s="315">
        <v>0</v>
      </c>
      <c r="BU37" s="315">
        <v>0</v>
      </c>
      <c r="BV37" s="315">
        <v>0</v>
      </c>
      <c r="BW37" s="315">
        <v>0</v>
      </c>
      <c r="BX37" s="315">
        <v>0</v>
      </c>
      <c r="BY37" s="312">
        <v>0</v>
      </c>
      <c r="BZ37" s="317">
        <v>0</v>
      </c>
      <c r="CA37" s="311">
        <v>0</v>
      </c>
      <c r="CB37" s="315">
        <v>0</v>
      </c>
      <c r="CC37" s="312">
        <v>0</v>
      </c>
      <c r="CD37" s="314">
        <v>0</v>
      </c>
      <c r="CE37" s="315">
        <v>0</v>
      </c>
      <c r="CF37" s="315">
        <v>0</v>
      </c>
      <c r="CG37" s="315">
        <v>0</v>
      </c>
      <c r="CH37" s="315">
        <v>0</v>
      </c>
      <c r="CI37" s="315">
        <v>0</v>
      </c>
      <c r="CJ37" s="312">
        <v>0</v>
      </c>
      <c r="CK37" s="317">
        <v>0</v>
      </c>
      <c r="CL37" s="311">
        <v>0</v>
      </c>
      <c r="CM37" s="315">
        <v>0</v>
      </c>
      <c r="CN37" s="312">
        <v>0</v>
      </c>
      <c r="CO37" s="314">
        <v>0</v>
      </c>
      <c r="CP37" s="315">
        <v>0</v>
      </c>
      <c r="CQ37" s="315">
        <v>0</v>
      </c>
      <c r="CR37" s="315">
        <v>0</v>
      </c>
      <c r="CS37" s="315">
        <v>0</v>
      </c>
      <c r="CT37" s="315">
        <v>0</v>
      </c>
      <c r="CU37" s="312">
        <v>0</v>
      </c>
      <c r="CV37" s="317">
        <v>0</v>
      </c>
    </row>
    <row r="38" spans="1:100" ht="21" customHeight="1" x14ac:dyDescent="0.2">
      <c r="A38" s="296" t="s">
        <v>36</v>
      </c>
      <c r="B38" s="311">
        <v>0</v>
      </c>
      <c r="C38" s="312">
        <v>0</v>
      </c>
      <c r="D38" s="313">
        <v>0</v>
      </c>
      <c r="E38" s="314">
        <v>0</v>
      </c>
      <c r="F38" s="315">
        <v>0</v>
      </c>
      <c r="G38" s="315">
        <v>0</v>
      </c>
      <c r="H38" s="315">
        <v>0</v>
      </c>
      <c r="I38" s="315">
        <v>0</v>
      </c>
      <c r="J38" s="315">
        <v>0</v>
      </c>
      <c r="K38" s="316">
        <v>0</v>
      </c>
      <c r="L38" s="317">
        <v>0</v>
      </c>
      <c r="M38" s="311">
        <v>0</v>
      </c>
      <c r="N38" s="315">
        <v>0</v>
      </c>
      <c r="O38" s="312">
        <v>0</v>
      </c>
      <c r="P38" s="314">
        <v>0</v>
      </c>
      <c r="Q38" s="315">
        <v>0</v>
      </c>
      <c r="R38" s="315">
        <v>0</v>
      </c>
      <c r="S38" s="315">
        <v>0</v>
      </c>
      <c r="T38" s="315">
        <v>0</v>
      </c>
      <c r="U38" s="315">
        <v>0</v>
      </c>
      <c r="V38" s="312">
        <v>0</v>
      </c>
      <c r="W38" s="317">
        <v>0</v>
      </c>
      <c r="X38" s="311">
        <v>0</v>
      </c>
      <c r="Y38" s="315">
        <v>0</v>
      </c>
      <c r="Z38" s="312">
        <v>0</v>
      </c>
      <c r="AA38" s="314">
        <v>0</v>
      </c>
      <c r="AB38" s="315">
        <v>60</v>
      </c>
      <c r="AC38" s="315">
        <v>49</v>
      </c>
      <c r="AD38" s="315">
        <v>25</v>
      </c>
      <c r="AE38" s="315">
        <v>12</v>
      </c>
      <c r="AF38" s="315">
        <v>12</v>
      </c>
      <c r="AG38" s="312">
        <v>158</v>
      </c>
      <c r="AH38" s="317">
        <v>158</v>
      </c>
      <c r="AI38" s="311">
        <v>0</v>
      </c>
      <c r="AJ38" s="315">
        <v>0</v>
      </c>
      <c r="AK38" s="312">
        <v>0</v>
      </c>
      <c r="AL38" s="314">
        <v>0</v>
      </c>
      <c r="AM38" s="315">
        <v>0</v>
      </c>
      <c r="AN38" s="315">
        <v>0</v>
      </c>
      <c r="AO38" s="315">
        <v>0</v>
      </c>
      <c r="AP38" s="315">
        <v>0</v>
      </c>
      <c r="AQ38" s="315">
        <v>0</v>
      </c>
      <c r="AR38" s="312">
        <v>0</v>
      </c>
      <c r="AS38" s="317">
        <v>0</v>
      </c>
      <c r="AT38" s="311">
        <v>1</v>
      </c>
      <c r="AU38" s="315">
        <v>1</v>
      </c>
      <c r="AV38" s="312">
        <v>2</v>
      </c>
      <c r="AW38" s="314">
        <v>0</v>
      </c>
      <c r="AX38" s="315">
        <v>6</v>
      </c>
      <c r="AY38" s="315">
        <v>7</v>
      </c>
      <c r="AZ38" s="315">
        <v>6</v>
      </c>
      <c r="BA38" s="315">
        <v>3</v>
      </c>
      <c r="BB38" s="315">
        <v>0</v>
      </c>
      <c r="BC38" s="312">
        <v>22</v>
      </c>
      <c r="BD38" s="317">
        <v>24</v>
      </c>
      <c r="BE38" s="311">
        <v>0</v>
      </c>
      <c r="BF38" s="315">
        <v>0</v>
      </c>
      <c r="BG38" s="312">
        <v>0</v>
      </c>
      <c r="BH38" s="314">
        <v>0</v>
      </c>
      <c r="BI38" s="315">
        <v>6</v>
      </c>
      <c r="BJ38" s="315">
        <v>5</v>
      </c>
      <c r="BK38" s="315">
        <v>12</v>
      </c>
      <c r="BL38" s="315">
        <v>9</v>
      </c>
      <c r="BM38" s="315">
        <v>1</v>
      </c>
      <c r="BN38" s="316">
        <v>33</v>
      </c>
      <c r="BO38" s="317">
        <v>33</v>
      </c>
      <c r="BP38" s="311">
        <v>0</v>
      </c>
      <c r="BQ38" s="315">
        <v>0</v>
      </c>
      <c r="BR38" s="312">
        <v>0</v>
      </c>
      <c r="BS38" s="314">
        <v>0</v>
      </c>
      <c r="BT38" s="315">
        <v>0</v>
      </c>
      <c r="BU38" s="315">
        <v>0</v>
      </c>
      <c r="BV38" s="315">
        <v>0</v>
      </c>
      <c r="BW38" s="315">
        <v>0</v>
      </c>
      <c r="BX38" s="315">
        <v>0</v>
      </c>
      <c r="BY38" s="312">
        <v>0</v>
      </c>
      <c r="BZ38" s="317">
        <v>0</v>
      </c>
      <c r="CA38" s="311">
        <v>0</v>
      </c>
      <c r="CB38" s="315">
        <v>0</v>
      </c>
      <c r="CC38" s="312">
        <v>0</v>
      </c>
      <c r="CD38" s="314">
        <v>0</v>
      </c>
      <c r="CE38" s="315">
        <v>0</v>
      </c>
      <c r="CF38" s="315">
        <v>0</v>
      </c>
      <c r="CG38" s="315">
        <v>0</v>
      </c>
      <c r="CH38" s="315">
        <v>0</v>
      </c>
      <c r="CI38" s="315">
        <v>0</v>
      </c>
      <c r="CJ38" s="312">
        <v>0</v>
      </c>
      <c r="CK38" s="317">
        <v>0</v>
      </c>
      <c r="CL38" s="311">
        <v>0</v>
      </c>
      <c r="CM38" s="315">
        <v>0</v>
      </c>
      <c r="CN38" s="312">
        <v>0</v>
      </c>
      <c r="CO38" s="314">
        <v>0</v>
      </c>
      <c r="CP38" s="315">
        <v>0</v>
      </c>
      <c r="CQ38" s="315">
        <v>0</v>
      </c>
      <c r="CR38" s="315">
        <v>0</v>
      </c>
      <c r="CS38" s="315">
        <v>0</v>
      </c>
      <c r="CT38" s="315">
        <v>0</v>
      </c>
      <c r="CU38" s="312">
        <v>0</v>
      </c>
      <c r="CV38" s="317">
        <v>0</v>
      </c>
    </row>
    <row r="39" spans="1:100" ht="21" customHeight="1" thickBot="1" x14ac:dyDescent="0.25">
      <c r="A39" s="297" t="s">
        <v>37</v>
      </c>
      <c r="B39" s="318">
        <v>0</v>
      </c>
      <c r="C39" s="319">
        <v>0</v>
      </c>
      <c r="D39" s="320">
        <v>0</v>
      </c>
      <c r="E39" s="321">
        <v>0</v>
      </c>
      <c r="F39" s="322">
        <v>0</v>
      </c>
      <c r="G39" s="322">
        <v>0</v>
      </c>
      <c r="H39" s="322">
        <v>0</v>
      </c>
      <c r="I39" s="322">
        <v>0</v>
      </c>
      <c r="J39" s="322">
        <v>0</v>
      </c>
      <c r="K39" s="323">
        <v>0</v>
      </c>
      <c r="L39" s="324">
        <v>0</v>
      </c>
      <c r="M39" s="318">
        <v>0</v>
      </c>
      <c r="N39" s="322">
        <v>0</v>
      </c>
      <c r="O39" s="319">
        <v>0</v>
      </c>
      <c r="P39" s="321">
        <v>0</v>
      </c>
      <c r="Q39" s="322">
        <v>0</v>
      </c>
      <c r="R39" s="322">
        <v>0</v>
      </c>
      <c r="S39" s="322">
        <v>0</v>
      </c>
      <c r="T39" s="322">
        <v>0</v>
      </c>
      <c r="U39" s="322">
        <v>0</v>
      </c>
      <c r="V39" s="319">
        <v>0</v>
      </c>
      <c r="W39" s="324">
        <v>0</v>
      </c>
      <c r="X39" s="318">
        <v>0</v>
      </c>
      <c r="Y39" s="322">
        <v>0</v>
      </c>
      <c r="Z39" s="319">
        <v>0</v>
      </c>
      <c r="AA39" s="321">
        <v>0</v>
      </c>
      <c r="AB39" s="322">
        <v>17</v>
      </c>
      <c r="AC39" s="322">
        <v>8</v>
      </c>
      <c r="AD39" s="322">
        <v>4</v>
      </c>
      <c r="AE39" s="322">
        <v>0</v>
      </c>
      <c r="AF39" s="322">
        <v>2</v>
      </c>
      <c r="AG39" s="319">
        <v>31</v>
      </c>
      <c r="AH39" s="324">
        <v>31</v>
      </c>
      <c r="AI39" s="318">
        <v>0</v>
      </c>
      <c r="AJ39" s="322">
        <v>0</v>
      </c>
      <c r="AK39" s="319">
        <v>0</v>
      </c>
      <c r="AL39" s="321">
        <v>0</v>
      </c>
      <c r="AM39" s="322">
        <v>1</v>
      </c>
      <c r="AN39" s="322">
        <v>0</v>
      </c>
      <c r="AO39" s="322">
        <v>1</v>
      </c>
      <c r="AP39" s="322">
        <v>1</v>
      </c>
      <c r="AQ39" s="322">
        <v>0</v>
      </c>
      <c r="AR39" s="319">
        <v>3</v>
      </c>
      <c r="AS39" s="324">
        <v>3</v>
      </c>
      <c r="AT39" s="318">
        <v>0</v>
      </c>
      <c r="AU39" s="322">
        <v>0</v>
      </c>
      <c r="AV39" s="319">
        <v>0</v>
      </c>
      <c r="AW39" s="321">
        <v>0</v>
      </c>
      <c r="AX39" s="322">
        <v>0</v>
      </c>
      <c r="AY39" s="322">
        <v>0</v>
      </c>
      <c r="AZ39" s="322">
        <v>0</v>
      </c>
      <c r="BA39" s="322">
        <v>0</v>
      </c>
      <c r="BB39" s="322">
        <v>0</v>
      </c>
      <c r="BC39" s="319">
        <v>0</v>
      </c>
      <c r="BD39" s="324">
        <v>0</v>
      </c>
      <c r="BE39" s="318">
        <v>0</v>
      </c>
      <c r="BF39" s="322">
        <v>0</v>
      </c>
      <c r="BG39" s="319">
        <v>0</v>
      </c>
      <c r="BH39" s="321">
        <v>0</v>
      </c>
      <c r="BI39" s="322">
        <v>1</v>
      </c>
      <c r="BJ39" s="322">
        <v>0</v>
      </c>
      <c r="BK39" s="322">
        <v>3</v>
      </c>
      <c r="BL39" s="322">
        <v>0</v>
      </c>
      <c r="BM39" s="322">
        <v>0</v>
      </c>
      <c r="BN39" s="323">
        <v>4</v>
      </c>
      <c r="BO39" s="324">
        <v>4</v>
      </c>
      <c r="BP39" s="318">
        <v>0</v>
      </c>
      <c r="BQ39" s="322">
        <v>0</v>
      </c>
      <c r="BR39" s="319">
        <v>0</v>
      </c>
      <c r="BS39" s="321">
        <v>0</v>
      </c>
      <c r="BT39" s="322">
        <v>0</v>
      </c>
      <c r="BU39" s="322">
        <v>0</v>
      </c>
      <c r="BV39" s="322">
        <v>0</v>
      </c>
      <c r="BW39" s="322">
        <v>0</v>
      </c>
      <c r="BX39" s="322">
        <v>0</v>
      </c>
      <c r="BY39" s="319">
        <v>0</v>
      </c>
      <c r="BZ39" s="324">
        <v>0</v>
      </c>
      <c r="CA39" s="318">
        <v>0</v>
      </c>
      <c r="CB39" s="322">
        <v>0</v>
      </c>
      <c r="CC39" s="319">
        <v>0</v>
      </c>
      <c r="CD39" s="321">
        <v>0</v>
      </c>
      <c r="CE39" s="322">
        <v>0</v>
      </c>
      <c r="CF39" s="322">
        <v>0</v>
      </c>
      <c r="CG39" s="322">
        <v>0</v>
      </c>
      <c r="CH39" s="322">
        <v>0</v>
      </c>
      <c r="CI39" s="322">
        <v>0</v>
      </c>
      <c r="CJ39" s="319">
        <v>0</v>
      </c>
      <c r="CK39" s="324">
        <v>0</v>
      </c>
      <c r="CL39" s="318">
        <v>0</v>
      </c>
      <c r="CM39" s="322">
        <v>0</v>
      </c>
      <c r="CN39" s="319">
        <v>0</v>
      </c>
      <c r="CO39" s="321">
        <v>0</v>
      </c>
      <c r="CP39" s="322">
        <v>0</v>
      </c>
      <c r="CQ39" s="322">
        <v>0</v>
      </c>
      <c r="CR39" s="322">
        <v>0</v>
      </c>
      <c r="CS39" s="322">
        <v>0</v>
      </c>
      <c r="CT39" s="322">
        <v>0</v>
      </c>
      <c r="CU39" s="319">
        <v>0</v>
      </c>
      <c r="CV39" s="324">
        <v>0</v>
      </c>
    </row>
  </sheetData>
  <mergeCells count="39">
    <mergeCell ref="CL3:CV3"/>
    <mergeCell ref="CO4:CU4"/>
    <mergeCell ref="CL4:CN4"/>
    <mergeCell ref="CA4:CC4"/>
    <mergeCell ref="AT4:AV4"/>
    <mergeCell ref="AW4:BC4"/>
    <mergeCell ref="CD4:CJ4"/>
    <mergeCell ref="BE4:BG4"/>
    <mergeCell ref="BH4:BN4"/>
    <mergeCell ref="BP4:BR4"/>
    <mergeCell ref="BS4:BY4"/>
    <mergeCell ref="CA3:CK3"/>
    <mergeCell ref="CV4:CV5"/>
    <mergeCell ref="CK4:CK5"/>
    <mergeCell ref="A3:A5"/>
    <mergeCell ref="AH4:AH5"/>
    <mergeCell ref="AI4:AK4"/>
    <mergeCell ref="B3:L3"/>
    <mergeCell ref="M3:W3"/>
    <mergeCell ref="X3:AH3"/>
    <mergeCell ref="AI3:AS3"/>
    <mergeCell ref="AL4:AR4"/>
    <mergeCell ref="AS4:AS5"/>
    <mergeCell ref="B4:D4"/>
    <mergeCell ref="E4:K4"/>
    <mergeCell ref="L4:L5"/>
    <mergeCell ref="W4:W5"/>
    <mergeCell ref="X4:Z4"/>
    <mergeCell ref="AA4:AG4"/>
    <mergeCell ref="M4:O4"/>
    <mergeCell ref="P4:V4"/>
    <mergeCell ref="AT3:BD3"/>
    <mergeCell ref="H1:I1"/>
    <mergeCell ref="K1:L1"/>
    <mergeCell ref="BZ4:BZ5"/>
    <mergeCell ref="BE3:BO3"/>
    <mergeCell ref="BP3:BZ3"/>
    <mergeCell ref="BO4:BO5"/>
    <mergeCell ref="BD4:BD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3" max="1048575" man="1"/>
    <brk id="45" max="1048575" man="1"/>
    <brk id="67"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V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0"/>
    <col min="4" max="4" width="10.33203125" style="290" customWidth="1"/>
    <col min="5" max="5" width="7.6640625" style="290" customWidth="1"/>
    <col min="6" max="6" width="8.44140625" style="290" customWidth="1"/>
    <col min="7" max="7" width="8.77734375" style="290" customWidth="1"/>
    <col min="8" max="15" width="9" style="290"/>
    <col min="16" max="16" width="7.21875" style="290" customWidth="1"/>
    <col min="17" max="26" width="9" style="290"/>
    <col min="27" max="27" width="7.6640625" style="290" customWidth="1"/>
    <col min="28" max="37" width="9" style="290"/>
    <col min="38" max="38" width="8.5546875" style="290" customWidth="1"/>
    <col min="39" max="48" width="9" style="290"/>
    <col min="49" max="49" width="7.6640625" style="290" customWidth="1"/>
    <col min="50" max="59" width="9" style="290"/>
    <col min="60" max="60" width="7.21875" style="290" customWidth="1"/>
    <col min="61" max="70" width="9" style="290"/>
    <col min="71" max="71" width="7.21875" style="290" customWidth="1"/>
    <col min="72" max="81" width="9" style="290"/>
    <col min="82" max="82" width="7.33203125" style="290" customWidth="1"/>
    <col min="83" max="92" width="9" style="290"/>
    <col min="93" max="93" width="7.44140625" style="290" customWidth="1"/>
    <col min="94" max="16384" width="9" style="290"/>
  </cols>
  <sheetData>
    <row r="1" spans="1:100" ht="22.5" customHeight="1" x14ac:dyDescent="0.2">
      <c r="A1" s="325" t="s">
        <v>124</v>
      </c>
      <c r="H1" s="545">
        <f>第１表!F2</f>
        <v>4</v>
      </c>
      <c r="I1" s="545"/>
      <c r="J1" s="282">
        <f>第１表!G2</f>
        <v>4</v>
      </c>
      <c r="K1" s="549">
        <f>IF(J1&lt;3,J1+12-2,J1-2)</f>
        <v>2</v>
      </c>
      <c r="L1" s="549"/>
    </row>
    <row r="2" spans="1:100" s="326" customFormat="1" ht="21" customHeight="1" thickBot="1" x14ac:dyDescent="0.25">
      <c r="A2" s="325" t="s">
        <v>131</v>
      </c>
    </row>
    <row r="3" spans="1:100" ht="23.25" customHeight="1" thickBot="1" x14ac:dyDescent="0.25">
      <c r="A3" s="562"/>
      <c r="B3" s="553" t="s">
        <v>94</v>
      </c>
      <c r="C3" s="554"/>
      <c r="D3" s="554"/>
      <c r="E3" s="554"/>
      <c r="F3" s="554"/>
      <c r="G3" s="554"/>
      <c r="H3" s="554"/>
      <c r="I3" s="554"/>
      <c r="J3" s="554"/>
      <c r="K3" s="554"/>
      <c r="L3" s="555"/>
      <c r="M3" s="553" t="s">
        <v>88</v>
      </c>
      <c r="N3" s="554"/>
      <c r="O3" s="554"/>
      <c r="P3" s="554"/>
      <c r="Q3" s="554"/>
      <c r="R3" s="554"/>
      <c r="S3" s="554"/>
      <c r="T3" s="554"/>
      <c r="U3" s="554"/>
      <c r="V3" s="554"/>
      <c r="W3" s="555"/>
      <c r="X3" s="553" t="s">
        <v>142</v>
      </c>
      <c r="Y3" s="554"/>
      <c r="Z3" s="554"/>
      <c r="AA3" s="554"/>
      <c r="AB3" s="554"/>
      <c r="AC3" s="554"/>
      <c r="AD3" s="554"/>
      <c r="AE3" s="554"/>
      <c r="AF3" s="554"/>
      <c r="AG3" s="554"/>
      <c r="AH3" s="555"/>
      <c r="AI3" s="553" t="s">
        <v>90</v>
      </c>
      <c r="AJ3" s="554"/>
      <c r="AK3" s="554"/>
      <c r="AL3" s="554"/>
      <c r="AM3" s="554"/>
      <c r="AN3" s="554"/>
      <c r="AO3" s="554"/>
      <c r="AP3" s="554"/>
      <c r="AQ3" s="554"/>
      <c r="AR3" s="554"/>
      <c r="AS3" s="555"/>
      <c r="AT3" s="566" t="s">
        <v>89</v>
      </c>
      <c r="AU3" s="567"/>
      <c r="AV3" s="567"/>
      <c r="AW3" s="567"/>
      <c r="AX3" s="567"/>
      <c r="AY3" s="567"/>
      <c r="AZ3" s="567"/>
      <c r="BA3" s="567"/>
      <c r="BB3" s="567"/>
      <c r="BC3" s="567"/>
      <c r="BD3" s="568"/>
      <c r="BE3" s="566" t="s">
        <v>91</v>
      </c>
      <c r="BF3" s="567"/>
      <c r="BG3" s="567"/>
      <c r="BH3" s="567"/>
      <c r="BI3" s="567"/>
      <c r="BJ3" s="567"/>
      <c r="BK3" s="567"/>
      <c r="BL3" s="567"/>
      <c r="BM3" s="567"/>
      <c r="BN3" s="567"/>
      <c r="BO3" s="568"/>
      <c r="BP3" s="566" t="s">
        <v>92</v>
      </c>
      <c r="BQ3" s="567"/>
      <c r="BR3" s="567"/>
      <c r="BS3" s="567"/>
      <c r="BT3" s="567"/>
      <c r="BU3" s="567"/>
      <c r="BV3" s="567"/>
      <c r="BW3" s="567"/>
      <c r="BX3" s="567"/>
      <c r="BY3" s="567"/>
      <c r="BZ3" s="568"/>
      <c r="CA3" s="566" t="s">
        <v>93</v>
      </c>
      <c r="CB3" s="567"/>
      <c r="CC3" s="567"/>
      <c r="CD3" s="567"/>
      <c r="CE3" s="567"/>
      <c r="CF3" s="567"/>
      <c r="CG3" s="567"/>
      <c r="CH3" s="567"/>
      <c r="CI3" s="567"/>
      <c r="CJ3" s="567"/>
      <c r="CK3" s="568"/>
      <c r="CL3" s="567" t="s">
        <v>141</v>
      </c>
      <c r="CM3" s="567"/>
      <c r="CN3" s="567"/>
      <c r="CO3" s="567"/>
      <c r="CP3" s="567"/>
      <c r="CQ3" s="567"/>
      <c r="CR3" s="567"/>
      <c r="CS3" s="567"/>
      <c r="CT3" s="567"/>
      <c r="CU3" s="567"/>
      <c r="CV3" s="568"/>
    </row>
    <row r="4" spans="1:100" ht="22.5" customHeight="1" x14ac:dyDescent="0.2">
      <c r="A4" s="563"/>
      <c r="B4" s="561" t="s">
        <v>61</v>
      </c>
      <c r="C4" s="557"/>
      <c r="D4" s="558"/>
      <c r="E4" s="556" t="s">
        <v>62</v>
      </c>
      <c r="F4" s="557"/>
      <c r="G4" s="557"/>
      <c r="H4" s="557"/>
      <c r="I4" s="557"/>
      <c r="J4" s="557"/>
      <c r="K4" s="565"/>
      <c r="L4" s="559" t="s">
        <v>52</v>
      </c>
      <c r="M4" s="561" t="s">
        <v>61</v>
      </c>
      <c r="N4" s="557"/>
      <c r="O4" s="558"/>
      <c r="P4" s="556" t="s">
        <v>62</v>
      </c>
      <c r="Q4" s="557"/>
      <c r="R4" s="557"/>
      <c r="S4" s="557"/>
      <c r="T4" s="557"/>
      <c r="U4" s="557"/>
      <c r="V4" s="558"/>
      <c r="W4" s="559" t="s">
        <v>52</v>
      </c>
      <c r="X4" s="561" t="s">
        <v>61</v>
      </c>
      <c r="Y4" s="557"/>
      <c r="Z4" s="558"/>
      <c r="AA4" s="556" t="s">
        <v>62</v>
      </c>
      <c r="AB4" s="557"/>
      <c r="AC4" s="557"/>
      <c r="AD4" s="557"/>
      <c r="AE4" s="557"/>
      <c r="AF4" s="557"/>
      <c r="AG4" s="558"/>
      <c r="AH4" s="559" t="s">
        <v>52</v>
      </c>
      <c r="AI4" s="561" t="s">
        <v>61</v>
      </c>
      <c r="AJ4" s="557"/>
      <c r="AK4" s="558"/>
      <c r="AL4" s="556" t="s">
        <v>62</v>
      </c>
      <c r="AM4" s="557"/>
      <c r="AN4" s="557"/>
      <c r="AO4" s="557"/>
      <c r="AP4" s="557"/>
      <c r="AQ4" s="557"/>
      <c r="AR4" s="558"/>
      <c r="AS4" s="559" t="s">
        <v>52</v>
      </c>
      <c r="AT4" s="584" t="s">
        <v>61</v>
      </c>
      <c r="AU4" s="582"/>
      <c r="AV4" s="583"/>
      <c r="AW4" s="581" t="s">
        <v>62</v>
      </c>
      <c r="AX4" s="582"/>
      <c r="AY4" s="582"/>
      <c r="AZ4" s="582"/>
      <c r="BA4" s="582"/>
      <c r="BB4" s="582"/>
      <c r="BC4" s="583"/>
      <c r="BD4" s="579" t="s">
        <v>52</v>
      </c>
      <c r="BE4" s="584" t="s">
        <v>61</v>
      </c>
      <c r="BF4" s="582"/>
      <c r="BG4" s="583"/>
      <c r="BH4" s="581" t="s">
        <v>62</v>
      </c>
      <c r="BI4" s="582"/>
      <c r="BJ4" s="582"/>
      <c r="BK4" s="582"/>
      <c r="BL4" s="582"/>
      <c r="BM4" s="582"/>
      <c r="BN4" s="583"/>
      <c r="BO4" s="579" t="s">
        <v>52</v>
      </c>
      <c r="BP4" s="584" t="s">
        <v>61</v>
      </c>
      <c r="BQ4" s="582"/>
      <c r="BR4" s="583"/>
      <c r="BS4" s="581" t="s">
        <v>62</v>
      </c>
      <c r="BT4" s="582"/>
      <c r="BU4" s="582"/>
      <c r="BV4" s="582"/>
      <c r="BW4" s="582"/>
      <c r="BX4" s="582"/>
      <c r="BY4" s="583"/>
      <c r="BZ4" s="579" t="s">
        <v>52</v>
      </c>
      <c r="CA4" s="584" t="s">
        <v>61</v>
      </c>
      <c r="CB4" s="582"/>
      <c r="CC4" s="583"/>
      <c r="CD4" s="581" t="s">
        <v>62</v>
      </c>
      <c r="CE4" s="582"/>
      <c r="CF4" s="582"/>
      <c r="CG4" s="582"/>
      <c r="CH4" s="582"/>
      <c r="CI4" s="582"/>
      <c r="CJ4" s="583"/>
      <c r="CK4" s="579" t="s">
        <v>52</v>
      </c>
      <c r="CL4" s="584" t="s">
        <v>61</v>
      </c>
      <c r="CM4" s="582"/>
      <c r="CN4" s="583"/>
      <c r="CO4" s="581" t="s">
        <v>62</v>
      </c>
      <c r="CP4" s="582"/>
      <c r="CQ4" s="582"/>
      <c r="CR4" s="582"/>
      <c r="CS4" s="582"/>
      <c r="CT4" s="582"/>
      <c r="CU4" s="583"/>
      <c r="CV4" s="579" t="s">
        <v>52</v>
      </c>
    </row>
    <row r="5" spans="1:100" ht="34.5" customHeight="1" thickBot="1" x14ac:dyDescent="0.25">
      <c r="A5" s="564"/>
      <c r="B5" s="360" t="s">
        <v>43</v>
      </c>
      <c r="C5" s="300" t="s">
        <v>44</v>
      </c>
      <c r="D5" s="301" t="s">
        <v>45</v>
      </c>
      <c r="E5" s="302" t="s">
        <v>83</v>
      </c>
      <c r="F5" s="294" t="s">
        <v>47</v>
      </c>
      <c r="G5" s="294" t="s">
        <v>48</v>
      </c>
      <c r="H5" s="294" t="s">
        <v>49</v>
      </c>
      <c r="I5" s="294" t="s">
        <v>50</v>
      </c>
      <c r="J5" s="294" t="s">
        <v>51</v>
      </c>
      <c r="K5" s="303" t="s">
        <v>45</v>
      </c>
      <c r="L5" s="560"/>
      <c r="M5" s="360" t="s">
        <v>43</v>
      </c>
      <c r="N5" s="294" t="s">
        <v>44</v>
      </c>
      <c r="O5" s="300" t="s">
        <v>45</v>
      </c>
      <c r="P5" s="302" t="s">
        <v>83</v>
      </c>
      <c r="Q5" s="294" t="s">
        <v>47</v>
      </c>
      <c r="R5" s="294" t="s">
        <v>48</v>
      </c>
      <c r="S5" s="294" t="s">
        <v>49</v>
      </c>
      <c r="T5" s="294" t="s">
        <v>50</v>
      </c>
      <c r="U5" s="294" t="s">
        <v>51</v>
      </c>
      <c r="V5" s="300" t="s">
        <v>45</v>
      </c>
      <c r="W5" s="560"/>
      <c r="X5" s="360" t="s">
        <v>43</v>
      </c>
      <c r="Y5" s="294" t="s">
        <v>44</v>
      </c>
      <c r="Z5" s="300" t="s">
        <v>45</v>
      </c>
      <c r="AA5" s="302" t="s">
        <v>83</v>
      </c>
      <c r="AB5" s="294" t="s">
        <v>47</v>
      </c>
      <c r="AC5" s="294" t="s">
        <v>48</v>
      </c>
      <c r="AD5" s="294" t="s">
        <v>49</v>
      </c>
      <c r="AE5" s="294" t="s">
        <v>50</v>
      </c>
      <c r="AF5" s="294" t="s">
        <v>51</v>
      </c>
      <c r="AG5" s="300" t="s">
        <v>45</v>
      </c>
      <c r="AH5" s="560"/>
      <c r="AI5" s="382" t="s">
        <v>43</v>
      </c>
      <c r="AJ5" s="294" t="s">
        <v>44</v>
      </c>
      <c r="AK5" s="300" t="s">
        <v>45</v>
      </c>
      <c r="AL5" s="302" t="s">
        <v>83</v>
      </c>
      <c r="AM5" s="294" t="s">
        <v>47</v>
      </c>
      <c r="AN5" s="294" t="s">
        <v>48</v>
      </c>
      <c r="AO5" s="294" t="s">
        <v>49</v>
      </c>
      <c r="AP5" s="294" t="s">
        <v>50</v>
      </c>
      <c r="AQ5" s="294" t="s">
        <v>51</v>
      </c>
      <c r="AR5" s="300" t="s">
        <v>45</v>
      </c>
      <c r="AS5" s="560"/>
      <c r="AT5" s="382" t="s">
        <v>43</v>
      </c>
      <c r="AU5" s="294" t="s">
        <v>44</v>
      </c>
      <c r="AV5" s="300" t="s">
        <v>45</v>
      </c>
      <c r="AW5" s="302" t="s">
        <v>83</v>
      </c>
      <c r="AX5" s="294" t="s">
        <v>47</v>
      </c>
      <c r="AY5" s="294" t="s">
        <v>48</v>
      </c>
      <c r="AZ5" s="294" t="s">
        <v>49</v>
      </c>
      <c r="BA5" s="294" t="s">
        <v>50</v>
      </c>
      <c r="BB5" s="294" t="s">
        <v>51</v>
      </c>
      <c r="BC5" s="300" t="s">
        <v>45</v>
      </c>
      <c r="BD5" s="580"/>
      <c r="BE5" s="382" t="s">
        <v>43</v>
      </c>
      <c r="BF5" s="294" t="s">
        <v>44</v>
      </c>
      <c r="BG5" s="300" t="s">
        <v>45</v>
      </c>
      <c r="BH5" s="302" t="s">
        <v>83</v>
      </c>
      <c r="BI5" s="294" t="s">
        <v>47</v>
      </c>
      <c r="BJ5" s="294" t="s">
        <v>48</v>
      </c>
      <c r="BK5" s="294" t="s">
        <v>49</v>
      </c>
      <c r="BL5" s="294" t="s">
        <v>50</v>
      </c>
      <c r="BM5" s="294" t="s">
        <v>51</v>
      </c>
      <c r="BN5" s="300" t="s">
        <v>45</v>
      </c>
      <c r="BO5" s="580"/>
      <c r="BP5" s="382" t="s">
        <v>43</v>
      </c>
      <c r="BQ5" s="294" t="s">
        <v>44</v>
      </c>
      <c r="BR5" s="300" t="s">
        <v>45</v>
      </c>
      <c r="BS5" s="302" t="s">
        <v>83</v>
      </c>
      <c r="BT5" s="294" t="s">
        <v>47</v>
      </c>
      <c r="BU5" s="294" t="s">
        <v>48</v>
      </c>
      <c r="BV5" s="294" t="s">
        <v>49</v>
      </c>
      <c r="BW5" s="294" t="s">
        <v>50</v>
      </c>
      <c r="BX5" s="294" t="s">
        <v>51</v>
      </c>
      <c r="BY5" s="300" t="s">
        <v>45</v>
      </c>
      <c r="BZ5" s="580"/>
      <c r="CA5" s="382" t="s">
        <v>43</v>
      </c>
      <c r="CB5" s="294" t="s">
        <v>44</v>
      </c>
      <c r="CC5" s="300" t="s">
        <v>45</v>
      </c>
      <c r="CD5" s="302" t="s">
        <v>83</v>
      </c>
      <c r="CE5" s="294" t="s">
        <v>47</v>
      </c>
      <c r="CF5" s="294" t="s">
        <v>48</v>
      </c>
      <c r="CG5" s="294" t="s">
        <v>49</v>
      </c>
      <c r="CH5" s="294" t="s">
        <v>50</v>
      </c>
      <c r="CI5" s="294" t="s">
        <v>51</v>
      </c>
      <c r="CJ5" s="300" t="s">
        <v>45</v>
      </c>
      <c r="CK5" s="580"/>
      <c r="CL5" s="382" t="s">
        <v>43</v>
      </c>
      <c r="CM5" s="294" t="s">
        <v>44</v>
      </c>
      <c r="CN5" s="300" t="s">
        <v>45</v>
      </c>
      <c r="CO5" s="302" t="s">
        <v>83</v>
      </c>
      <c r="CP5" s="294" t="s">
        <v>47</v>
      </c>
      <c r="CQ5" s="294" t="s">
        <v>48</v>
      </c>
      <c r="CR5" s="294" t="s">
        <v>49</v>
      </c>
      <c r="CS5" s="294" t="s">
        <v>50</v>
      </c>
      <c r="CT5" s="294" t="s">
        <v>51</v>
      </c>
      <c r="CU5" s="300" t="s">
        <v>45</v>
      </c>
      <c r="CV5" s="580"/>
    </row>
    <row r="6" spans="1:100" ht="21" customHeight="1" x14ac:dyDescent="0.2">
      <c r="A6" s="295" t="s">
        <v>4</v>
      </c>
      <c r="B6" s="304">
        <v>0</v>
      </c>
      <c r="C6" s="305">
        <v>0</v>
      </c>
      <c r="D6" s="306">
        <v>0</v>
      </c>
      <c r="E6" s="307">
        <v>0</v>
      </c>
      <c r="F6" s="308">
        <v>20</v>
      </c>
      <c r="G6" s="308">
        <v>29</v>
      </c>
      <c r="H6" s="308">
        <v>21</v>
      </c>
      <c r="I6" s="308">
        <v>26</v>
      </c>
      <c r="J6" s="308">
        <v>14</v>
      </c>
      <c r="K6" s="309">
        <v>110</v>
      </c>
      <c r="L6" s="310">
        <v>110</v>
      </c>
      <c r="M6" s="304">
        <v>0</v>
      </c>
      <c r="N6" s="308">
        <v>0</v>
      </c>
      <c r="O6" s="305">
        <v>0</v>
      </c>
      <c r="P6" s="307">
        <v>0</v>
      </c>
      <c r="Q6" s="308">
        <v>16</v>
      </c>
      <c r="R6" s="308">
        <v>39</v>
      </c>
      <c r="S6" s="308">
        <v>39</v>
      </c>
      <c r="T6" s="308">
        <v>35</v>
      </c>
      <c r="U6" s="308">
        <v>30</v>
      </c>
      <c r="V6" s="305">
        <v>159</v>
      </c>
      <c r="W6" s="310">
        <v>159</v>
      </c>
      <c r="X6" s="304">
        <v>0</v>
      </c>
      <c r="Y6" s="308">
        <v>0</v>
      </c>
      <c r="Z6" s="305">
        <v>0</v>
      </c>
      <c r="AA6" s="307">
        <v>0</v>
      </c>
      <c r="AB6" s="308">
        <v>913</v>
      </c>
      <c r="AC6" s="308">
        <v>727</v>
      </c>
      <c r="AD6" s="308">
        <v>346</v>
      </c>
      <c r="AE6" s="308">
        <v>166</v>
      </c>
      <c r="AF6" s="308">
        <v>66</v>
      </c>
      <c r="AG6" s="305">
        <v>2218</v>
      </c>
      <c r="AH6" s="310">
        <v>2218</v>
      </c>
      <c r="AI6" s="304">
        <v>2</v>
      </c>
      <c r="AJ6" s="308">
        <v>2</v>
      </c>
      <c r="AK6" s="305">
        <v>4</v>
      </c>
      <c r="AL6" s="307">
        <v>0</v>
      </c>
      <c r="AM6" s="308">
        <v>71</v>
      </c>
      <c r="AN6" s="308">
        <v>77</v>
      </c>
      <c r="AO6" s="308">
        <v>72</v>
      </c>
      <c r="AP6" s="308">
        <v>37</v>
      </c>
      <c r="AQ6" s="308">
        <v>16</v>
      </c>
      <c r="AR6" s="305">
        <v>273</v>
      </c>
      <c r="AS6" s="310">
        <v>277</v>
      </c>
      <c r="AT6" s="304">
        <v>13</v>
      </c>
      <c r="AU6" s="308">
        <v>10</v>
      </c>
      <c r="AV6" s="305">
        <v>23</v>
      </c>
      <c r="AW6" s="307">
        <v>0</v>
      </c>
      <c r="AX6" s="308">
        <v>86</v>
      </c>
      <c r="AY6" s="308">
        <v>89</v>
      </c>
      <c r="AZ6" s="308">
        <v>66</v>
      </c>
      <c r="BA6" s="308">
        <v>57</v>
      </c>
      <c r="BB6" s="308">
        <v>22</v>
      </c>
      <c r="BC6" s="305">
        <v>320</v>
      </c>
      <c r="BD6" s="310">
        <v>343</v>
      </c>
      <c r="BE6" s="304">
        <v>0</v>
      </c>
      <c r="BF6" s="308">
        <v>0</v>
      </c>
      <c r="BG6" s="305">
        <v>0</v>
      </c>
      <c r="BH6" s="307">
        <v>0</v>
      </c>
      <c r="BI6" s="308">
        <v>109</v>
      </c>
      <c r="BJ6" s="308">
        <v>162</v>
      </c>
      <c r="BK6" s="308">
        <v>159</v>
      </c>
      <c r="BL6" s="308">
        <v>113</v>
      </c>
      <c r="BM6" s="308">
        <v>45</v>
      </c>
      <c r="BN6" s="309">
        <v>588</v>
      </c>
      <c r="BO6" s="310">
        <v>588</v>
      </c>
      <c r="BP6" s="304">
        <v>0</v>
      </c>
      <c r="BQ6" s="308">
        <v>0</v>
      </c>
      <c r="BR6" s="305">
        <v>0</v>
      </c>
      <c r="BS6" s="307">
        <v>0</v>
      </c>
      <c r="BT6" s="308">
        <v>1</v>
      </c>
      <c r="BU6" s="308">
        <v>5</v>
      </c>
      <c r="BV6" s="308">
        <v>7</v>
      </c>
      <c r="BW6" s="308">
        <v>11</v>
      </c>
      <c r="BX6" s="308">
        <v>3</v>
      </c>
      <c r="BY6" s="305">
        <v>27</v>
      </c>
      <c r="BZ6" s="310">
        <v>27</v>
      </c>
      <c r="CA6" s="304">
        <v>0</v>
      </c>
      <c r="CB6" s="308">
        <v>0</v>
      </c>
      <c r="CC6" s="305">
        <v>0</v>
      </c>
      <c r="CD6" s="307">
        <v>0</v>
      </c>
      <c r="CE6" s="308">
        <v>0</v>
      </c>
      <c r="CF6" s="308">
        <v>1</v>
      </c>
      <c r="CG6" s="308">
        <v>17</v>
      </c>
      <c r="CH6" s="308">
        <v>13</v>
      </c>
      <c r="CI6" s="308">
        <v>8</v>
      </c>
      <c r="CJ6" s="305">
        <v>39</v>
      </c>
      <c r="CK6" s="310">
        <v>39</v>
      </c>
      <c r="CL6" s="304">
        <v>0</v>
      </c>
      <c r="CM6" s="308">
        <v>0</v>
      </c>
      <c r="CN6" s="305">
        <v>0</v>
      </c>
      <c r="CO6" s="307">
        <v>0</v>
      </c>
      <c r="CP6" s="308">
        <v>20</v>
      </c>
      <c r="CQ6" s="308">
        <v>17</v>
      </c>
      <c r="CR6" s="308">
        <v>17</v>
      </c>
      <c r="CS6" s="308">
        <v>23</v>
      </c>
      <c r="CT6" s="308">
        <v>32</v>
      </c>
      <c r="CU6" s="305">
        <v>109</v>
      </c>
      <c r="CV6" s="310">
        <v>109</v>
      </c>
    </row>
    <row r="7" spans="1:100" ht="21" customHeight="1" x14ac:dyDescent="0.2">
      <c r="A7" s="296" t="s">
        <v>5</v>
      </c>
      <c r="B7" s="311">
        <v>0</v>
      </c>
      <c r="C7" s="312">
        <v>0</v>
      </c>
      <c r="D7" s="313">
        <v>0</v>
      </c>
      <c r="E7" s="314">
        <v>0</v>
      </c>
      <c r="F7" s="315">
        <v>7</v>
      </c>
      <c r="G7" s="315">
        <v>15</v>
      </c>
      <c r="H7" s="315">
        <v>11</v>
      </c>
      <c r="I7" s="315">
        <v>13</v>
      </c>
      <c r="J7" s="315">
        <v>8</v>
      </c>
      <c r="K7" s="316">
        <v>54</v>
      </c>
      <c r="L7" s="317">
        <v>54</v>
      </c>
      <c r="M7" s="311">
        <v>0</v>
      </c>
      <c r="N7" s="315">
        <v>0</v>
      </c>
      <c r="O7" s="312">
        <v>0</v>
      </c>
      <c r="P7" s="314">
        <v>0</v>
      </c>
      <c r="Q7" s="315">
        <v>10</v>
      </c>
      <c r="R7" s="315">
        <v>28</v>
      </c>
      <c r="S7" s="315">
        <v>30</v>
      </c>
      <c r="T7" s="315">
        <v>28</v>
      </c>
      <c r="U7" s="315">
        <v>23</v>
      </c>
      <c r="V7" s="312">
        <v>119</v>
      </c>
      <c r="W7" s="317">
        <v>119</v>
      </c>
      <c r="X7" s="311">
        <v>0</v>
      </c>
      <c r="Y7" s="315">
        <v>0</v>
      </c>
      <c r="Z7" s="312">
        <v>0</v>
      </c>
      <c r="AA7" s="314">
        <v>0</v>
      </c>
      <c r="AB7" s="315">
        <v>339</v>
      </c>
      <c r="AC7" s="315">
        <v>349</v>
      </c>
      <c r="AD7" s="315">
        <v>180</v>
      </c>
      <c r="AE7" s="315">
        <v>71</v>
      </c>
      <c r="AF7" s="315">
        <v>35</v>
      </c>
      <c r="AG7" s="312">
        <v>974</v>
      </c>
      <c r="AH7" s="317">
        <v>974</v>
      </c>
      <c r="AI7" s="311">
        <v>1</v>
      </c>
      <c r="AJ7" s="315">
        <v>1</v>
      </c>
      <c r="AK7" s="312">
        <v>2</v>
      </c>
      <c r="AL7" s="314">
        <v>0</v>
      </c>
      <c r="AM7" s="315">
        <v>31</v>
      </c>
      <c r="AN7" s="315">
        <v>43</v>
      </c>
      <c r="AO7" s="315">
        <v>35</v>
      </c>
      <c r="AP7" s="315">
        <v>24</v>
      </c>
      <c r="AQ7" s="315">
        <v>11</v>
      </c>
      <c r="AR7" s="312">
        <v>144</v>
      </c>
      <c r="AS7" s="317">
        <v>146</v>
      </c>
      <c r="AT7" s="311">
        <v>4</v>
      </c>
      <c r="AU7" s="315">
        <v>7</v>
      </c>
      <c r="AV7" s="312">
        <v>11</v>
      </c>
      <c r="AW7" s="314">
        <v>0</v>
      </c>
      <c r="AX7" s="315">
        <v>28</v>
      </c>
      <c r="AY7" s="315">
        <v>33</v>
      </c>
      <c r="AZ7" s="315">
        <v>28</v>
      </c>
      <c r="BA7" s="315">
        <v>25</v>
      </c>
      <c r="BB7" s="315">
        <v>10</v>
      </c>
      <c r="BC7" s="312">
        <v>124</v>
      </c>
      <c r="BD7" s="317">
        <v>135</v>
      </c>
      <c r="BE7" s="311">
        <v>0</v>
      </c>
      <c r="BF7" s="315">
        <v>0</v>
      </c>
      <c r="BG7" s="312">
        <v>0</v>
      </c>
      <c r="BH7" s="314">
        <v>0</v>
      </c>
      <c r="BI7" s="315">
        <v>33</v>
      </c>
      <c r="BJ7" s="315">
        <v>65</v>
      </c>
      <c r="BK7" s="315">
        <v>65</v>
      </c>
      <c r="BL7" s="315">
        <v>40</v>
      </c>
      <c r="BM7" s="315">
        <v>17</v>
      </c>
      <c r="BN7" s="316">
        <v>220</v>
      </c>
      <c r="BO7" s="317">
        <v>220</v>
      </c>
      <c r="BP7" s="311">
        <v>0</v>
      </c>
      <c r="BQ7" s="315">
        <v>0</v>
      </c>
      <c r="BR7" s="312">
        <v>0</v>
      </c>
      <c r="BS7" s="314">
        <v>0</v>
      </c>
      <c r="BT7" s="315">
        <v>0</v>
      </c>
      <c r="BU7" s="315">
        <v>0</v>
      </c>
      <c r="BV7" s="315">
        <v>0</v>
      </c>
      <c r="BW7" s="315">
        <v>0</v>
      </c>
      <c r="BX7" s="315">
        <v>0</v>
      </c>
      <c r="BY7" s="312">
        <v>0</v>
      </c>
      <c r="BZ7" s="317">
        <v>0</v>
      </c>
      <c r="CA7" s="311">
        <v>0</v>
      </c>
      <c r="CB7" s="315">
        <v>0</v>
      </c>
      <c r="CC7" s="312">
        <v>0</v>
      </c>
      <c r="CD7" s="314">
        <v>0</v>
      </c>
      <c r="CE7" s="315">
        <v>0</v>
      </c>
      <c r="CF7" s="315">
        <v>1</v>
      </c>
      <c r="CG7" s="315">
        <v>2</v>
      </c>
      <c r="CH7" s="315">
        <v>2</v>
      </c>
      <c r="CI7" s="315">
        <v>2</v>
      </c>
      <c r="CJ7" s="312">
        <v>7</v>
      </c>
      <c r="CK7" s="317">
        <v>7</v>
      </c>
      <c r="CL7" s="311">
        <v>0</v>
      </c>
      <c r="CM7" s="315">
        <v>0</v>
      </c>
      <c r="CN7" s="312">
        <v>0</v>
      </c>
      <c r="CO7" s="314">
        <v>0</v>
      </c>
      <c r="CP7" s="315">
        <v>4</v>
      </c>
      <c r="CQ7" s="315">
        <v>4</v>
      </c>
      <c r="CR7" s="315">
        <v>4</v>
      </c>
      <c r="CS7" s="315">
        <v>5</v>
      </c>
      <c r="CT7" s="315">
        <v>20</v>
      </c>
      <c r="CU7" s="312">
        <v>37</v>
      </c>
      <c r="CV7" s="317">
        <v>37</v>
      </c>
    </row>
    <row r="8" spans="1:100" ht="21" customHeight="1" x14ac:dyDescent="0.2">
      <c r="A8" s="296" t="s">
        <v>6</v>
      </c>
      <c r="B8" s="311">
        <v>0</v>
      </c>
      <c r="C8" s="312">
        <v>0</v>
      </c>
      <c r="D8" s="313">
        <v>0</v>
      </c>
      <c r="E8" s="314">
        <v>0</v>
      </c>
      <c r="F8" s="315">
        <v>5</v>
      </c>
      <c r="G8" s="315">
        <v>5</v>
      </c>
      <c r="H8" s="315">
        <v>4</v>
      </c>
      <c r="I8" s="315">
        <v>7</v>
      </c>
      <c r="J8" s="315">
        <v>3</v>
      </c>
      <c r="K8" s="316">
        <v>24</v>
      </c>
      <c r="L8" s="317">
        <v>24</v>
      </c>
      <c r="M8" s="311">
        <v>0</v>
      </c>
      <c r="N8" s="315">
        <v>0</v>
      </c>
      <c r="O8" s="312">
        <v>0</v>
      </c>
      <c r="P8" s="314">
        <v>0</v>
      </c>
      <c r="Q8" s="315">
        <v>4</v>
      </c>
      <c r="R8" s="315">
        <v>9</v>
      </c>
      <c r="S8" s="315">
        <v>7</v>
      </c>
      <c r="T8" s="315">
        <v>7</v>
      </c>
      <c r="U8" s="315">
        <v>6</v>
      </c>
      <c r="V8" s="312">
        <v>33</v>
      </c>
      <c r="W8" s="317">
        <v>33</v>
      </c>
      <c r="X8" s="311">
        <v>0</v>
      </c>
      <c r="Y8" s="315">
        <v>0</v>
      </c>
      <c r="Z8" s="312">
        <v>0</v>
      </c>
      <c r="AA8" s="314">
        <v>0</v>
      </c>
      <c r="AB8" s="315">
        <v>110</v>
      </c>
      <c r="AC8" s="315">
        <v>70</v>
      </c>
      <c r="AD8" s="315">
        <v>37</v>
      </c>
      <c r="AE8" s="315">
        <v>29</v>
      </c>
      <c r="AF8" s="315">
        <v>4</v>
      </c>
      <c r="AG8" s="312">
        <v>250</v>
      </c>
      <c r="AH8" s="317">
        <v>250</v>
      </c>
      <c r="AI8" s="311">
        <v>0</v>
      </c>
      <c r="AJ8" s="315">
        <v>0</v>
      </c>
      <c r="AK8" s="312">
        <v>0</v>
      </c>
      <c r="AL8" s="314">
        <v>0</v>
      </c>
      <c r="AM8" s="315">
        <v>14</v>
      </c>
      <c r="AN8" s="315">
        <v>10</v>
      </c>
      <c r="AO8" s="315">
        <v>14</v>
      </c>
      <c r="AP8" s="315">
        <v>5</v>
      </c>
      <c r="AQ8" s="315">
        <v>3</v>
      </c>
      <c r="AR8" s="312">
        <v>46</v>
      </c>
      <c r="AS8" s="317">
        <v>46</v>
      </c>
      <c r="AT8" s="311">
        <v>2</v>
      </c>
      <c r="AU8" s="315">
        <v>1</v>
      </c>
      <c r="AV8" s="312">
        <v>3</v>
      </c>
      <c r="AW8" s="314">
        <v>0</v>
      </c>
      <c r="AX8" s="315">
        <v>11</v>
      </c>
      <c r="AY8" s="315">
        <v>16</v>
      </c>
      <c r="AZ8" s="315">
        <v>10</v>
      </c>
      <c r="BA8" s="315">
        <v>7</v>
      </c>
      <c r="BB8" s="315">
        <v>3</v>
      </c>
      <c r="BC8" s="312">
        <v>47</v>
      </c>
      <c r="BD8" s="317">
        <v>50</v>
      </c>
      <c r="BE8" s="311">
        <v>0</v>
      </c>
      <c r="BF8" s="315">
        <v>0</v>
      </c>
      <c r="BG8" s="312">
        <v>0</v>
      </c>
      <c r="BH8" s="314">
        <v>0</v>
      </c>
      <c r="BI8" s="315">
        <v>17</v>
      </c>
      <c r="BJ8" s="315">
        <v>22</v>
      </c>
      <c r="BK8" s="315">
        <v>27</v>
      </c>
      <c r="BL8" s="315">
        <v>19</v>
      </c>
      <c r="BM8" s="315">
        <v>9</v>
      </c>
      <c r="BN8" s="316">
        <v>94</v>
      </c>
      <c r="BO8" s="317">
        <v>94</v>
      </c>
      <c r="BP8" s="311">
        <v>0</v>
      </c>
      <c r="BQ8" s="315">
        <v>0</v>
      </c>
      <c r="BR8" s="312">
        <v>0</v>
      </c>
      <c r="BS8" s="314">
        <v>0</v>
      </c>
      <c r="BT8" s="315">
        <v>0</v>
      </c>
      <c r="BU8" s="315">
        <v>0</v>
      </c>
      <c r="BV8" s="315">
        <v>0</v>
      </c>
      <c r="BW8" s="315">
        <v>0</v>
      </c>
      <c r="BX8" s="315">
        <v>0</v>
      </c>
      <c r="BY8" s="312">
        <v>0</v>
      </c>
      <c r="BZ8" s="317">
        <v>0</v>
      </c>
      <c r="CA8" s="311">
        <v>0</v>
      </c>
      <c r="CB8" s="315">
        <v>0</v>
      </c>
      <c r="CC8" s="312">
        <v>0</v>
      </c>
      <c r="CD8" s="314">
        <v>0</v>
      </c>
      <c r="CE8" s="315">
        <v>0</v>
      </c>
      <c r="CF8" s="315">
        <v>0</v>
      </c>
      <c r="CG8" s="315">
        <v>8</v>
      </c>
      <c r="CH8" s="315">
        <v>3</v>
      </c>
      <c r="CI8" s="315">
        <v>1</v>
      </c>
      <c r="CJ8" s="312">
        <v>12</v>
      </c>
      <c r="CK8" s="317">
        <v>12</v>
      </c>
      <c r="CL8" s="311">
        <v>0</v>
      </c>
      <c r="CM8" s="315">
        <v>0</v>
      </c>
      <c r="CN8" s="312">
        <v>0</v>
      </c>
      <c r="CO8" s="314">
        <v>0</v>
      </c>
      <c r="CP8" s="315">
        <v>6</v>
      </c>
      <c r="CQ8" s="315">
        <v>3</v>
      </c>
      <c r="CR8" s="315">
        <v>4</v>
      </c>
      <c r="CS8" s="315">
        <v>7</v>
      </c>
      <c r="CT8" s="315">
        <v>2</v>
      </c>
      <c r="CU8" s="312">
        <v>22</v>
      </c>
      <c r="CV8" s="317">
        <v>22</v>
      </c>
    </row>
    <row r="9" spans="1:100" ht="21" customHeight="1" x14ac:dyDescent="0.2">
      <c r="A9" s="296" t="s">
        <v>14</v>
      </c>
      <c r="B9" s="311">
        <v>0</v>
      </c>
      <c r="C9" s="312">
        <v>0</v>
      </c>
      <c r="D9" s="313">
        <v>0</v>
      </c>
      <c r="E9" s="314">
        <v>0</v>
      </c>
      <c r="F9" s="315">
        <v>1</v>
      </c>
      <c r="G9" s="315">
        <v>2</v>
      </c>
      <c r="H9" s="315">
        <v>0</v>
      </c>
      <c r="I9" s="315">
        <v>1</v>
      </c>
      <c r="J9" s="315">
        <v>0</v>
      </c>
      <c r="K9" s="316">
        <v>4</v>
      </c>
      <c r="L9" s="317">
        <v>4</v>
      </c>
      <c r="M9" s="311">
        <v>0</v>
      </c>
      <c r="N9" s="315">
        <v>0</v>
      </c>
      <c r="O9" s="312">
        <v>0</v>
      </c>
      <c r="P9" s="314">
        <v>0</v>
      </c>
      <c r="Q9" s="315">
        <v>0</v>
      </c>
      <c r="R9" s="315">
        <v>0</v>
      </c>
      <c r="S9" s="315">
        <v>0</v>
      </c>
      <c r="T9" s="315">
        <v>0</v>
      </c>
      <c r="U9" s="315">
        <v>0</v>
      </c>
      <c r="V9" s="312">
        <v>0</v>
      </c>
      <c r="W9" s="317">
        <v>0</v>
      </c>
      <c r="X9" s="311">
        <v>0</v>
      </c>
      <c r="Y9" s="315">
        <v>0</v>
      </c>
      <c r="Z9" s="312">
        <v>0</v>
      </c>
      <c r="AA9" s="314">
        <v>0</v>
      </c>
      <c r="AB9" s="315">
        <v>81</v>
      </c>
      <c r="AC9" s="315">
        <v>66</v>
      </c>
      <c r="AD9" s="315">
        <v>32</v>
      </c>
      <c r="AE9" s="315">
        <v>12</v>
      </c>
      <c r="AF9" s="315">
        <v>4</v>
      </c>
      <c r="AG9" s="312">
        <v>195</v>
      </c>
      <c r="AH9" s="317">
        <v>195</v>
      </c>
      <c r="AI9" s="311">
        <v>0</v>
      </c>
      <c r="AJ9" s="315">
        <v>0</v>
      </c>
      <c r="AK9" s="312">
        <v>0</v>
      </c>
      <c r="AL9" s="314">
        <v>0</v>
      </c>
      <c r="AM9" s="315">
        <v>1</v>
      </c>
      <c r="AN9" s="315">
        <v>1</v>
      </c>
      <c r="AO9" s="315">
        <v>1</v>
      </c>
      <c r="AP9" s="315">
        <v>2</v>
      </c>
      <c r="AQ9" s="315">
        <v>0</v>
      </c>
      <c r="AR9" s="312">
        <v>5</v>
      </c>
      <c r="AS9" s="317">
        <v>5</v>
      </c>
      <c r="AT9" s="311">
        <v>1</v>
      </c>
      <c r="AU9" s="315">
        <v>1</v>
      </c>
      <c r="AV9" s="312">
        <v>2</v>
      </c>
      <c r="AW9" s="314">
        <v>0</v>
      </c>
      <c r="AX9" s="315">
        <v>10</v>
      </c>
      <c r="AY9" s="315">
        <v>4</v>
      </c>
      <c r="AZ9" s="315">
        <v>4</v>
      </c>
      <c r="BA9" s="315">
        <v>6</v>
      </c>
      <c r="BB9" s="315">
        <v>1</v>
      </c>
      <c r="BC9" s="312">
        <v>25</v>
      </c>
      <c r="BD9" s="317">
        <v>27</v>
      </c>
      <c r="BE9" s="311">
        <v>0</v>
      </c>
      <c r="BF9" s="315">
        <v>0</v>
      </c>
      <c r="BG9" s="312">
        <v>0</v>
      </c>
      <c r="BH9" s="314">
        <v>0</v>
      </c>
      <c r="BI9" s="315">
        <v>8</v>
      </c>
      <c r="BJ9" s="315">
        <v>11</v>
      </c>
      <c r="BK9" s="315">
        <v>11</v>
      </c>
      <c r="BL9" s="315">
        <v>12</v>
      </c>
      <c r="BM9" s="315">
        <v>3</v>
      </c>
      <c r="BN9" s="316">
        <v>45</v>
      </c>
      <c r="BO9" s="317">
        <v>45</v>
      </c>
      <c r="BP9" s="311">
        <v>0</v>
      </c>
      <c r="BQ9" s="315">
        <v>0</v>
      </c>
      <c r="BR9" s="312">
        <v>0</v>
      </c>
      <c r="BS9" s="314">
        <v>0</v>
      </c>
      <c r="BT9" s="315">
        <v>0</v>
      </c>
      <c r="BU9" s="315">
        <v>0</v>
      </c>
      <c r="BV9" s="315">
        <v>0</v>
      </c>
      <c r="BW9" s="315">
        <v>0</v>
      </c>
      <c r="BX9" s="315">
        <v>0</v>
      </c>
      <c r="BY9" s="312">
        <v>0</v>
      </c>
      <c r="BZ9" s="317">
        <v>0</v>
      </c>
      <c r="CA9" s="311">
        <v>0</v>
      </c>
      <c r="CB9" s="315">
        <v>0</v>
      </c>
      <c r="CC9" s="312">
        <v>0</v>
      </c>
      <c r="CD9" s="314">
        <v>0</v>
      </c>
      <c r="CE9" s="315">
        <v>0</v>
      </c>
      <c r="CF9" s="315">
        <v>0</v>
      </c>
      <c r="CG9" s="315">
        <v>1</v>
      </c>
      <c r="CH9" s="315">
        <v>0</v>
      </c>
      <c r="CI9" s="315">
        <v>0</v>
      </c>
      <c r="CJ9" s="312">
        <v>1</v>
      </c>
      <c r="CK9" s="317">
        <v>1</v>
      </c>
      <c r="CL9" s="311">
        <v>0</v>
      </c>
      <c r="CM9" s="315">
        <v>0</v>
      </c>
      <c r="CN9" s="312">
        <v>0</v>
      </c>
      <c r="CO9" s="314">
        <v>0</v>
      </c>
      <c r="CP9" s="315">
        <v>1</v>
      </c>
      <c r="CQ9" s="315">
        <v>1</v>
      </c>
      <c r="CR9" s="315">
        <v>0</v>
      </c>
      <c r="CS9" s="315">
        <v>1</v>
      </c>
      <c r="CT9" s="315">
        <v>2</v>
      </c>
      <c r="CU9" s="312">
        <v>5</v>
      </c>
      <c r="CV9" s="317">
        <v>5</v>
      </c>
    </row>
    <row r="10" spans="1:100" ht="21" customHeight="1" x14ac:dyDescent="0.2">
      <c r="A10" s="296" t="s">
        <v>7</v>
      </c>
      <c r="B10" s="311">
        <v>0</v>
      </c>
      <c r="C10" s="312">
        <v>0</v>
      </c>
      <c r="D10" s="313">
        <v>0</v>
      </c>
      <c r="E10" s="314">
        <v>0</v>
      </c>
      <c r="F10" s="315">
        <v>0</v>
      </c>
      <c r="G10" s="315">
        <v>0</v>
      </c>
      <c r="H10" s="315">
        <v>1</v>
      </c>
      <c r="I10" s="315">
        <v>0</v>
      </c>
      <c r="J10" s="315">
        <v>1</v>
      </c>
      <c r="K10" s="316">
        <v>2</v>
      </c>
      <c r="L10" s="317">
        <v>2</v>
      </c>
      <c r="M10" s="311">
        <v>0</v>
      </c>
      <c r="N10" s="315">
        <v>0</v>
      </c>
      <c r="O10" s="312">
        <v>0</v>
      </c>
      <c r="P10" s="314">
        <v>0</v>
      </c>
      <c r="Q10" s="315">
        <v>0</v>
      </c>
      <c r="R10" s="315">
        <v>0</v>
      </c>
      <c r="S10" s="315">
        <v>0</v>
      </c>
      <c r="T10" s="315">
        <v>0</v>
      </c>
      <c r="U10" s="315">
        <v>0</v>
      </c>
      <c r="V10" s="312">
        <v>0</v>
      </c>
      <c r="W10" s="317">
        <v>0</v>
      </c>
      <c r="X10" s="311">
        <v>0</v>
      </c>
      <c r="Y10" s="315">
        <v>0</v>
      </c>
      <c r="Z10" s="312">
        <v>0</v>
      </c>
      <c r="AA10" s="314">
        <v>0</v>
      </c>
      <c r="AB10" s="315">
        <v>84</v>
      </c>
      <c r="AC10" s="315">
        <v>41</v>
      </c>
      <c r="AD10" s="315">
        <v>14</v>
      </c>
      <c r="AE10" s="315">
        <v>8</v>
      </c>
      <c r="AF10" s="315">
        <v>3</v>
      </c>
      <c r="AG10" s="312">
        <v>150</v>
      </c>
      <c r="AH10" s="317">
        <v>150</v>
      </c>
      <c r="AI10" s="311">
        <v>0</v>
      </c>
      <c r="AJ10" s="315">
        <v>0</v>
      </c>
      <c r="AK10" s="312">
        <v>0</v>
      </c>
      <c r="AL10" s="314">
        <v>0</v>
      </c>
      <c r="AM10" s="315">
        <v>10</v>
      </c>
      <c r="AN10" s="315">
        <v>12</v>
      </c>
      <c r="AO10" s="315">
        <v>5</v>
      </c>
      <c r="AP10" s="315">
        <v>1</v>
      </c>
      <c r="AQ10" s="315">
        <v>0</v>
      </c>
      <c r="AR10" s="312">
        <v>28</v>
      </c>
      <c r="AS10" s="317">
        <v>28</v>
      </c>
      <c r="AT10" s="311">
        <v>1</v>
      </c>
      <c r="AU10" s="315">
        <v>1</v>
      </c>
      <c r="AV10" s="312">
        <v>2</v>
      </c>
      <c r="AW10" s="314">
        <v>0</v>
      </c>
      <c r="AX10" s="315">
        <v>6</v>
      </c>
      <c r="AY10" s="315">
        <v>5</v>
      </c>
      <c r="AZ10" s="315">
        <v>0</v>
      </c>
      <c r="BA10" s="315">
        <v>1</v>
      </c>
      <c r="BB10" s="315">
        <v>0</v>
      </c>
      <c r="BC10" s="312">
        <v>12</v>
      </c>
      <c r="BD10" s="317">
        <v>14</v>
      </c>
      <c r="BE10" s="311">
        <v>0</v>
      </c>
      <c r="BF10" s="315">
        <v>0</v>
      </c>
      <c r="BG10" s="312">
        <v>0</v>
      </c>
      <c r="BH10" s="314">
        <v>0</v>
      </c>
      <c r="BI10" s="315">
        <v>14</v>
      </c>
      <c r="BJ10" s="315">
        <v>5</v>
      </c>
      <c r="BK10" s="315">
        <v>18</v>
      </c>
      <c r="BL10" s="315">
        <v>8</v>
      </c>
      <c r="BM10" s="315">
        <v>2</v>
      </c>
      <c r="BN10" s="316">
        <v>47</v>
      </c>
      <c r="BO10" s="317">
        <v>47</v>
      </c>
      <c r="BP10" s="311">
        <v>0</v>
      </c>
      <c r="BQ10" s="315">
        <v>0</v>
      </c>
      <c r="BR10" s="312">
        <v>0</v>
      </c>
      <c r="BS10" s="314">
        <v>0</v>
      </c>
      <c r="BT10" s="315">
        <v>0</v>
      </c>
      <c r="BU10" s="315">
        <v>0</v>
      </c>
      <c r="BV10" s="315">
        <v>0</v>
      </c>
      <c r="BW10" s="315">
        <v>0</v>
      </c>
      <c r="BX10" s="315">
        <v>0</v>
      </c>
      <c r="BY10" s="312">
        <v>0</v>
      </c>
      <c r="BZ10" s="317">
        <v>0</v>
      </c>
      <c r="CA10" s="311">
        <v>0</v>
      </c>
      <c r="CB10" s="315">
        <v>0</v>
      </c>
      <c r="CC10" s="312">
        <v>0</v>
      </c>
      <c r="CD10" s="314">
        <v>0</v>
      </c>
      <c r="CE10" s="315">
        <v>0</v>
      </c>
      <c r="CF10" s="315">
        <v>0</v>
      </c>
      <c r="CG10" s="315">
        <v>0</v>
      </c>
      <c r="CH10" s="315">
        <v>0</v>
      </c>
      <c r="CI10" s="315">
        <v>0</v>
      </c>
      <c r="CJ10" s="312">
        <v>0</v>
      </c>
      <c r="CK10" s="317">
        <v>0</v>
      </c>
      <c r="CL10" s="311">
        <v>0</v>
      </c>
      <c r="CM10" s="315">
        <v>0</v>
      </c>
      <c r="CN10" s="312">
        <v>0</v>
      </c>
      <c r="CO10" s="314">
        <v>0</v>
      </c>
      <c r="CP10" s="315">
        <v>1</v>
      </c>
      <c r="CQ10" s="315">
        <v>2</v>
      </c>
      <c r="CR10" s="315">
        <v>1</v>
      </c>
      <c r="CS10" s="315">
        <v>2</v>
      </c>
      <c r="CT10" s="315">
        <v>2</v>
      </c>
      <c r="CU10" s="312">
        <v>8</v>
      </c>
      <c r="CV10" s="317">
        <v>8</v>
      </c>
    </row>
    <row r="11" spans="1:100" ht="21" customHeight="1" x14ac:dyDescent="0.2">
      <c r="A11" s="296" t="s">
        <v>8</v>
      </c>
      <c r="B11" s="311">
        <v>0</v>
      </c>
      <c r="C11" s="312">
        <v>0</v>
      </c>
      <c r="D11" s="313">
        <v>0</v>
      </c>
      <c r="E11" s="314">
        <v>0</v>
      </c>
      <c r="F11" s="315">
        <v>0</v>
      </c>
      <c r="G11" s="315">
        <v>0</v>
      </c>
      <c r="H11" s="315">
        <v>0</v>
      </c>
      <c r="I11" s="315">
        <v>1</v>
      </c>
      <c r="J11" s="315">
        <v>0</v>
      </c>
      <c r="K11" s="316">
        <v>1</v>
      </c>
      <c r="L11" s="317">
        <v>1</v>
      </c>
      <c r="M11" s="311">
        <v>0</v>
      </c>
      <c r="N11" s="315">
        <v>0</v>
      </c>
      <c r="O11" s="312">
        <v>0</v>
      </c>
      <c r="P11" s="314">
        <v>0</v>
      </c>
      <c r="Q11" s="315">
        <v>0</v>
      </c>
      <c r="R11" s="315">
        <v>0</v>
      </c>
      <c r="S11" s="315">
        <v>0</v>
      </c>
      <c r="T11" s="315">
        <v>0</v>
      </c>
      <c r="U11" s="315">
        <v>1</v>
      </c>
      <c r="V11" s="312">
        <v>1</v>
      </c>
      <c r="W11" s="317">
        <v>1</v>
      </c>
      <c r="X11" s="311">
        <v>0</v>
      </c>
      <c r="Y11" s="315">
        <v>0</v>
      </c>
      <c r="Z11" s="312">
        <v>0</v>
      </c>
      <c r="AA11" s="314">
        <v>0</v>
      </c>
      <c r="AB11" s="315">
        <v>32</v>
      </c>
      <c r="AC11" s="315">
        <v>31</v>
      </c>
      <c r="AD11" s="315">
        <v>9</v>
      </c>
      <c r="AE11" s="315">
        <v>7</v>
      </c>
      <c r="AF11" s="315">
        <v>1</v>
      </c>
      <c r="AG11" s="312">
        <v>80</v>
      </c>
      <c r="AH11" s="317">
        <v>80</v>
      </c>
      <c r="AI11" s="311">
        <v>0</v>
      </c>
      <c r="AJ11" s="315">
        <v>0</v>
      </c>
      <c r="AK11" s="312">
        <v>0</v>
      </c>
      <c r="AL11" s="314">
        <v>0</v>
      </c>
      <c r="AM11" s="315">
        <v>1</v>
      </c>
      <c r="AN11" s="315">
        <v>0</v>
      </c>
      <c r="AO11" s="315">
        <v>0</v>
      </c>
      <c r="AP11" s="315">
        <v>0</v>
      </c>
      <c r="AQ11" s="315">
        <v>0</v>
      </c>
      <c r="AR11" s="312">
        <v>1</v>
      </c>
      <c r="AS11" s="317">
        <v>1</v>
      </c>
      <c r="AT11" s="311">
        <v>1</v>
      </c>
      <c r="AU11" s="315">
        <v>0</v>
      </c>
      <c r="AV11" s="312">
        <v>1</v>
      </c>
      <c r="AW11" s="314">
        <v>0</v>
      </c>
      <c r="AX11" s="315">
        <v>5</v>
      </c>
      <c r="AY11" s="315">
        <v>5</v>
      </c>
      <c r="AZ11" s="315">
        <v>2</v>
      </c>
      <c r="BA11" s="315">
        <v>2</v>
      </c>
      <c r="BB11" s="315">
        <v>0</v>
      </c>
      <c r="BC11" s="312">
        <v>14</v>
      </c>
      <c r="BD11" s="317">
        <v>15</v>
      </c>
      <c r="BE11" s="311">
        <v>0</v>
      </c>
      <c r="BF11" s="315">
        <v>0</v>
      </c>
      <c r="BG11" s="312">
        <v>0</v>
      </c>
      <c r="BH11" s="314">
        <v>0</v>
      </c>
      <c r="BI11" s="315">
        <v>3</v>
      </c>
      <c r="BJ11" s="315">
        <v>3</v>
      </c>
      <c r="BK11" s="315">
        <v>5</v>
      </c>
      <c r="BL11" s="315">
        <v>3</v>
      </c>
      <c r="BM11" s="315">
        <v>1</v>
      </c>
      <c r="BN11" s="316">
        <v>15</v>
      </c>
      <c r="BO11" s="317">
        <v>15</v>
      </c>
      <c r="BP11" s="311">
        <v>0</v>
      </c>
      <c r="BQ11" s="315">
        <v>0</v>
      </c>
      <c r="BR11" s="312">
        <v>0</v>
      </c>
      <c r="BS11" s="314">
        <v>0</v>
      </c>
      <c r="BT11" s="315">
        <v>0</v>
      </c>
      <c r="BU11" s="315">
        <v>0</v>
      </c>
      <c r="BV11" s="315">
        <v>0</v>
      </c>
      <c r="BW11" s="315">
        <v>3</v>
      </c>
      <c r="BX11" s="315">
        <v>0</v>
      </c>
      <c r="BY11" s="312">
        <v>3</v>
      </c>
      <c r="BZ11" s="317">
        <v>3</v>
      </c>
      <c r="CA11" s="311">
        <v>0</v>
      </c>
      <c r="CB11" s="315">
        <v>0</v>
      </c>
      <c r="CC11" s="312">
        <v>0</v>
      </c>
      <c r="CD11" s="314">
        <v>0</v>
      </c>
      <c r="CE11" s="315">
        <v>0</v>
      </c>
      <c r="CF11" s="315">
        <v>0</v>
      </c>
      <c r="CG11" s="315">
        <v>1</v>
      </c>
      <c r="CH11" s="315">
        <v>0</v>
      </c>
      <c r="CI11" s="315">
        <v>0</v>
      </c>
      <c r="CJ11" s="312">
        <v>1</v>
      </c>
      <c r="CK11" s="317">
        <v>1</v>
      </c>
      <c r="CL11" s="311">
        <v>0</v>
      </c>
      <c r="CM11" s="315">
        <v>0</v>
      </c>
      <c r="CN11" s="312">
        <v>0</v>
      </c>
      <c r="CO11" s="314">
        <v>0</v>
      </c>
      <c r="CP11" s="315">
        <v>3</v>
      </c>
      <c r="CQ11" s="315">
        <v>1</v>
      </c>
      <c r="CR11" s="315">
        <v>0</v>
      </c>
      <c r="CS11" s="315">
        <v>1</v>
      </c>
      <c r="CT11" s="315">
        <v>1</v>
      </c>
      <c r="CU11" s="312">
        <v>6</v>
      </c>
      <c r="CV11" s="317">
        <v>6</v>
      </c>
    </row>
    <row r="12" spans="1:100" ht="21" customHeight="1" x14ac:dyDescent="0.2">
      <c r="A12" s="296" t="s">
        <v>9</v>
      </c>
      <c r="B12" s="311">
        <v>0</v>
      </c>
      <c r="C12" s="312">
        <v>0</v>
      </c>
      <c r="D12" s="313">
        <v>0</v>
      </c>
      <c r="E12" s="314">
        <v>0</v>
      </c>
      <c r="F12" s="315">
        <v>1</v>
      </c>
      <c r="G12" s="315">
        <v>0</v>
      </c>
      <c r="H12" s="315">
        <v>0</v>
      </c>
      <c r="I12" s="315">
        <v>1</v>
      </c>
      <c r="J12" s="315">
        <v>1</v>
      </c>
      <c r="K12" s="316">
        <v>3</v>
      </c>
      <c r="L12" s="317">
        <v>3</v>
      </c>
      <c r="M12" s="311">
        <v>0</v>
      </c>
      <c r="N12" s="315">
        <v>0</v>
      </c>
      <c r="O12" s="312">
        <v>0</v>
      </c>
      <c r="P12" s="314">
        <v>0</v>
      </c>
      <c r="Q12" s="315">
        <v>0</v>
      </c>
      <c r="R12" s="315">
        <v>0</v>
      </c>
      <c r="S12" s="315">
        <v>0</v>
      </c>
      <c r="T12" s="315">
        <v>0</v>
      </c>
      <c r="U12" s="315">
        <v>0</v>
      </c>
      <c r="V12" s="312">
        <v>0</v>
      </c>
      <c r="W12" s="317">
        <v>0</v>
      </c>
      <c r="X12" s="311">
        <v>0</v>
      </c>
      <c r="Y12" s="315">
        <v>0</v>
      </c>
      <c r="Z12" s="312">
        <v>0</v>
      </c>
      <c r="AA12" s="314">
        <v>0</v>
      </c>
      <c r="AB12" s="315">
        <v>39</v>
      </c>
      <c r="AC12" s="315">
        <v>27</v>
      </c>
      <c r="AD12" s="315">
        <v>14</v>
      </c>
      <c r="AE12" s="315">
        <v>12</v>
      </c>
      <c r="AF12" s="315">
        <v>0</v>
      </c>
      <c r="AG12" s="312">
        <v>92</v>
      </c>
      <c r="AH12" s="317">
        <v>92</v>
      </c>
      <c r="AI12" s="311">
        <v>0</v>
      </c>
      <c r="AJ12" s="315">
        <v>0</v>
      </c>
      <c r="AK12" s="312">
        <v>0</v>
      </c>
      <c r="AL12" s="314">
        <v>0</v>
      </c>
      <c r="AM12" s="315">
        <v>1</v>
      </c>
      <c r="AN12" s="315">
        <v>1</v>
      </c>
      <c r="AO12" s="315">
        <v>1</v>
      </c>
      <c r="AP12" s="315">
        <v>0</v>
      </c>
      <c r="AQ12" s="315">
        <v>0</v>
      </c>
      <c r="AR12" s="312">
        <v>3</v>
      </c>
      <c r="AS12" s="317">
        <v>3</v>
      </c>
      <c r="AT12" s="311">
        <v>1</v>
      </c>
      <c r="AU12" s="315">
        <v>0</v>
      </c>
      <c r="AV12" s="312">
        <v>1</v>
      </c>
      <c r="AW12" s="314">
        <v>0</v>
      </c>
      <c r="AX12" s="315">
        <v>4</v>
      </c>
      <c r="AY12" s="315">
        <v>2</v>
      </c>
      <c r="AZ12" s="315">
        <v>0</v>
      </c>
      <c r="BA12" s="315">
        <v>1</v>
      </c>
      <c r="BB12" s="315">
        <v>0</v>
      </c>
      <c r="BC12" s="312">
        <v>7</v>
      </c>
      <c r="BD12" s="317">
        <v>8</v>
      </c>
      <c r="BE12" s="311">
        <v>0</v>
      </c>
      <c r="BF12" s="315">
        <v>0</v>
      </c>
      <c r="BG12" s="312">
        <v>0</v>
      </c>
      <c r="BH12" s="314">
        <v>0</v>
      </c>
      <c r="BI12" s="315">
        <v>3</v>
      </c>
      <c r="BJ12" s="315">
        <v>5</v>
      </c>
      <c r="BK12" s="315">
        <v>6</v>
      </c>
      <c r="BL12" s="315">
        <v>1</v>
      </c>
      <c r="BM12" s="315">
        <v>3</v>
      </c>
      <c r="BN12" s="316">
        <v>18</v>
      </c>
      <c r="BO12" s="317">
        <v>18</v>
      </c>
      <c r="BP12" s="311">
        <v>0</v>
      </c>
      <c r="BQ12" s="315">
        <v>0</v>
      </c>
      <c r="BR12" s="312">
        <v>0</v>
      </c>
      <c r="BS12" s="314">
        <v>0</v>
      </c>
      <c r="BT12" s="315">
        <v>1</v>
      </c>
      <c r="BU12" s="315">
        <v>1</v>
      </c>
      <c r="BV12" s="315">
        <v>2</v>
      </c>
      <c r="BW12" s="315">
        <v>1</v>
      </c>
      <c r="BX12" s="315">
        <v>0</v>
      </c>
      <c r="BY12" s="312">
        <v>5</v>
      </c>
      <c r="BZ12" s="317">
        <v>5</v>
      </c>
      <c r="CA12" s="311">
        <v>0</v>
      </c>
      <c r="CB12" s="315">
        <v>0</v>
      </c>
      <c r="CC12" s="312">
        <v>0</v>
      </c>
      <c r="CD12" s="314">
        <v>0</v>
      </c>
      <c r="CE12" s="315">
        <v>0</v>
      </c>
      <c r="CF12" s="315">
        <v>0</v>
      </c>
      <c r="CG12" s="315">
        <v>0</v>
      </c>
      <c r="CH12" s="315">
        <v>0</v>
      </c>
      <c r="CI12" s="315">
        <v>0</v>
      </c>
      <c r="CJ12" s="312">
        <v>0</v>
      </c>
      <c r="CK12" s="317">
        <v>0</v>
      </c>
      <c r="CL12" s="311">
        <v>0</v>
      </c>
      <c r="CM12" s="315">
        <v>0</v>
      </c>
      <c r="CN12" s="312">
        <v>0</v>
      </c>
      <c r="CO12" s="314">
        <v>0</v>
      </c>
      <c r="CP12" s="315">
        <v>0</v>
      </c>
      <c r="CQ12" s="315">
        <v>1</v>
      </c>
      <c r="CR12" s="315">
        <v>3</v>
      </c>
      <c r="CS12" s="315">
        <v>0</v>
      </c>
      <c r="CT12" s="315">
        <v>0</v>
      </c>
      <c r="CU12" s="312">
        <v>4</v>
      </c>
      <c r="CV12" s="317">
        <v>4</v>
      </c>
    </row>
    <row r="13" spans="1:100" ht="21" customHeight="1" x14ac:dyDescent="0.2">
      <c r="A13" s="296" t="s">
        <v>10</v>
      </c>
      <c r="B13" s="311">
        <v>0</v>
      </c>
      <c r="C13" s="312">
        <v>0</v>
      </c>
      <c r="D13" s="313">
        <v>0</v>
      </c>
      <c r="E13" s="314">
        <v>0</v>
      </c>
      <c r="F13" s="315">
        <v>4</v>
      </c>
      <c r="G13" s="315">
        <v>1</v>
      </c>
      <c r="H13" s="315">
        <v>0</v>
      </c>
      <c r="I13" s="315">
        <v>0</v>
      </c>
      <c r="J13" s="315">
        <v>0</v>
      </c>
      <c r="K13" s="316">
        <v>5</v>
      </c>
      <c r="L13" s="317">
        <v>5</v>
      </c>
      <c r="M13" s="311">
        <v>0</v>
      </c>
      <c r="N13" s="315">
        <v>0</v>
      </c>
      <c r="O13" s="312">
        <v>0</v>
      </c>
      <c r="P13" s="314">
        <v>0</v>
      </c>
      <c r="Q13" s="315">
        <v>1</v>
      </c>
      <c r="R13" s="315">
        <v>2</v>
      </c>
      <c r="S13" s="315">
        <v>2</v>
      </c>
      <c r="T13" s="315">
        <v>0</v>
      </c>
      <c r="U13" s="315">
        <v>0</v>
      </c>
      <c r="V13" s="312">
        <v>5</v>
      </c>
      <c r="W13" s="317">
        <v>5</v>
      </c>
      <c r="X13" s="311">
        <v>0</v>
      </c>
      <c r="Y13" s="315">
        <v>0</v>
      </c>
      <c r="Z13" s="312">
        <v>0</v>
      </c>
      <c r="AA13" s="314">
        <v>0</v>
      </c>
      <c r="AB13" s="315">
        <v>42</v>
      </c>
      <c r="AC13" s="315">
        <v>24</v>
      </c>
      <c r="AD13" s="315">
        <v>5</v>
      </c>
      <c r="AE13" s="315">
        <v>3</v>
      </c>
      <c r="AF13" s="315">
        <v>2</v>
      </c>
      <c r="AG13" s="312">
        <v>76</v>
      </c>
      <c r="AH13" s="317">
        <v>76</v>
      </c>
      <c r="AI13" s="311">
        <v>0</v>
      </c>
      <c r="AJ13" s="315">
        <v>0</v>
      </c>
      <c r="AK13" s="312">
        <v>0</v>
      </c>
      <c r="AL13" s="314">
        <v>0</v>
      </c>
      <c r="AM13" s="315">
        <v>2</v>
      </c>
      <c r="AN13" s="315">
        <v>2</v>
      </c>
      <c r="AO13" s="315">
        <v>3</v>
      </c>
      <c r="AP13" s="315">
        <v>1</v>
      </c>
      <c r="AQ13" s="315">
        <v>0</v>
      </c>
      <c r="AR13" s="312">
        <v>8</v>
      </c>
      <c r="AS13" s="317">
        <v>8</v>
      </c>
      <c r="AT13" s="311">
        <v>0</v>
      </c>
      <c r="AU13" s="315">
        <v>0</v>
      </c>
      <c r="AV13" s="312">
        <v>0</v>
      </c>
      <c r="AW13" s="314">
        <v>0</v>
      </c>
      <c r="AX13" s="315">
        <v>3</v>
      </c>
      <c r="AY13" s="315">
        <v>4</v>
      </c>
      <c r="AZ13" s="315">
        <v>5</v>
      </c>
      <c r="BA13" s="315">
        <v>6</v>
      </c>
      <c r="BB13" s="315">
        <v>2</v>
      </c>
      <c r="BC13" s="312">
        <v>20</v>
      </c>
      <c r="BD13" s="317">
        <v>20</v>
      </c>
      <c r="BE13" s="311">
        <v>0</v>
      </c>
      <c r="BF13" s="315">
        <v>0</v>
      </c>
      <c r="BG13" s="312">
        <v>0</v>
      </c>
      <c r="BH13" s="314">
        <v>0</v>
      </c>
      <c r="BI13" s="315">
        <v>6</v>
      </c>
      <c r="BJ13" s="315">
        <v>12</v>
      </c>
      <c r="BK13" s="315">
        <v>3</v>
      </c>
      <c r="BL13" s="315">
        <v>8</v>
      </c>
      <c r="BM13" s="315">
        <v>4</v>
      </c>
      <c r="BN13" s="316">
        <v>33</v>
      </c>
      <c r="BO13" s="317">
        <v>33</v>
      </c>
      <c r="BP13" s="311">
        <v>0</v>
      </c>
      <c r="BQ13" s="315">
        <v>0</v>
      </c>
      <c r="BR13" s="312">
        <v>0</v>
      </c>
      <c r="BS13" s="314">
        <v>0</v>
      </c>
      <c r="BT13" s="315">
        <v>0</v>
      </c>
      <c r="BU13" s="315">
        <v>3</v>
      </c>
      <c r="BV13" s="315">
        <v>5</v>
      </c>
      <c r="BW13" s="315">
        <v>2</v>
      </c>
      <c r="BX13" s="315">
        <v>3</v>
      </c>
      <c r="BY13" s="312">
        <v>13</v>
      </c>
      <c r="BZ13" s="317">
        <v>13</v>
      </c>
      <c r="CA13" s="311">
        <v>0</v>
      </c>
      <c r="CB13" s="315">
        <v>0</v>
      </c>
      <c r="CC13" s="312">
        <v>0</v>
      </c>
      <c r="CD13" s="314">
        <v>0</v>
      </c>
      <c r="CE13" s="315">
        <v>0</v>
      </c>
      <c r="CF13" s="315">
        <v>0</v>
      </c>
      <c r="CG13" s="315">
        <v>1</v>
      </c>
      <c r="CH13" s="315">
        <v>1</v>
      </c>
      <c r="CI13" s="315">
        <v>3</v>
      </c>
      <c r="CJ13" s="312">
        <v>5</v>
      </c>
      <c r="CK13" s="317">
        <v>5</v>
      </c>
      <c r="CL13" s="311">
        <v>0</v>
      </c>
      <c r="CM13" s="315">
        <v>0</v>
      </c>
      <c r="CN13" s="312">
        <v>0</v>
      </c>
      <c r="CO13" s="314">
        <v>0</v>
      </c>
      <c r="CP13" s="315">
        <v>1</v>
      </c>
      <c r="CQ13" s="315">
        <v>2</v>
      </c>
      <c r="CR13" s="315">
        <v>3</v>
      </c>
      <c r="CS13" s="315">
        <v>0</v>
      </c>
      <c r="CT13" s="315">
        <v>2</v>
      </c>
      <c r="CU13" s="312">
        <v>8</v>
      </c>
      <c r="CV13" s="317">
        <v>8</v>
      </c>
    </row>
    <row r="14" spans="1:100" ht="21" customHeight="1" x14ac:dyDescent="0.2">
      <c r="A14" s="296" t="s">
        <v>11</v>
      </c>
      <c r="B14" s="311">
        <v>0</v>
      </c>
      <c r="C14" s="312">
        <v>0</v>
      </c>
      <c r="D14" s="313">
        <v>0</v>
      </c>
      <c r="E14" s="314">
        <v>0</v>
      </c>
      <c r="F14" s="315">
        <v>1</v>
      </c>
      <c r="G14" s="315">
        <v>0</v>
      </c>
      <c r="H14" s="315">
        <v>2</v>
      </c>
      <c r="I14" s="315">
        <v>0</v>
      </c>
      <c r="J14" s="315">
        <v>0</v>
      </c>
      <c r="K14" s="316">
        <v>3</v>
      </c>
      <c r="L14" s="317">
        <v>3</v>
      </c>
      <c r="M14" s="311">
        <v>0</v>
      </c>
      <c r="N14" s="315">
        <v>0</v>
      </c>
      <c r="O14" s="312">
        <v>0</v>
      </c>
      <c r="P14" s="314">
        <v>0</v>
      </c>
      <c r="Q14" s="315">
        <v>1</v>
      </c>
      <c r="R14" s="315">
        <v>0</v>
      </c>
      <c r="S14" s="315">
        <v>0</v>
      </c>
      <c r="T14" s="315">
        <v>0</v>
      </c>
      <c r="U14" s="315">
        <v>0</v>
      </c>
      <c r="V14" s="312">
        <v>1</v>
      </c>
      <c r="W14" s="317">
        <v>1</v>
      </c>
      <c r="X14" s="311">
        <v>0</v>
      </c>
      <c r="Y14" s="315">
        <v>0</v>
      </c>
      <c r="Z14" s="312">
        <v>0</v>
      </c>
      <c r="AA14" s="314">
        <v>0</v>
      </c>
      <c r="AB14" s="315">
        <v>31</v>
      </c>
      <c r="AC14" s="315">
        <v>5</v>
      </c>
      <c r="AD14" s="315">
        <v>13</v>
      </c>
      <c r="AE14" s="315">
        <v>3</v>
      </c>
      <c r="AF14" s="315">
        <v>2</v>
      </c>
      <c r="AG14" s="312">
        <v>54</v>
      </c>
      <c r="AH14" s="317">
        <v>54</v>
      </c>
      <c r="AI14" s="311">
        <v>0</v>
      </c>
      <c r="AJ14" s="315">
        <v>0</v>
      </c>
      <c r="AK14" s="312">
        <v>0</v>
      </c>
      <c r="AL14" s="314">
        <v>0</v>
      </c>
      <c r="AM14" s="315">
        <v>5</v>
      </c>
      <c r="AN14" s="315">
        <v>2</v>
      </c>
      <c r="AO14" s="315">
        <v>0</v>
      </c>
      <c r="AP14" s="315">
        <v>0</v>
      </c>
      <c r="AQ14" s="315">
        <v>0</v>
      </c>
      <c r="AR14" s="312">
        <v>7</v>
      </c>
      <c r="AS14" s="317">
        <v>7</v>
      </c>
      <c r="AT14" s="311">
        <v>0</v>
      </c>
      <c r="AU14" s="315">
        <v>0</v>
      </c>
      <c r="AV14" s="312">
        <v>0</v>
      </c>
      <c r="AW14" s="314">
        <v>0</v>
      </c>
      <c r="AX14" s="315">
        <v>1</v>
      </c>
      <c r="AY14" s="315">
        <v>1</v>
      </c>
      <c r="AZ14" s="315">
        <v>3</v>
      </c>
      <c r="BA14" s="315">
        <v>0</v>
      </c>
      <c r="BB14" s="315">
        <v>0</v>
      </c>
      <c r="BC14" s="312">
        <v>5</v>
      </c>
      <c r="BD14" s="317">
        <v>5</v>
      </c>
      <c r="BE14" s="311">
        <v>0</v>
      </c>
      <c r="BF14" s="315">
        <v>0</v>
      </c>
      <c r="BG14" s="312">
        <v>0</v>
      </c>
      <c r="BH14" s="314">
        <v>0</v>
      </c>
      <c r="BI14" s="315">
        <v>2</v>
      </c>
      <c r="BJ14" s="315">
        <v>1</v>
      </c>
      <c r="BK14" s="315">
        <v>1</v>
      </c>
      <c r="BL14" s="315">
        <v>4</v>
      </c>
      <c r="BM14" s="315">
        <v>0</v>
      </c>
      <c r="BN14" s="316">
        <v>8</v>
      </c>
      <c r="BO14" s="317">
        <v>8</v>
      </c>
      <c r="BP14" s="311">
        <v>0</v>
      </c>
      <c r="BQ14" s="315">
        <v>0</v>
      </c>
      <c r="BR14" s="312">
        <v>0</v>
      </c>
      <c r="BS14" s="314">
        <v>0</v>
      </c>
      <c r="BT14" s="315">
        <v>0</v>
      </c>
      <c r="BU14" s="315">
        <v>0</v>
      </c>
      <c r="BV14" s="315">
        <v>0</v>
      </c>
      <c r="BW14" s="315">
        <v>0</v>
      </c>
      <c r="BX14" s="315">
        <v>0</v>
      </c>
      <c r="BY14" s="312">
        <v>0</v>
      </c>
      <c r="BZ14" s="317">
        <v>0</v>
      </c>
      <c r="CA14" s="311">
        <v>0</v>
      </c>
      <c r="CB14" s="315">
        <v>0</v>
      </c>
      <c r="CC14" s="312">
        <v>0</v>
      </c>
      <c r="CD14" s="314">
        <v>0</v>
      </c>
      <c r="CE14" s="315">
        <v>0</v>
      </c>
      <c r="CF14" s="315">
        <v>0</v>
      </c>
      <c r="CG14" s="315">
        <v>0</v>
      </c>
      <c r="CH14" s="315">
        <v>0</v>
      </c>
      <c r="CI14" s="315">
        <v>0</v>
      </c>
      <c r="CJ14" s="312">
        <v>0</v>
      </c>
      <c r="CK14" s="317">
        <v>0</v>
      </c>
      <c r="CL14" s="311">
        <v>0</v>
      </c>
      <c r="CM14" s="315">
        <v>0</v>
      </c>
      <c r="CN14" s="312">
        <v>0</v>
      </c>
      <c r="CO14" s="314">
        <v>0</v>
      </c>
      <c r="CP14" s="315">
        <v>0</v>
      </c>
      <c r="CQ14" s="315">
        <v>0</v>
      </c>
      <c r="CR14" s="315">
        <v>0</v>
      </c>
      <c r="CS14" s="315">
        <v>0</v>
      </c>
      <c r="CT14" s="315">
        <v>0</v>
      </c>
      <c r="CU14" s="312">
        <v>0</v>
      </c>
      <c r="CV14" s="317">
        <v>0</v>
      </c>
    </row>
    <row r="15" spans="1:100" ht="21" customHeight="1" x14ac:dyDescent="0.2">
      <c r="A15" s="296" t="s">
        <v>12</v>
      </c>
      <c r="B15" s="311">
        <v>0</v>
      </c>
      <c r="C15" s="312">
        <v>0</v>
      </c>
      <c r="D15" s="313">
        <v>0</v>
      </c>
      <c r="E15" s="314">
        <v>0</v>
      </c>
      <c r="F15" s="315">
        <v>0</v>
      </c>
      <c r="G15" s="315">
        <v>1</v>
      </c>
      <c r="H15" s="315">
        <v>0</v>
      </c>
      <c r="I15" s="315">
        <v>0</v>
      </c>
      <c r="J15" s="315">
        <v>0</v>
      </c>
      <c r="K15" s="316">
        <v>1</v>
      </c>
      <c r="L15" s="317">
        <v>1</v>
      </c>
      <c r="M15" s="311">
        <v>0</v>
      </c>
      <c r="N15" s="315">
        <v>0</v>
      </c>
      <c r="O15" s="312">
        <v>0</v>
      </c>
      <c r="P15" s="314">
        <v>0</v>
      </c>
      <c r="Q15" s="315">
        <v>0</v>
      </c>
      <c r="R15" s="315">
        <v>0</v>
      </c>
      <c r="S15" s="315">
        <v>0</v>
      </c>
      <c r="T15" s="315">
        <v>0</v>
      </c>
      <c r="U15" s="315">
        <v>0</v>
      </c>
      <c r="V15" s="312">
        <v>0</v>
      </c>
      <c r="W15" s="317">
        <v>0</v>
      </c>
      <c r="X15" s="311">
        <v>0</v>
      </c>
      <c r="Y15" s="315">
        <v>0</v>
      </c>
      <c r="Z15" s="312">
        <v>0</v>
      </c>
      <c r="AA15" s="314">
        <v>0</v>
      </c>
      <c r="AB15" s="315">
        <v>27</v>
      </c>
      <c r="AC15" s="315">
        <v>15</v>
      </c>
      <c r="AD15" s="315">
        <v>10</v>
      </c>
      <c r="AE15" s="315">
        <v>3</v>
      </c>
      <c r="AF15" s="315">
        <v>4</v>
      </c>
      <c r="AG15" s="312">
        <v>59</v>
      </c>
      <c r="AH15" s="317">
        <v>59</v>
      </c>
      <c r="AI15" s="311">
        <v>0</v>
      </c>
      <c r="AJ15" s="315">
        <v>0</v>
      </c>
      <c r="AK15" s="312">
        <v>0</v>
      </c>
      <c r="AL15" s="314">
        <v>0</v>
      </c>
      <c r="AM15" s="315">
        <v>0</v>
      </c>
      <c r="AN15" s="315">
        <v>0</v>
      </c>
      <c r="AO15" s="315">
        <v>0</v>
      </c>
      <c r="AP15" s="315">
        <v>0</v>
      </c>
      <c r="AQ15" s="315">
        <v>0</v>
      </c>
      <c r="AR15" s="312">
        <v>0</v>
      </c>
      <c r="AS15" s="317">
        <v>0</v>
      </c>
      <c r="AT15" s="311">
        <v>0</v>
      </c>
      <c r="AU15" s="315">
        <v>0</v>
      </c>
      <c r="AV15" s="312">
        <v>0</v>
      </c>
      <c r="AW15" s="314">
        <v>0</v>
      </c>
      <c r="AX15" s="315">
        <v>3</v>
      </c>
      <c r="AY15" s="315">
        <v>1</v>
      </c>
      <c r="AZ15" s="315">
        <v>4</v>
      </c>
      <c r="BA15" s="315">
        <v>3</v>
      </c>
      <c r="BB15" s="315">
        <v>2</v>
      </c>
      <c r="BC15" s="312">
        <v>13</v>
      </c>
      <c r="BD15" s="317">
        <v>13</v>
      </c>
      <c r="BE15" s="311">
        <v>0</v>
      </c>
      <c r="BF15" s="315">
        <v>0</v>
      </c>
      <c r="BG15" s="312">
        <v>0</v>
      </c>
      <c r="BH15" s="314">
        <v>0</v>
      </c>
      <c r="BI15" s="315">
        <v>6</v>
      </c>
      <c r="BJ15" s="315">
        <v>4</v>
      </c>
      <c r="BK15" s="315">
        <v>2</v>
      </c>
      <c r="BL15" s="315">
        <v>4</v>
      </c>
      <c r="BM15" s="315">
        <v>1</v>
      </c>
      <c r="BN15" s="316">
        <v>17</v>
      </c>
      <c r="BO15" s="317">
        <v>17</v>
      </c>
      <c r="BP15" s="311">
        <v>0</v>
      </c>
      <c r="BQ15" s="315">
        <v>0</v>
      </c>
      <c r="BR15" s="312">
        <v>0</v>
      </c>
      <c r="BS15" s="314">
        <v>0</v>
      </c>
      <c r="BT15" s="315">
        <v>0</v>
      </c>
      <c r="BU15" s="315">
        <v>1</v>
      </c>
      <c r="BV15" s="315">
        <v>0</v>
      </c>
      <c r="BW15" s="315">
        <v>4</v>
      </c>
      <c r="BX15" s="315">
        <v>0</v>
      </c>
      <c r="BY15" s="312">
        <v>5</v>
      </c>
      <c r="BZ15" s="317">
        <v>5</v>
      </c>
      <c r="CA15" s="311">
        <v>0</v>
      </c>
      <c r="CB15" s="315">
        <v>0</v>
      </c>
      <c r="CC15" s="312">
        <v>0</v>
      </c>
      <c r="CD15" s="314">
        <v>0</v>
      </c>
      <c r="CE15" s="315">
        <v>0</v>
      </c>
      <c r="CF15" s="315">
        <v>0</v>
      </c>
      <c r="CG15" s="315">
        <v>0</v>
      </c>
      <c r="CH15" s="315">
        <v>1</v>
      </c>
      <c r="CI15" s="315">
        <v>1</v>
      </c>
      <c r="CJ15" s="312">
        <v>2</v>
      </c>
      <c r="CK15" s="317">
        <v>2</v>
      </c>
      <c r="CL15" s="311">
        <v>0</v>
      </c>
      <c r="CM15" s="315">
        <v>0</v>
      </c>
      <c r="CN15" s="312">
        <v>0</v>
      </c>
      <c r="CO15" s="314">
        <v>0</v>
      </c>
      <c r="CP15" s="315">
        <v>2</v>
      </c>
      <c r="CQ15" s="315">
        <v>1</v>
      </c>
      <c r="CR15" s="315">
        <v>0</v>
      </c>
      <c r="CS15" s="315">
        <v>3</v>
      </c>
      <c r="CT15" s="315">
        <v>1</v>
      </c>
      <c r="CU15" s="312">
        <v>7</v>
      </c>
      <c r="CV15" s="317">
        <v>7</v>
      </c>
    </row>
    <row r="16" spans="1:100" ht="21" customHeight="1" x14ac:dyDescent="0.2">
      <c r="A16" s="296" t="s">
        <v>13</v>
      </c>
      <c r="B16" s="311">
        <v>0</v>
      </c>
      <c r="C16" s="312">
        <v>0</v>
      </c>
      <c r="D16" s="313">
        <v>0</v>
      </c>
      <c r="E16" s="314">
        <v>0</v>
      </c>
      <c r="F16" s="315">
        <v>0</v>
      </c>
      <c r="G16" s="315">
        <v>0</v>
      </c>
      <c r="H16" s="315">
        <v>0</v>
      </c>
      <c r="I16" s="315">
        <v>0</v>
      </c>
      <c r="J16" s="315">
        <v>0</v>
      </c>
      <c r="K16" s="316">
        <v>0</v>
      </c>
      <c r="L16" s="317">
        <v>0</v>
      </c>
      <c r="M16" s="311">
        <v>0</v>
      </c>
      <c r="N16" s="315">
        <v>0</v>
      </c>
      <c r="O16" s="312">
        <v>0</v>
      </c>
      <c r="P16" s="314">
        <v>0</v>
      </c>
      <c r="Q16" s="315">
        <v>0</v>
      </c>
      <c r="R16" s="315">
        <v>0</v>
      </c>
      <c r="S16" s="315">
        <v>0</v>
      </c>
      <c r="T16" s="315">
        <v>0</v>
      </c>
      <c r="U16" s="315">
        <v>0</v>
      </c>
      <c r="V16" s="312">
        <v>0</v>
      </c>
      <c r="W16" s="317">
        <v>0</v>
      </c>
      <c r="X16" s="311">
        <v>0</v>
      </c>
      <c r="Y16" s="315">
        <v>0</v>
      </c>
      <c r="Z16" s="312">
        <v>0</v>
      </c>
      <c r="AA16" s="314">
        <v>0</v>
      </c>
      <c r="AB16" s="315">
        <v>11</v>
      </c>
      <c r="AC16" s="315">
        <v>8</v>
      </c>
      <c r="AD16" s="315">
        <v>4</v>
      </c>
      <c r="AE16" s="315">
        <v>1</v>
      </c>
      <c r="AF16" s="315">
        <v>1</v>
      </c>
      <c r="AG16" s="312">
        <v>25</v>
      </c>
      <c r="AH16" s="317">
        <v>25</v>
      </c>
      <c r="AI16" s="311">
        <v>0</v>
      </c>
      <c r="AJ16" s="315">
        <v>0</v>
      </c>
      <c r="AK16" s="312">
        <v>0</v>
      </c>
      <c r="AL16" s="314">
        <v>0</v>
      </c>
      <c r="AM16" s="315">
        <v>0</v>
      </c>
      <c r="AN16" s="315">
        <v>0</v>
      </c>
      <c r="AO16" s="315">
        <v>2</v>
      </c>
      <c r="AP16" s="315">
        <v>1</v>
      </c>
      <c r="AQ16" s="315">
        <v>0</v>
      </c>
      <c r="AR16" s="312">
        <v>3</v>
      </c>
      <c r="AS16" s="317">
        <v>3</v>
      </c>
      <c r="AT16" s="311">
        <v>0</v>
      </c>
      <c r="AU16" s="315">
        <v>0</v>
      </c>
      <c r="AV16" s="312">
        <v>0</v>
      </c>
      <c r="AW16" s="314">
        <v>0</v>
      </c>
      <c r="AX16" s="315">
        <v>1</v>
      </c>
      <c r="AY16" s="315">
        <v>2</v>
      </c>
      <c r="AZ16" s="315">
        <v>0</v>
      </c>
      <c r="BA16" s="315">
        <v>1</v>
      </c>
      <c r="BB16" s="315">
        <v>0</v>
      </c>
      <c r="BC16" s="312">
        <v>4</v>
      </c>
      <c r="BD16" s="317">
        <v>4</v>
      </c>
      <c r="BE16" s="311">
        <v>0</v>
      </c>
      <c r="BF16" s="315">
        <v>0</v>
      </c>
      <c r="BG16" s="312">
        <v>0</v>
      </c>
      <c r="BH16" s="314">
        <v>0</v>
      </c>
      <c r="BI16" s="315">
        <v>1</v>
      </c>
      <c r="BJ16" s="315">
        <v>0</v>
      </c>
      <c r="BK16" s="315">
        <v>2</v>
      </c>
      <c r="BL16" s="315">
        <v>2</v>
      </c>
      <c r="BM16" s="315">
        <v>0</v>
      </c>
      <c r="BN16" s="316">
        <v>5</v>
      </c>
      <c r="BO16" s="317">
        <v>5</v>
      </c>
      <c r="BP16" s="311">
        <v>0</v>
      </c>
      <c r="BQ16" s="315">
        <v>0</v>
      </c>
      <c r="BR16" s="312">
        <v>0</v>
      </c>
      <c r="BS16" s="314">
        <v>0</v>
      </c>
      <c r="BT16" s="315">
        <v>0</v>
      </c>
      <c r="BU16" s="315">
        <v>0</v>
      </c>
      <c r="BV16" s="315">
        <v>0</v>
      </c>
      <c r="BW16" s="315">
        <v>1</v>
      </c>
      <c r="BX16" s="315">
        <v>0</v>
      </c>
      <c r="BY16" s="312">
        <v>1</v>
      </c>
      <c r="BZ16" s="317">
        <v>1</v>
      </c>
      <c r="CA16" s="311">
        <v>0</v>
      </c>
      <c r="CB16" s="315">
        <v>0</v>
      </c>
      <c r="CC16" s="312">
        <v>0</v>
      </c>
      <c r="CD16" s="314">
        <v>0</v>
      </c>
      <c r="CE16" s="315">
        <v>0</v>
      </c>
      <c r="CF16" s="315">
        <v>0</v>
      </c>
      <c r="CG16" s="315">
        <v>0</v>
      </c>
      <c r="CH16" s="315">
        <v>0</v>
      </c>
      <c r="CI16" s="315">
        <v>0</v>
      </c>
      <c r="CJ16" s="312">
        <v>0</v>
      </c>
      <c r="CK16" s="317">
        <v>0</v>
      </c>
      <c r="CL16" s="311">
        <v>0</v>
      </c>
      <c r="CM16" s="315">
        <v>0</v>
      </c>
      <c r="CN16" s="312">
        <v>0</v>
      </c>
      <c r="CO16" s="314">
        <v>0</v>
      </c>
      <c r="CP16" s="315">
        <v>0</v>
      </c>
      <c r="CQ16" s="315">
        <v>0</v>
      </c>
      <c r="CR16" s="315">
        <v>0</v>
      </c>
      <c r="CS16" s="315">
        <v>0</v>
      </c>
      <c r="CT16" s="315">
        <v>0</v>
      </c>
      <c r="CU16" s="312">
        <v>0</v>
      </c>
      <c r="CV16" s="317">
        <v>0</v>
      </c>
    </row>
    <row r="17" spans="1:100" ht="21" customHeight="1" x14ac:dyDescent="0.2">
      <c r="A17" s="296" t="s">
        <v>15</v>
      </c>
      <c r="B17" s="311">
        <v>0</v>
      </c>
      <c r="C17" s="312">
        <v>0</v>
      </c>
      <c r="D17" s="313">
        <v>0</v>
      </c>
      <c r="E17" s="314">
        <v>0</v>
      </c>
      <c r="F17" s="315">
        <v>0</v>
      </c>
      <c r="G17" s="315">
        <v>0</v>
      </c>
      <c r="H17" s="315">
        <v>0</v>
      </c>
      <c r="I17" s="315">
        <v>0</v>
      </c>
      <c r="J17" s="315">
        <v>0</v>
      </c>
      <c r="K17" s="316">
        <v>0</v>
      </c>
      <c r="L17" s="317">
        <v>0</v>
      </c>
      <c r="M17" s="311">
        <v>0</v>
      </c>
      <c r="N17" s="315">
        <v>0</v>
      </c>
      <c r="O17" s="312">
        <v>0</v>
      </c>
      <c r="P17" s="314">
        <v>0</v>
      </c>
      <c r="Q17" s="315">
        <v>0</v>
      </c>
      <c r="R17" s="315">
        <v>0</v>
      </c>
      <c r="S17" s="315">
        <v>0</v>
      </c>
      <c r="T17" s="315">
        <v>0</v>
      </c>
      <c r="U17" s="315">
        <v>0</v>
      </c>
      <c r="V17" s="312">
        <v>0</v>
      </c>
      <c r="W17" s="317">
        <v>0</v>
      </c>
      <c r="X17" s="311">
        <v>0</v>
      </c>
      <c r="Y17" s="315">
        <v>0</v>
      </c>
      <c r="Z17" s="312">
        <v>0</v>
      </c>
      <c r="AA17" s="314">
        <v>0</v>
      </c>
      <c r="AB17" s="315">
        <v>4</v>
      </c>
      <c r="AC17" s="315">
        <v>9</v>
      </c>
      <c r="AD17" s="315">
        <v>1</v>
      </c>
      <c r="AE17" s="315">
        <v>1</v>
      </c>
      <c r="AF17" s="315">
        <v>1</v>
      </c>
      <c r="AG17" s="312">
        <v>16</v>
      </c>
      <c r="AH17" s="317">
        <v>16</v>
      </c>
      <c r="AI17" s="311">
        <v>0</v>
      </c>
      <c r="AJ17" s="315">
        <v>0</v>
      </c>
      <c r="AK17" s="312">
        <v>0</v>
      </c>
      <c r="AL17" s="314">
        <v>0</v>
      </c>
      <c r="AM17" s="315">
        <v>0</v>
      </c>
      <c r="AN17" s="315">
        <v>1</v>
      </c>
      <c r="AO17" s="315">
        <v>0</v>
      </c>
      <c r="AP17" s="315">
        <v>0</v>
      </c>
      <c r="AQ17" s="315">
        <v>0</v>
      </c>
      <c r="AR17" s="312">
        <v>1</v>
      </c>
      <c r="AS17" s="317">
        <v>1</v>
      </c>
      <c r="AT17" s="311">
        <v>0</v>
      </c>
      <c r="AU17" s="315">
        <v>0</v>
      </c>
      <c r="AV17" s="312">
        <v>0</v>
      </c>
      <c r="AW17" s="314">
        <v>0</v>
      </c>
      <c r="AX17" s="315">
        <v>0</v>
      </c>
      <c r="AY17" s="315">
        <v>2</v>
      </c>
      <c r="AZ17" s="315">
        <v>0</v>
      </c>
      <c r="BA17" s="315">
        <v>2</v>
      </c>
      <c r="BB17" s="315">
        <v>0</v>
      </c>
      <c r="BC17" s="312">
        <v>4</v>
      </c>
      <c r="BD17" s="317">
        <v>4</v>
      </c>
      <c r="BE17" s="311">
        <v>0</v>
      </c>
      <c r="BF17" s="315">
        <v>0</v>
      </c>
      <c r="BG17" s="312">
        <v>0</v>
      </c>
      <c r="BH17" s="314">
        <v>0</v>
      </c>
      <c r="BI17" s="315">
        <v>2</v>
      </c>
      <c r="BJ17" s="315">
        <v>2</v>
      </c>
      <c r="BK17" s="315">
        <v>0</v>
      </c>
      <c r="BL17" s="315">
        <v>1</v>
      </c>
      <c r="BM17" s="315">
        <v>0</v>
      </c>
      <c r="BN17" s="316">
        <v>5</v>
      </c>
      <c r="BO17" s="317">
        <v>5</v>
      </c>
      <c r="BP17" s="311">
        <v>0</v>
      </c>
      <c r="BQ17" s="315">
        <v>0</v>
      </c>
      <c r="BR17" s="312">
        <v>0</v>
      </c>
      <c r="BS17" s="314">
        <v>0</v>
      </c>
      <c r="BT17" s="315">
        <v>0</v>
      </c>
      <c r="BU17" s="315">
        <v>0</v>
      </c>
      <c r="BV17" s="315">
        <v>0</v>
      </c>
      <c r="BW17" s="315">
        <v>0</v>
      </c>
      <c r="BX17" s="315">
        <v>0</v>
      </c>
      <c r="BY17" s="312">
        <v>0</v>
      </c>
      <c r="BZ17" s="317">
        <v>0</v>
      </c>
      <c r="CA17" s="311">
        <v>0</v>
      </c>
      <c r="CB17" s="315">
        <v>0</v>
      </c>
      <c r="CC17" s="312">
        <v>0</v>
      </c>
      <c r="CD17" s="314">
        <v>0</v>
      </c>
      <c r="CE17" s="315">
        <v>0</v>
      </c>
      <c r="CF17" s="315">
        <v>0</v>
      </c>
      <c r="CG17" s="315">
        <v>0</v>
      </c>
      <c r="CH17" s="315">
        <v>0</v>
      </c>
      <c r="CI17" s="315">
        <v>0</v>
      </c>
      <c r="CJ17" s="312">
        <v>0</v>
      </c>
      <c r="CK17" s="317">
        <v>0</v>
      </c>
      <c r="CL17" s="311">
        <v>0</v>
      </c>
      <c r="CM17" s="315">
        <v>0</v>
      </c>
      <c r="CN17" s="312">
        <v>0</v>
      </c>
      <c r="CO17" s="314">
        <v>0</v>
      </c>
      <c r="CP17" s="315">
        <v>0</v>
      </c>
      <c r="CQ17" s="315">
        <v>0</v>
      </c>
      <c r="CR17" s="315">
        <v>0</v>
      </c>
      <c r="CS17" s="315">
        <v>0</v>
      </c>
      <c r="CT17" s="315">
        <v>0</v>
      </c>
      <c r="CU17" s="312">
        <v>0</v>
      </c>
      <c r="CV17" s="317">
        <v>0</v>
      </c>
    </row>
    <row r="18" spans="1:100" ht="21" customHeight="1" x14ac:dyDescent="0.2">
      <c r="A18" s="296" t="s">
        <v>16</v>
      </c>
      <c r="B18" s="311">
        <v>0</v>
      </c>
      <c r="C18" s="312">
        <v>0</v>
      </c>
      <c r="D18" s="313">
        <v>0</v>
      </c>
      <c r="E18" s="314">
        <v>0</v>
      </c>
      <c r="F18" s="315">
        <v>0</v>
      </c>
      <c r="G18" s="315">
        <v>1</v>
      </c>
      <c r="H18" s="315">
        <v>2</v>
      </c>
      <c r="I18" s="315">
        <v>2</v>
      </c>
      <c r="J18" s="315">
        <v>1</v>
      </c>
      <c r="K18" s="316">
        <v>6</v>
      </c>
      <c r="L18" s="317">
        <v>6</v>
      </c>
      <c r="M18" s="311">
        <v>0</v>
      </c>
      <c r="N18" s="315">
        <v>0</v>
      </c>
      <c r="O18" s="312">
        <v>0</v>
      </c>
      <c r="P18" s="314">
        <v>0</v>
      </c>
      <c r="Q18" s="315">
        <v>0</v>
      </c>
      <c r="R18" s="315">
        <v>0</v>
      </c>
      <c r="S18" s="315">
        <v>0</v>
      </c>
      <c r="T18" s="315">
        <v>0</v>
      </c>
      <c r="U18" s="315">
        <v>0</v>
      </c>
      <c r="V18" s="312">
        <v>0</v>
      </c>
      <c r="W18" s="317">
        <v>0</v>
      </c>
      <c r="X18" s="311">
        <v>0</v>
      </c>
      <c r="Y18" s="315">
        <v>0</v>
      </c>
      <c r="Z18" s="312">
        <v>0</v>
      </c>
      <c r="AA18" s="314">
        <v>0</v>
      </c>
      <c r="AB18" s="315">
        <v>9</v>
      </c>
      <c r="AC18" s="315">
        <v>12</v>
      </c>
      <c r="AD18" s="315">
        <v>2</v>
      </c>
      <c r="AE18" s="315">
        <v>1</v>
      </c>
      <c r="AF18" s="315">
        <v>1</v>
      </c>
      <c r="AG18" s="312">
        <v>25</v>
      </c>
      <c r="AH18" s="317">
        <v>25</v>
      </c>
      <c r="AI18" s="311">
        <v>0</v>
      </c>
      <c r="AJ18" s="315">
        <v>0</v>
      </c>
      <c r="AK18" s="312">
        <v>0</v>
      </c>
      <c r="AL18" s="314">
        <v>0</v>
      </c>
      <c r="AM18" s="315">
        <v>2</v>
      </c>
      <c r="AN18" s="315">
        <v>0</v>
      </c>
      <c r="AO18" s="315">
        <v>2</v>
      </c>
      <c r="AP18" s="315">
        <v>0</v>
      </c>
      <c r="AQ18" s="315">
        <v>0</v>
      </c>
      <c r="AR18" s="312">
        <v>4</v>
      </c>
      <c r="AS18" s="317">
        <v>4</v>
      </c>
      <c r="AT18" s="311">
        <v>0</v>
      </c>
      <c r="AU18" s="315">
        <v>0</v>
      </c>
      <c r="AV18" s="312">
        <v>0</v>
      </c>
      <c r="AW18" s="314">
        <v>0</v>
      </c>
      <c r="AX18" s="315">
        <v>0</v>
      </c>
      <c r="AY18" s="315">
        <v>1</v>
      </c>
      <c r="AZ18" s="315">
        <v>2</v>
      </c>
      <c r="BA18" s="315">
        <v>0</v>
      </c>
      <c r="BB18" s="315">
        <v>0</v>
      </c>
      <c r="BC18" s="312">
        <v>3</v>
      </c>
      <c r="BD18" s="317">
        <v>3</v>
      </c>
      <c r="BE18" s="311">
        <v>0</v>
      </c>
      <c r="BF18" s="315">
        <v>0</v>
      </c>
      <c r="BG18" s="312">
        <v>0</v>
      </c>
      <c r="BH18" s="314">
        <v>0</v>
      </c>
      <c r="BI18" s="315">
        <v>2</v>
      </c>
      <c r="BJ18" s="315">
        <v>5</v>
      </c>
      <c r="BK18" s="315">
        <v>2</v>
      </c>
      <c r="BL18" s="315">
        <v>1</v>
      </c>
      <c r="BM18" s="315">
        <v>2</v>
      </c>
      <c r="BN18" s="316">
        <v>12</v>
      </c>
      <c r="BO18" s="317">
        <v>12</v>
      </c>
      <c r="BP18" s="311">
        <v>0</v>
      </c>
      <c r="BQ18" s="315">
        <v>0</v>
      </c>
      <c r="BR18" s="312">
        <v>0</v>
      </c>
      <c r="BS18" s="314">
        <v>0</v>
      </c>
      <c r="BT18" s="315">
        <v>0</v>
      </c>
      <c r="BU18" s="315">
        <v>0</v>
      </c>
      <c r="BV18" s="315">
        <v>0</v>
      </c>
      <c r="BW18" s="315">
        <v>0</v>
      </c>
      <c r="BX18" s="315">
        <v>0</v>
      </c>
      <c r="BY18" s="312">
        <v>0</v>
      </c>
      <c r="BZ18" s="317">
        <v>0</v>
      </c>
      <c r="CA18" s="311">
        <v>0</v>
      </c>
      <c r="CB18" s="315">
        <v>0</v>
      </c>
      <c r="CC18" s="312">
        <v>0</v>
      </c>
      <c r="CD18" s="314">
        <v>0</v>
      </c>
      <c r="CE18" s="315">
        <v>0</v>
      </c>
      <c r="CF18" s="315">
        <v>0</v>
      </c>
      <c r="CG18" s="315">
        <v>0</v>
      </c>
      <c r="CH18" s="315">
        <v>0</v>
      </c>
      <c r="CI18" s="315">
        <v>0</v>
      </c>
      <c r="CJ18" s="312">
        <v>0</v>
      </c>
      <c r="CK18" s="317">
        <v>0</v>
      </c>
      <c r="CL18" s="311">
        <v>0</v>
      </c>
      <c r="CM18" s="315">
        <v>0</v>
      </c>
      <c r="CN18" s="312">
        <v>0</v>
      </c>
      <c r="CO18" s="314">
        <v>0</v>
      </c>
      <c r="CP18" s="315">
        <v>0</v>
      </c>
      <c r="CQ18" s="315">
        <v>1</v>
      </c>
      <c r="CR18" s="315">
        <v>1</v>
      </c>
      <c r="CS18" s="315">
        <v>0</v>
      </c>
      <c r="CT18" s="315">
        <v>0</v>
      </c>
      <c r="CU18" s="312">
        <v>2</v>
      </c>
      <c r="CV18" s="317">
        <v>2</v>
      </c>
    </row>
    <row r="19" spans="1:100" ht="21" customHeight="1" x14ac:dyDescent="0.2">
      <c r="A19" s="296" t="s">
        <v>17</v>
      </c>
      <c r="B19" s="311">
        <v>0</v>
      </c>
      <c r="C19" s="312">
        <v>0</v>
      </c>
      <c r="D19" s="313">
        <v>0</v>
      </c>
      <c r="E19" s="314">
        <v>0</v>
      </c>
      <c r="F19" s="315">
        <v>0</v>
      </c>
      <c r="G19" s="315">
        <v>1</v>
      </c>
      <c r="H19" s="315">
        <v>0</v>
      </c>
      <c r="I19" s="315">
        <v>0</v>
      </c>
      <c r="J19" s="315">
        <v>0</v>
      </c>
      <c r="K19" s="316">
        <v>1</v>
      </c>
      <c r="L19" s="317">
        <v>1</v>
      </c>
      <c r="M19" s="311">
        <v>0</v>
      </c>
      <c r="N19" s="315">
        <v>0</v>
      </c>
      <c r="O19" s="312">
        <v>0</v>
      </c>
      <c r="P19" s="314">
        <v>0</v>
      </c>
      <c r="Q19" s="315">
        <v>0</v>
      </c>
      <c r="R19" s="315">
        <v>0</v>
      </c>
      <c r="S19" s="315">
        <v>0</v>
      </c>
      <c r="T19" s="315">
        <v>0</v>
      </c>
      <c r="U19" s="315">
        <v>0</v>
      </c>
      <c r="V19" s="312">
        <v>0</v>
      </c>
      <c r="W19" s="317">
        <v>0</v>
      </c>
      <c r="X19" s="311">
        <v>0</v>
      </c>
      <c r="Y19" s="315">
        <v>0</v>
      </c>
      <c r="Z19" s="312">
        <v>0</v>
      </c>
      <c r="AA19" s="314">
        <v>0</v>
      </c>
      <c r="AB19" s="315">
        <v>17</v>
      </c>
      <c r="AC19" s="315">
        <v>9</v>
      </c>
      <c r="AD19" s="315">
        <v>6</v>
      </c>
      <c r="AE19" s="315">
        <v>2</v>
      </c>
      <c r="AF19" s="315">
        <v>3</v>
      </c>
      <c r="AG19" s="312">
        <v>37</v>
      </c>
      <c r="AH19" s="317">
        <v>37</v>
      </c>
      <c r="AI19" s="311">
        <v>0</v>
      </c>
      <c r="AJ19" s="315">
        <v>0</v>
      </c>
      <c r="AK19" s="312">
        <v>0</v>
      </c>
      <c r="AL19" s="314">
        <v>0</v>
      </c>
      <c r="AM19" s="315">
        <v>1</v>
      </c>
      <c r="AN19" s="315">
        <v>0</v>
      </c>
      <c r="AO19" s="315">
        <v>3</v>
      </c>
      <c r="AP19" s="315">
        <v>0</v>
      </c>
      <c r="AQ19" s="315">
        <v>0</v>
      </c>
      <c r="AR19" s="312">
        <v>4</v>
      </c>
      <c r="AS19" s="317">
        <v>4</v>
      </c>
      <c r="AT19" s="311">
        <v>0</v>
      </c>
      <c r="AU19" s="315">
        <v>0</v>
      </c>
      <c r="AV19" s="312">
        <v>0</v>
      </c>
      <c r="AW19" s="314">
        <v>0</v>
      </c>
      <c r="AX19" s="315">
        <v>0</v>
      </c>
      <c r="AY19" s="315">
        <v>3</v>
      </c>
      <c r="AZ19" s="315">
        <v>2</v>
      </c>
      <c r="BA19" s="315">
        <v>1</v>
      </c>
      <c r="BB19" s="315">
        <v>2</v>
      </c>
      <c r="BC19" s="312">
        <v>8</v>
      </c>
      <c r="BD19" s="317">
        <v>8</v>
      </c>
      <c r="BE19" s="311">
        <v>0</v>
      </c>
      <c r="BF19" s="315">
        <v>0</v>
      </c>
      <c r="BG19" s="312">
        <v>0</v>
      </c>
      <c r="BH19" s="314">
        <v>0</v>
      </c>
      <c r="BI19" s="315">
        <v>2</v>
      </c>
      <c r="BJ19" s="315">
        <v>4</v>
      </c>
      <c r="BK19" s="315">
        <v>2</v>
      </c>
      <c r="BL19" s="315">
        <v>1</v>
      </c>
      <c r="BM19" s="315">
        <v>0</v>
      </c>
      <c r="BN19" s="316">
        <v>9</v>
      </c>
      <c r="BO19" s="317">
        <v>9</v>
      </c>
      <c r="BP19" s="311">
        <v>0</v>
      </c>
      <c r="BQ19" s="315">
        <v>0</v>
      </c>
      <c r="BR19" s="312">
        <v>0</v>
      </c>
      <c r="BS19" s="314">
        <v>0</v>
      </c>
      <c r="BT19" s="315">
        <v>0</v>
      </c>
      <c r="BU19" s="315">
        <v>0</v>
      </c>
      <c r="BV19" s="315">
        <v>0</v>
      </c>
      <c r="BW19" s="315">
        <v>0</v>
      </c>
      <c r="BX19" s="315">
        <v>0</v>
      </c>
      <c r="BY19" s="312">
        <v>0</v>
      </c>
      <c r="BZ19" s="317">
        <v>0</v>
      </c>
      <c r="CA19" s="311">
        <v>0</v>
      </c>
      <c r="CB19" s="315">
        <v>0</v>
      </c>
      <c r="CC19" s="312">
        <v>0</v>
      </c>
      <c r="CD19" s="314">
        <v>0</v>
      </c>
      <c r="CE19" s="315">
        <v>0</v>
      </c>
      <c r="CF19" s="315">
        <v>0</v>
      </c>
      <c r="CG19" s="315">
        <v>1</v>
      </c>
      <c r="CH19" s="315">
        <v>0</v>
      </c>
      <c r="CI19" s="315">
        <v>0</v>
      </c>
      <c r="CJ19" s="312">
        <v>1</v>
      </c>
      <c r="CK19" s="317">
        <v>1</v>
      </c>
      <c r="CL19" s="311">
        <v>0</v>
      </c>
      <c r="CM19" s="315">
        <v>0</v>
      </c>
      <c r="CN19" s="312">
        <v>0</v>
      </c>
      <c r="CO19" s="314">
        <v>0</v>
      </c>
      <c r="CP19" s="315">
        <v>1</v>
      </c>
      <c r="CQ19" s="315">
        <v>0</v>
      </c>
      <c r="CR19" s="315">
        <v>0</v>
      </c>
      <c r="CS19" s="315">
        <v>0</v>
      </c>
      <c r="CT19" s="315">
        <v>0</v>
      </c>
      <c r="CU19" s="312">
        <v>1</v>
      </c>
      <c r="CV19" s="317">
        <v>1</v>
      </c>
    </row>
    <row r="20" spans="1:100" ht="21" customHeight="1" x14ac:dyDescent="0.2">
      <c r="A20" s="296" t="s">
        <v>18</v>
      </c>
      <c r="B20" s="311">
        <v>0</v>
      </c>
      <c r="C20" s="312">
        <v>0</v>
      </c>
      <c r="D20" s="313">
        <v>0</v>
      </c>
      <c r="E20" s="314">
        <v>0</v>
      </c>
      <c r="F20" s="315">
        <v>0</v>
      </c>
      <c r="G20" s="315">
        <v>0</v>
      </c>
      <c r="H20" s="315">
        <v>0</v>
      </c>
      <c r="I20" s="315">
        <v>0</v>
      </c>
      <c r="J20" s="315">
        <v>0</v>
      </c>
      <c r="K20" s="316">
        <v>0</v>
      </c>
      <c r="L20" s="317">
        <v>0</v>
      </c>
      <c r="M20" s="311">
        <v>0</v>
      </c>
      <c r="N20" s="315">
        <v>0</v>
      </c>
      <c r="O20" s="312">
        <v>0</v>
      </c>
      <c r="P20" s="314">
        <v>0</v>
      </c>
      <c r="Q20" s="315">
        <v>0</v>
      </c>
      <c r="R20" s="315">
        <v>0</v>
      </c>
      <c r="S20" s="315">
        <v>0</v>
      </c>
      <c r="T20" s="315">
        <v>0</v>
      </c>
      <c r="U20" s="315">
        <v>0</v>
      </c>
      <c r="V20" s="312">
        <v>0</v>
      </c>
      <c r="W20" s="317">
        <v>0</v>
      </c>
      <c r="X20" s="311">
        <v>0</v>
      </c>
      <c r="Y20" s="315">
        <v>0</v>
      </c>
      <c r="Z20" s="312">
        <v>0</v>
      </c>
      <c r="AA20" s="314">
        <v>0</v>
      </c>
      <c r="AB20" s="315">
        <v>20</v>
      </c>
      <c r="AC20" s="315">
        <v>21</v>
      </c>
      <c r="AD20" s="315">
        <v>5</v>
      </c>
      <c r="AE20" s="315">
        <v>1</v>
      </c>
      <c r="AF20" s="315">
        <v>0</v>
      </c>
      <c r="AG20" s="312">
        <v>47</v>
      </c>
      <c r="AH20" s="317">
        <v>47</v>
      </c>
      <c r="AI20" s="311">
        <v>0</v>
      </c>
      <c r="AJ20" s="315">
        <v>1</v>
      </c>
      <c r="AK20" s="312">
        <v>1</v>
      </c>
      <c r="AL20" s="314">
        <v>0</v>
      </c>
      <c r="AM20" s="315">
        <v>1</v>
      </c>
      <c r="AN20" s="315">
        <v>0</v>
      </c>
      <c r="AO20" s="315">
        <v>2</v>
      </c>
      <c r="AP20" s="315">
        <v>1</v>
      </c>
      <c r="AQ20" s="315">
        <v>1</v>
      </c>
      <c r="AR20" s="312">
        <v>5</v>
      </c>
      <c r="AS20" s="317">
        <v>6</v>
      </c>
      <c r="AT20" s="311">
        <v>2</v>
      </c>
      <c r="AU20" s="315">
        <v>0</v>
      </c>
      <c r="AV20" s="312">
        <v>2</v>
      </c>
      <c r="AW20" s="314">
        <v>0</v>
      </c>
      <c r="AX20" s="315">
        <v>5</v>
      </c>
      <c r="AY20" s="315">
        <v>4</v>
      </c>
      <c r="AZ20" s="315">
        <v>3</v>
      </c>
      <c r="BA20" s="315">
        <v>1</v>
      </c>
      <c r="BB20" s="315">
        <v>0</v>
      </c>
      <c r="BC20" s="312">
        <v>13</v>
      </c>
      <c r="BD20" s="317">
        <v>15</v>
      </c>
      <c r="BE20" s="311">
        <v>0</v>
      </c>
      <c r="BF20" s="315">
        <v>0</v>
      </c>
      <c r="BG20" s="312">
        <v>0</v>
      </c>
      <c r="BH20" s="314">
        <v>0</v>
      </c>
      <c r="BI20" s="315">
        <v>2</v>
      </c>
      <c r="BJ20" s="315">
        <v>6</v>
      </c>
      <c r="BK20" s="315">
        <v>5</v>
      </c>
      <c r="BL20" s="315">
        <v>2</v>
      </c>
      <c r="BM20" s="315">
        <v>1</v>
      </c>
      <c r="BN20" s="316">
        <v>16</v>
      </c>
      <c r="BO20" s="317">
        <v>16</v>
      </c>
      <c r="BP20" s="311">
        <v>0</v>
      </c>
      <c r="BQ20" s="315">
        <v>0</v>
      </c>
      <c r="BR20" s="312">
        <v>0</v>
      </c>
      <c r="BS20" s="314">
        <v>0</v>
      </c>
      <c r="BT20" s="315">
        <v>0</v>
      </c>
      <c r="BU20" s="315">
        <v>0</v>
      </c>
      <c r="BV20" s="315">
        <v>0</v>
      </c>
      <c r="BW20" s="315">
        <v>0</v>
      </c>
      <c r="BX20" s="315">
        <v>0</v>
      </c>
      <c r="BY20" s="312">
        <v>0</v>
      </c>
      <c r="BZ20" s="317">
        <v>0</v>
      </c>
      <c r="CA20" s="311">
        <v>0</v>
      </c>
      <c r="CB20" s="315">
        <v>0</v>
      </c>
      <c r="CC20" s="312">
        <v>0</v>
      </c>
      <c r="CD20" s="314">
        <v>0</v>
      </c>
      <c r="CE20" s="315">
        <v>0</v>
      </c>
      <c r="CF20" s="315">
        <v>0</v>
      </c>
      <c r="CG20" s="315">
        <v>0</v>
      </c>
      <c r="CH20" s="315">
        <v>0</v>
      </c>
      <c r="CI20" s="315">
        <v>0</v>
      </c>
      <c r="CJ20" s="312">
        <v>0</v>
      </c>
      <c r="CK20" s="317">
        <v>0</v>
      </c>
      <c r="CL20" s="311">
        <v>0</v>
      </c>
      <c r="CM20" s="315">
        <v>0</v>
      </c>
      <c r="CN20" s="312">
        <v>0</v>
      </c>
      <c r="CO20" s="314">
        <v>0</v>
      </c>
      <c r="CP20" s="315">
        <v>0</v>
      </c>
      <c r="CQ20" s="315">
        <v>0</v>
      </c>
      <c r="CR20" s="315">
        <v>0</v>
      </c>
      <c r="CS20" s="315">
        <v>4</v>
      </c>
      <c r="CT20" s="315">
        <v>1</v>
      </c>
      <c r="CU20" s="312">
        <v>5</v>
      </c>
      <c r="CV20" s="317">
        <v>5</v>
      </c>
    </row>
    <row r="21" spans="1:100" ht="21" customHeight="1" x14ac:dyDescent="0.2">
      <c r="A21" s="296" t="s">
        <v>19</v>
      </c>
      <c r="B21" s="311">
        <v>0</v>
      </c>
      <c r="C21" s="312">
        <v>0</v>
      </c>
      <c r="D21" s="313">
        <v>0</v>
      </c>
      <c r="E21" s="314">
        <v>0</v>
      </c>
      <c r="F21" s="315">
        <v>1</v>
      </c>
      <c r="G21" s="315">
        <v>0</v>
      </c>
      <c r="H21" s="315">
        <v>0</v>
      </c>
      <c r="I21" s="315">
        <v>1</v>
      </c>
      <c r="J21" s="315">
        <v>0</v>
      </c>
      <c r="K21" s="316">
        <v>2</v>
      </c>
      <c r="L21" s="317">
        <v>2</v>
      </c>
      <c r="M21" s="311">
        <v>0</v>
      </c>
      <c r="N21" s="315">
        <v>0</v>
      </c>
      <c r="O21" s="312">
        <v>0</v>
      </c>
      <c r="P21" s="314">
        <v>0</v>
      </c>
      <c r="Q21" s="315">
        <v>0</v>
      </c>
      <c r="R21" s="315">
        <v>0</v>
      </c>
      <c r="S21" s="315">
        <v>0</v>
      </c>
      <c r="T21" s="315">
        <v>0</v>
      </c>
      <c r="U21" s="315">
        <v>0</v>
      </c>
      <c r="V21" s="312">
        <v>0</v>
      </c>
      <c r="W21" s="317">
        <v>0</v>
      </c>
      <c r="X21" s="311">
        <v>0</v>
      </c>
      <c r="Y21" s="315">
        <v>0</v>
      </c>
      <c r="Z21" s="312">
        <v>0</v>
      </c>
      <c r="AA21" s="314">
        <v>0</v>
      </c>
      <c r="AB21" s="315">
        <v>6</v>
      </c>
      <c r="AC21" s="315">
        <v>4</v>
      </c>
      <c r="AD21" s="315">
        <v>0</v>
      </c>
      <c r="AE21" s="315">
        <v>2</v>
      </c>
      <c r="AF21" s="315">
        <v>0</v>
      </c>
      <c r="AG21" s="312">
        <v>12</v>
      </c>
      <c r="AH21" s="317">
        <v>12</v>
      </c>
      <c r="AI21" s="311">
        <v>0</v>
      </c>
      <c r="AJ21" s="315">
        <v>0</v>
      </c>
      <c r="AK21" s="312">
        <v>0</v>
      </c>
      <c r="AL21" s="314">
        <v>0</v>
      </c>
      <c r="AM21" s="315">
        <v>0</v>
      </c>
      <c r="AN21" s="315">
        <v>4</v>
      </c>
      <c r="AO21" s="315">
        <v>0</v>
      </c>
      <c r="AP21" s="315">
        <v>0</v>
      </c>
      <c r="AQ21" s="315">
        <v>0</v>
      </c>
      <c r="AR21" s="312">
        <v>4</v>
      </c>
      <c r="AS21" s="317">
        <v>4</v>
      </c>
      <c r="AT21" s="311">
        <v>0</v>
      </c>
      <c r="AU21" s="315">
        <v>0</v>
      </c>
      <c r="AV21" s="312">
        <v>0</v>
      </c>
      <c r="AW21" s="314">
        <v>0</v>
      </c>
      <c r="AX21" s="315">
        <v>2</v>
      </c>
      <c r="AY21" s="315">
        <v>2</v>
      </c>
      <c r="AZ21" s="315">
        <v>1</v>
      </c>
      <c r="BA21" s="315">
        <v>0</v>
      </c>
      <c r="BB21" s="315">
        <v>2</v>
      </c>
      <c r="BC21" s="312">
        <v>7</v>
      </c>
      <c r="BD21" s="317">
        <v>7</v>
      </c>
      <c r="BE21" s="311">
        <v>0</v>
      </c>
      <c r="BF21" s="315">
        <v>0</v>
      </c>
      <c r="BG21" s="312">
        <v>0</v>
      </c>
      <c r="BH21" s="314">
        <v>0</v>
      </c>
      <c r="BI21" s="315">
        <v>1</v>
      </c>
      <c r="BJ21" s="315">
        <v>1</v>
      </c>
      <c r="BK21" s="315">
        <v>0</v>
      </c>
      <c r="BL21" s="315">
        <v>0</v>
      </c>
      <c r="BM21" s="315">
        <v>0</v>
      </c>
      <c r="BN21" s="316">
        <v>2</v>
      </c>
      <c r="BO21" s="317">
        <v>2</v>
      </c>
      <c r="BP21" s="311">
        <v>0</v>
      </c>
      <c r="BQ21" s="315">
        <v>0</v>
      </c>
      <c r="BR21" s="312">
        <v>0</v>
      </c>
      <c r="BS21" s="314">
        <v>0</v>
      </c>
      <c r="BT21" s="315">
        <v>0</v>
      </c>
      <c r="BU21" s="315">
        <v>0</v>
      </c>
      <c r="BV21" s="315">
        <v>0</v>
      </c>
      <c r="BW21" s="315">
        <v>0</v>
      </c>
      <c r="BX21" s="315">
        <v>0</v>
      </c>
      <c r="BY21" s="312">
        <v>0</v>
      </c>
      <c r="BZ21" s="317">
        <v>0</v>
      </c>
      <c r="CA21" s="311">
        <v>0</v>
      </c>
      <c r="CB21" s="315">
        <v>0</v>
      </c>
      <c r="CC21" s="312">
        <v>0</v>
      </c>
      <c r="CD21" s="314">
        <v>0</v>
      </c>
      <c r="CE21" s="315">
        <v>0</v>
      </c>
      <c r="CF21" s="315">
        <v>0</v>
      </c>
      <c r="CG21" s="315">
        <v>0</v>
      </c>
      <c r="CH21" s="315">
        <v>0</v>
      </c>
      <c r="CI21" s="315">
        <v>0</v>
      </c>
      <c r="CJ21" s="312">
        <v>0</v>
      </c>
      <c r="CK21" s="317">
        <v>0</v>
      </c>
      <c r="CL21" s="311">
        <v>0</v>
      </c>
      <c r="CM21" s="315">
        <v>0</v>
      </c>
      <c r="CN21" s="312">
        <v>0</v>
      </c>
      <c r="CO21" s="314">
        <v>0</v>
      </c>
      <c r="CP21" s="315">
        <v>0</v>
      </c>
      <c r="CQ21" s="315">
        <v>0</v>
      </c>
      <c r="CR21" s="315">
        <v>0</v>
      </c>
      <c r="CS21" s="315">
        <v>0</v>
      </c>
      <c r="CT21" s="315">
        <v>1</v>
      </c>
      <c r="CU21" s="312">
        <v>1</v>
      </c>
      <c r="CV21" s="317">
        <v>1</v>
      </c>
    </row>
    <row r="22" spans="1:100" ht="21" customHeight="1" x14ac:dyDescent="0.2">
      <c r="A22" s="296" t="s">
        <v>20</v>
      </c>
      <c r="B22" s="311">
        <v>0</v>
      </c>
      <c r="C22" s="312">
        <v>0</v>
      </c>
      <c r="D22" s="313">
        <v>0</v>
      </c>
      <c r="E22" s="314">
        <v>0</v>
      </c>
      <c r="F22" s="315">
        <v>0</v>
      </c>
      <c r="G22" s="315">
        <v>0</v>
      </c>
      <c r="H22" s="315">
        <v>0</v>
      </c>
      <c r="I22" s="315">
        <v>0</v>
      </c>
      <c r="J22" s="315">
        <v>0</v>
      </c>
      <c r="K22" s="316">
        <v>0</v>
      </c>
      <c r="L22" s="317">
        <v>0</v>
      </c>
      <c r="M22" s="311">
        <v>0</v>
      </c>
      <c r="N22" s="315">
        <v>0</v>
      </c>
      <c r="O22" s="312">
        <v>0</v>
      </c>
      <c r="P22" s="314">
        <v>0</v>
      </c>
      <c r="Q22" s="315">
        <v>0</v>
      </c>
      <c r="R22" s="315">
        <v>0</v>
      </c>
      <c r="S22" s="315">
        <v>0</v>
      </c>
      <c r="T22" s="315">
        <v>0</v>
      </c>
      <c r="U22" s="315">
        <v>0</v>
      </c>
      <c r="V22" s="312">
        <v>0</v>
      </c>
      <c r="W22" s="317">
        <v>0</v>
      </c>
      <c r="X22" s="311">
        <v>0</v>
      </c>
      <c r="Y22" s="315">
        <v>0</v>
      </c>
      <c r="Z22" s="312">
        <v>0</v>
      </c>
      <c r="AA22" s="314">
        <v>0</v>
      </c>
      <c r="AB22" s="315">
        <v>13</v>
      </c>
      <c r="AC22" s="315">
        <v>7</v>
      </c>
      <c r="AD22" s="315">
        <v>3</v>
      </c>
      <c r="AE22" s="315">
        <v>0</v>
      </c>
      <c r="AF22" s="315">
        <v>0</v>
      </c>
      <c r="AG22" s="312">
        <v>23</v>
      </c>
      <c r="AH22" s="317">
        <v>23</v>
      </c>
      <c r="AI22" s="311">
        <v>0</v>
      </c>
      <c r="AJ22" s="315">
        <v>0</v>
      </c>
      <c r="AK22" s="312">
        <v>0</v>
      </c>
      <c r="AL22" s="314">
        <v>0</v>
      </c>
      <c r="AM22" s="315">
        <v>0</v>
      </c>
      <c r="AN22" s="315">
        <v>0</v>
      </c>
      <c r="AO22" s="315">
        <v>1</v>
      </c>
      <c r="AP22" s="315">
        <v>0</v>
      </c>
      <c r="AQ22" s="315">
        <v>0</v>
      </c>
      <c r="AR22" s="312">
        <v>1</v>
      </c>
      <c r="AS22" s="317">
        <v>1</v>
      </c>
      <c r="AT22" s="311">
        <v>0</v>
      </c>
      <c r="AU22" s="315">
        <v>0</v>
      </c>
      <c r="AV22" s="312">
        <v>0</v>
      </c>
      <c r="AW22" s="314">
        <v>0</v>
      </c>
      <c r="AX22" s="315">
        <v>0</v>
      </c>
      <c r="AY22" s="315">
        <v>0</v>
      </c>
      <c r="AZ22" s="315">
        <v>0</v>
      </c>
      <c r="BA22" s="315">
        <v>0</v>
      </c>
      <c r="BB22" s="315">
        <v>0</v>
      </c>
      <c r="BC22" s="312">
        <v>0</v>
      </c>
      <c r="BD22" s="317">
        <v>0</v>
      </c>
      <c r="BE22" s="311">
        <v>0</v>
      </c>
      <c r="BF22" s="315">
        <v>0</v>
      </c>
      <c r="BG22" s="312">
        <v>0</v>
      </c>
      <c r="BH22" s="314">
        <v>0</v>
      </c>
      <c r="BI22" s="315">
        <v>1</v>
      </c>
      <c r="BJ22" s="315">
        <v>3</v>
      </c>
      <c r="BK22" s="315">
        <v>1</v>
      </c>
      <c r="BL22" s="315">
        <v>2</v>
      </c>
      <c r="BM22" s="315">
        <v>0</v>
      </c>
      <c r="BN22" s="316">
        <v>7</v>
      </c>
      <c r="BO22" s="317">
        <v>7</v>
      </c>
      <c r="BP22" s="311">
        <v>0</v>
      </c>
      <c r="BQ22" s="315">
        <v>0</v>
      </c>
      <c r="BR22" s="312">
        <v>0</v>
      </c>
      <c r="BS22" s="314">
        <v>0</v>
      </c>
      <c r="BT22" s="315">
        <v>0</v>
      </c>
      <c r="BU22" s="315">
        <v>0</v>
      </c>
      <c r="BV22" s="315">
        <v>0</v>
      </c>
      <c r="BW22" s="315">
        <v>0</v>
      </c>
      <c r="BX22" s="315">
        <v>0</v>
      </c>
      <c r="BY22" s="312">
        <v>0</v>
      </c>
      <c r="BZ22" s="317">
        <v>0</v>
      </c>
      <c r="CA22" s="311">
        <v>0</v>
      </c>
      <c r="CB22" s="315">
        <v>0</v>
      </c>
      <c r="CC22" s="312">
        <v>0</v>
      </c>
      <c r="CD22" s="314">
        <v>0</v>
      </c>
      <c r="CE22" s="315">
        <v>0</v>
      </c>
      <c r="CF22" s="315">
        <v>0</v>
      </c>
      <c r="CG22" s="315">
        <v>0</v>
      </c>
      <c r="CH22" s="315">
        <v>0</v>
      </c>
      <c r="CI22" s="315">
        <v>0</v>
      </c>
      <c r="CJ22" s="312">
        <v>0</v>
      </c>
      <c r="CK22" s="317">
        <v>0</v>
      </c>
      <c r="CL22" s="311">
        <v>0</v>
      </c>
      <c r="CM22" s="315">
        <v>0</v>
      </c>
      <c r="CN22" s="312">
        <v>0</v>
      </c>
      <c r="CO22" s="314">
        <v>0</v>
      </c>
      <c r="CP22" s="315">
        <v>0</v>
      </c>
      <c r="CQ22" s="315">
        <v>0</v>
      </c>
      <c r="CR22" s="315">
        <v>0</v>
      </c>
      <c r="CS22" s="315">
        <v>0</v>
      </c>
      <c r="CT22" s="315">
        <v>0</v>
      </c>
      <c r="CU22" s="312">
        <v>0</v>
      </c>
      <c r="CV22" s="317">
        <v>0</v>
      </c>
    </row>
    <row r="23" spans="1:100" ht="21" customHeight="1" x14ac:dyDescent="0.2">
      <c r="A23" s="296" t="s">
        <v>21</v>
      </c>
      <c r="B23" s="311">
        <v>0</v>
      </c>
      <c r="C23" s="312">
        <v>0</v>
      </c>
      <c r="D23" s="313">
        <v>0</v>
      </c>
      <c r="E23" s="314">
        <v>0</v>
      </c>
      <c r="F23" s="315">
        <v>0</v>
      </c>
      <c r="G23" s="315">
        <v>0</v>
      </c>
      <c r="H23" s="315">
        <v>0</v>
      </c>
      <c r="I23" s="315">
        <v>0</v>
      </c>
      <c r="J23" s="315">
        <v>0</v>
      </c>
      <c r="K23" s="316">
        <v>0</v>
      </c>
      <c r="L23" s="317">
        <v>0</v>
      </c>
      <c r="M23" s="311">
        <v>0</v>
      </c>
      <c r="N23" s="315">
        <v>0</v>
      </c>
      <c r="O23" s="312">
        <v>0</v>
      </c>
      <c r="P23" s="314">
        <v>0</v>
      </c>
      <c r="Q23" s="315">
        <v>0</v>
      </c>
      <c r="R23" s="315">
        <v>0</v>
      </c>
      <c r="S23" s="315">
        <v>0</v>
      </c>
      <c r="T23" s="315">
        <v>0</v>
      </c>
      <c r="U23" s="315">
        <v>0</v>
      </c>
      <c r="V23" s="312">
        <v>0</v>
      </c>
      <c r="W23" s="317">
        <v>0</v>
      </c>
      <c r="X23" s="311">
        <v>0</v>
      </c>
      <c r="Y23" s="315">
        <v>0</v>
      </c>
      <c r="Z23" s="312">
        <v>0</v>
      </c>
      <c r="AA23" s="314">
        <v>0</v>
      </c>
      <c r="AB23" s="315">
        <v>9</v>
      </c>
      <c r="AC23" s="315">
        <v>10</v>
      </c>
      <c r="AD23" s="315">
        <v>5</v>
      </c>
      <c r="AE23" s="315">
        <v>2</v>
      </c>
      <c r="AF23" s="315">
        <v>2</v>
      </c>
      <c r="AG23" s="312">
        <v>28</v>
      </c>
      <c r="AH23" s="317">
        <v>28</v>
      </c>
      <c r="AI23" s="311">
        <v>0</v>
      </c>
      <c r="AJ23" s="315">
        <v>0</v>
      </c>
      <c r="AK23" s="312">
        <v>0</v>
      </c>
      <c r="AL23" s="314">
        <v>0</v>
      </c>
      <c r="AM23" s="315">
        <v>0</v>
      </c>
      <c r="AN23" s="315">
        <v>0</v>
      </c>
      <c r="AO23" s="315">
        <v>0</v>
      </c>
      <c r="AP23" s="315">
        <v>0</v>
      </c>
      <c r="AQ23" s="315">
        <v>0</v>
      </c>
      <c r="AR23" s="312">
        <v>0</v>
      </c>
      <c r="AS23" s="317">
        <v>0</v>
      </c>
      <c r="AT23" s="311">
        <v>0</v>
      </c>
      <c r="AU23" s="315">
        <v>0</v>
      </c>
      <c r="AV23" s="312">
        <v>0</v>
      </c>
      <c r="AW23" s="314">
        <v>0</v>
      </c>
      <c r="AX23" s="315">
        <v>0</v>
      </c>
      <c r="AY23" s="315">
        <v>0</v>
      </c>
      <c r="AZ23" s="315">
        <v>2</v>
      </c>
      <c r="BA23" s="315">
        <v>0</v>
      </c>
      <c r="BB23" s="315">
        <v>0</v>
      </c>
      <c r="BC23" s="312">
        <v>2</v>
      </c>
      <c r="BD23" s="317">
        <v>2</v>
      </c>
      <c r="BE23" s="311">
        <v>0</v>
      </c>
      <c r="BF23" s="315">
        <v>0</v>
      </c>
      <c r="BG23" s="312">
        <v>0</v>
      </c>
      <c r="BH23" s="314">
        <v>0</v>
      </c>
      <c r="BI23" s="315">
        <v>2</v>
      </c>
      <c r="BJ23" s="315">
        <v>1</v>
      </c>
      <c r="BK23" s="315">
        <v>0</v>
      </c>
      <c r="BL23" s="315">
        <v>1</v>
      </c>
      <c r="BM23" s="315">
        <v>0</v>
      </c>
      <c r="BN23" s="316">
        <v>4</v>
      </c>
      <c r="BO23" s="317">
        <v>4</v>
      </c>
      <c r="BP23" s="311">
        <v>0</v>
      </c>
      <c r="BQ23" s="315">
        <v>0</v>
      </c>
      <c r="BR23" s="312">
        <v>0</v>
      </c>
      <c r="BS23" s="314">
        <v>0</v>
      </c>
      <c r="BT23" s="315">
        <v>0</v>
      </c>
      <c r="BU23" s="315">
        <v>0</v>
      </c>
      <c r="BV23" s="315">
        <v>0</v>
      </c>
      <c r="BW23" s="315">
        <v>0</v>
      </c>
      <c r="BX23" s="315">
        <v>0</v>
      </c>
      <c r="BY23" s="312">
        <v>0</v>
      </c>
      <c r="BZ23" s="317">
        <v>0</v>
      </c>
      <c r="CA23" s="311">
        <v>0</v>
      </c>
      <c r="CB23" s="315">
        <v>0</v>
      </c>
      <c r="CC23" s="312">
        <v>0</v>
      </c>
      <c r="CD23" s="314">
        <v>0</v>
      </c>
      <c r="CE23" s="315">
        <v>0</v>
      </c>
      <c r="CF23" s="315">
        <v>0</v>
      </c>
      <c r="CG23" s="315">
        <v>0</v>
      </c>
      <c r="CH23" s="315">
        <v>0</v>
      </c>
      <c r="CI23" s="315">
        <v>0</v>
      </c>
      <c r="CJ23" s="312">
        <v>0</v>
      </c>
      <c r="CK23" s="317">
        <v>0</v>
      </c>
      <c r="CL23" s="311">
        <v>0</v>
      </c>
      <c r="CM23" s="315">
        <v>0</v>
      </c>
      <c r="CN23" s="312">
        <v>0</v>
      </c>
      <c r="CO23" s="314">
        <v>0</v>
      </c>
      <c r="CP23" s="315">
        <v>0</v>
      </c>
      <c r="CQ23" s="315">
        <v>0</v>
      </c>
      <c r="CR23" s="315">
        <v>0</v>
      </c>
      <c r="CS23" s="315">
        <v>0</v>
      </c>
      <c r="CT23" s="315">
        <v>0</v>
      </c>
      <c r="CU23" s="312">
        <v>0</v>
      </c>
      <c r="CV23" s="317">
        <v>0</v>
      </c>
    </row>
    <row r="24" spans="1:100" ht="21" customHeight="1" x14ac:dyDescent="0.2">
      <c r="A24" s="296" t="s">
        <v>22</v>
      </c>
      <c r="B24" s="311">
        <v>0</v>
      </c>
      <c r="C24" s="312">
        <v>0</v>
      </c>
      <c r="D24" s="313">
        <v>0</v>
      </c>
      <c r="E24" s="314">
        <v>0</v>
      </c>
      <c r="F24" s="315">
        <v>0</v>
      </c>
      <c r="G24" s="315">
        <v>0</v>
      </c>
      <c r="H24" s="315">
        <v>1</v>
      </c>
      <c r="I24" s="315">
        <v>0</v>
      </c>
      <c r="J24" s="315">
        <v>0</v>
      </c>
      <c r="K24" s="316">
        <v>1</v>
      </c>
      <c r="L24" s="317">
        <v>1</v>
      </c>
      <c r="M24" s="311">
        <v>0</v>
      </c>
      <c r="N24" s="315">
        <v>0</v>
      </c>
      <c r="O24" s="312">
        <v>0</v>
      </c>
      <c r="P24" s="314">
        <v>0</v>
      </c>
      <c r="Q24" s="315">
        <v>0</v>
      </c>
      <c r="R24" s="315">
        <v>0</v>
      </c>
      <c r="S24" s="315">
        <v>0</v>
      </c>
      <c r="T24" s="315">
        <v>0</v>
      </c>
      <c r="U24" s="315">
        <v>0</v>
      </c>
      <c r="V24" s="312">
        <v>0</v>
      </c>
      <c r="W24" s="317">
        <v>0</v>
      </c>
      <c r="X24" s="311">
        <v>0</v>
      </c>
      <c r="Y24" s="315">
        <v>0</v>
      </c>
      <c r="Z24" s="312">
        <v>0</v>
      </c>
      <c r="AA24" s="314">
        <v>0</v>
      </c>
      <c r="AB24" s="315">
        <v>4</v>
      </c>
      <c r="AC24" s="315">
        <v>2</v>
      </c>
      <c r="AD24" s="315">
        <v>1</v>
      </c>
      <c r="AE24" s="315">
        <v>2</v>
      </c>
      <c r="AF24" s="315">
        <v>0</v>
      </c>
      <c r="AG24" s="312">
        <v>9</v>
      </c>
      <c r="AH24" s="317">
        <v>9</v>
      </c>
      <c r="AI24" s="311">
        <v>0</v>
      </c>
      <c r="AJ24" s="315">
        <v>0</v>
      </c>
      <c r="AK24" s="312">
        <v>0</v>
      </c>
      <c r="AL24" s="314">
        <v>0</v>
      </c>
      <c r="AM24" s="315">
        <v>1</v>
      </c>
      <c r="AN24" s="315">
        <v>0</v>
      </c>
      <c r="AO24" s="315">
        <v>1</v>
      </c>
      <c r="AP24" s="315">
        <v>1</v>
      </c>
      <c r="AQ24" s="315">
        <v>0</v>
      </c>
      <c r="AR24" s="312">
        <v>3</v>
      </c>
      <c r="AS24" s="317">
        <v>3</v>
      </c>
      <c r="AT24" s="311">
        <v>0</v>
      </c>
      <c r="AU24" s="315">
        <v>0</v>
      </c>
      <c r="AV24" s="312">
        <v>0</v>
      </c>
      <c r="AW24" s="314">
        <v>0</v>
      </c>
      <c r="AX24" s="315">
        <v>5</v>
      </c>
      <c r="AY24" s="315">
        <v>2</v>
      </c>
      <c r="AZ24" s="315">
        <v>0</v>
      </c>
      <c r="BA24" s="315">
        <v>0</v>
      </c>
      <c r="BB24" s="315">
        <v>0</v>
      </c>
      <c r="BC24" s="312">
        <v>7</v>
      </c>
      <c r="BD24" s="317">
        <v>7</v>
      </c>
      <c r="BE24" s="311">
        <v>0</v>
      </c>
      <c r="BF24" s="315">
        <v>0</v>
      </c>
      <c r="BG24" s="312">
        <v>0</v>
      </c>
      <c r="BH24" s="314">
        <v>0</v>
      </c>
      <c r="BI24" s="315">
        <v>1</v>
      </c>
      <c r="BJ24" s="315">
        <v>2</v>
      </c>
      <c r="BK24" s="315">
        <v>0</v>
      </c>
      <c r="BL24" s="315">
        <v>0</v>
      </c>
      <c r="BM24" s="315">
        <v>0</v>
      </c>
      <c r="BN24" s="316">
        <v>3</v>
      </c>
      <c r="BO24" s="317">
        <v>3</v>
      </c>
      <c r="BP24" s="311">
        <v>0</v>
      </c>
      <c r="BQ24" s="315">
        <v>0</v>
      </c>
      <c r="BR24" s="312">
        <v>0</v>
      </c>
      <c r="BS24" s="314">
        <v>0</v>
      </c>
      <c r="BT24" s="315">
        <v>0</v>
      </c>
      <c r="BU24" s="315">
        <v>0</v>
      </c>
      <c r="BV24" s="315">
        <v>0</v>
      </c>
      <c r="BW24" s="315">
        <v>0</v>
      </c>
      <c r="BX24" s="315">
        <v>0</v>
      </c>
      <c r="BY24" s="312">
        <v>0</v>
      </c>
      <c r="BZ24" s="317">
        <v>0</v>
      </c>
      <c r="CA24" s="311">
        <v>0</v>
      </c>
      <c r="CB24" s="315">
        <v>0</v>
      </c>
      <c r="CC24" s="312">
        <v>0</v>
      </c>
      <c r="CD24" s="314">
        <v>0</v>
      </c>
      <c r="CE24" s="315">
        <v>0</v>
      </c>
      <c r="CF24" s="315">
        <v>0</v>
      </c>
      <c r="CG24" s="315">
        <v>0</v>
      </c>
      <c r="CH24" s="315">
        <v>3</v>
      </c>
      <c r="CI24" s="315">
        <v>1</v>
      </c>
      <c r="CJ24" s="312">
        <v>4</v>
      </c>
      <c r="CK24" s="317">
        <v>4</v>
      </c>
      <c r="CL24" s="311">
        <v>0</v>
      </c>
      <c r="CM24" s="315">
        <v>0</v>
      </c>
      <c r="CN24" s="312">
        <v>0</v>
      </c>
      <c r="CO24" s="314">
        <v>0</v>
      </c>
      <c r="CP24" s="315">
        <v>0</v>
      </c>
      <c r="CQ24" s="315">
        <v>0</v>
      </c>
      <c r="CR24" s="315">
        <v>0</v>
      </c>
      <c r="CS24" s="315">
        <v>0</v>
      </c>
      <c r="CT24" s="315">
        <v>0</v>
      </c>
      <c r="CU24" s="312">
        <v>0</v>
      </c>
      <c r="CV24" s="317">
        <v>0</v>
      </c>
    </row>
    <row r="25" spans="1:100" ht="21" customHeight="1" x14ac:dyDescent="0.2">
      <c r="A25" s="296" t="s">
        <v>23</v>
      </c>
      <c r="B25" s="311">
        <v>0</v>
      </c>
      <c r="C25" s="312">
        <v>0</v>
      </c>
      <c r="D25" s="313">
        <v>0</v>
      </c>
      <c r="E25" s="314">
        <v>0</v>
      </c>
      <c r="F25" s="315">
        <v>0</v>
      </c>
      <c r="G25" s="315">
        <v>0</v>
      </c>
      <c r="H25" s="315">
        <v>0</v>
      </c>
      <c r="I25" s="315">
        <v>0</v>
      </c>
      <c r="J25" s="315">
        <v>0</v>
      </c>
      <c r="K25" s="316">
        <v>0</v>
      </c>
      <c r="L25" s="317">
        <v>0</v>
      </c>
      <c r="M25" s="311">
        <v>0</v>
      </c>
      <c r="N25" s="315">
        <v>0</v>
      </c>
      <c r="O25" s="312">
        <v>0</v>
      </c>
      <c r="P25" s="314">
        <v>0</v>
      </c>
      <c r="Q25" s="315">
        <v>0</v>
      </c>
      <c r="R25" s="315">
        <v>0</v>
      </c>
      <c r="S25" s="315">
        <v>0</v>
      </c>
      <c r="T25" s="315">
        <v>0</v>
      </c>
      <c r="U25" s="315">
        <v>0</v>
      </c>
      <c r="V25" s="312">
        <v>0</v>
      </c>
      <c r="W25" s="317">
        <v>0</v>
      </c>
      <c r="X25" s="311">
        <v>0</v>
      </c>
      <c r="Y25" s="315">
        <v>0</v>
      </c>
      <c r="Z25" s="312">
        <v>0</v>
      </c>
      <c r="AA25" s="314">
        <v>0</v>
      </c>
      <c r="AB25" s="315">
        <v>4</v>
      </c>
      <c r="AC25" s="315">
        <v>2</v>
      </c>
      <c r="AD25" s="315">
        <v>0</v>
      </c>
      <c r="AE25" s="315">
        <v>2</v>
      </c>
      <c r="AF25" s="315">
        <v>0</v>
      </c>
      <c r="AG25" s="312">
        <v>8</v>
      </c>
      <c r="AH25" s="317">
        <v>8</v>
      </c>
      <c r="AI25" s="311">
        <v>0</v>
      </c>
      <c r="AJ25" s="315">
        <v>0</v>
      </c>
      <c r="AK25" s="312">
        <v>0</v>
      </c>
      <c r="AL25" s="314">
        <v>0</v>
      </c>
      <c r="AM25" s="315">
        <v>0</v>
      </c>
      <c r="AN25" s="315">
        <v>0</v>
      </c>
      <c r="AO25" s="315">
        <v>0</v>
      </c>
      <c r="AP25" s="315">
        <v>0</v>
      </c>
      <c r="AQ25" s="315">
        <v>0</v>
      </c>
      <c r="AR25" s="312">
        <v>0</v>
      </c>
      <c r="AS25" s="317">
        <v>0</v>
      </c>
      <c r="AT25" s="311">
        <v>0</v>
      </c>
      <c r="AU25" s="315">
        <v>0</v>
      </c>
      <c r="AV25" s="312">
        <v>0</v>
      </c>
      <c r="AW25" s="314">
        <v>0</v>
      </c>
      <c r="AX25" s="315">
        <v>0</v>
      </c>
      <c r="AY25" s="315">
        <v>0</v>
      </c>
      <c r="AZ25" s="315">
        <v>0</v>
      </c>
      <c r="BA25" s="315">
        <v>0</v>
      </c>
      <c r="BB25" s="315">
        <v>0</v>
      </c>
      <c r="BC25" s="312">
        <v>0</v>
      </c>
      <c r="BD25" s="317">
        <v>0</v>
      </c>
      <c r="BE25" s="311">
        <v>0</v>
      </c>
      <c r="BF25" s="315">
        <v>0</v>
      </c>
      <c r="BG25" s="312">
        <v>0</v>
      </c>
      <c r="BH25" s="314">
        <v>0</v>
      </c>
      <c r="BI25" s="315">
        <v>3</v>
      </c>
      <c r="BJ25" s="315">
        <v>3</v>
      </c>
      <c r="BK25" s="315">
        <v>0</v>
      </c>
      <c r="BL25" s="315">
        <v>2</v>
      </c>
      <c r="BM25" s="315">
        <v>0</v>
      </c>
      <c r="BN25" s="316">
        <v>8</v>
      </c>
      <c r="BO25" s="317">
        <v>8</v>
      </c>
      <c r="BP25" s="311">
        <v>0</v>
      </c>
      <c r="BQ25" s="315">
        <v>0</v>
      </c>
      <c r="BR25" s="312">
        <v>0</v>
      </c>
      <c r="BS25" s="314">
        <v>0</v>
      </c>
      <c r="BT25" s="315">
        <v>0</v>
      </c>
      <c r="BU25" s="315">
        <v>0</v>
      </c>
      <c r="BV25" s="315">
        <v>0</v>
      </c>
      <c r="BW25" s="315">
        <v>0</v>
      </c>
      <c r="BX25" s="315">
        <v>0</v>
      </c>
      <c r="BY25" s="312">
        <v>0</v>
      </c>
      <c r="BZ25" s="317">
        <v>0</v>
      </c>
      <c r="CA25" s="311">
        <v>0</v>
      </c>
      <c r="CB25" s="315">
        <v>0</v>
      </c>
      <c r="CC25" s="312">
        <v>0</v>
      </c>
      <c r="CD25" s="314">
        <v>0</v>
      </c>
      <c r="CE25" s="315">
        <v>0</v>
      </c>
      <c r="CF25" s="315">
        <v>0</v>
      </c>
      <c r="CG25" s="315">
        <v>0</v>
      </c>
      <c r="CH25" s="315">
        <v>0</v>
      </c>
      <c r="CI25" s="315">
        <v>0</v>
      </c>
      <c r="CJ25" s="312">
        <v>0</v>
      </c>
      <c r="CK25" s="317">
        <v>0</v>
      </c>
      <c r="CL25" s="311">
        <v>0</v>
      </c>
      <c r="CM25" s="315">
        <v>0</v>
      </c>
      <c r="CN25" s="312">
        <v>0</v>
      </c>
      <c r="CO25" s="314">
        <v>0</v>
      </c>
      <c r="CP25" s="315">
        <v>0</v>
      </c>
      <c r="CQ25" s="315">
        <v>0</v>
      </c>
      <c r="CR25" s="315">
        <v>0</v>
      </c>
      <c r="CS25" s="315">
        <v>0</v>
      </c>
      <c r="CT25" s="315">
        <v>0</v>
      </c>
      <c r="CU25" s="312">
        <v>0</v>
      </c>
      <c r="CV25" s="317">
        <v>0</v>
      </c>
    </row>
    <row r="26" spans="1:100" ht="21" customHeight="1" x14ac:dyDescent="0.2">
      <c r="A26" s="296" t="s">
        <v>24</v>
      </c>
      <c r="B26" s="311">
        <v>0</v>
      </c>
      <c r="C26" s="312">
        <v>0</v>
      </c>
      <c r="D26" s="313">
        <v>0</v>
      </c>
      <c r="E26" s="314">
        <v>0</v>
      </c>
      <c r="F26" s="315">
        <v>0</v>
      </c>
      <c r="G26" s="315">
        <v>0</v>
      </c>
      <c r="H26" s="315">
        <v>0</v>
      </c>
      <c r="I26" s="315">
        <v>0</v>
      </c>
      <c r="J26" s="315">
        <v>0</v>
      </c>
      <c r="K26" s="316">
        <v>0</v>
      </c>
      <c r="L26" s="317">
        <v>0</v>
      </c>
      <c r="M26" s="311">
        <v>0</v>
      </c>
      <c r="N26" s="315">
        <v>0</v>
      </c>
      <c r="O26" s="312">
        <v>0</v>
      </c>
      <c r="P26" s="314">
        <v>0</v>
      </c>
      <c r="Q26" s="315">
        <v>0</v>
      </c>
      <c r="R26" s="315">
        <v>0</v>
      </c>
      <c r="S26" s="315">
        <v>0</v>
      </c>
      <c r="T26" s="315">
        <v>0</v>
      </c>
      <c r="U26" s="315">
        <v>0</v>
      </c>
      <c r="V26" s="312">
        <v>0</v>
      </c>
      <c r="W26" s="317">
        <v>0</v>
      </c>
      <c r="X26" s="311">
        <v>0</v>
      </c>
      <c r="Y26" s="315">
        <v>0</v>
      </c>
      <c r="Z26" s="312">
        <v>0</v>
      </c>
      <c r="AA26" s="314">
        <v>0</v>
      </c>
      <c r="AB26" s="315">
        <v>6</v>
      </c>
      <c r="AC26" s="315">
        <v>0</v>
      </c>
      <c r="AD26" s="315">
        <v>3</v>
      </c>
      <c r="AE26" s="315">
        <v>2</v>
      </c>
      <c r="AF26" s="315">
        <v>0</v>
      </c>
      <c r="AG26" s="312">
        <v>11</v>
      </c>
      <c r="AH26" s="317">
        <v>11</v>
      </c>
      <c r="AI26" s="311">
        <v>0</v>
      </c>
      <c r="AJ26" s="315">
        <v>0</v>
      </c>
      <c r="AK26" s="312">
        <v>0</v>
      </c>
      <c r="AL26" s="314">
        <v>0</v>
      </c>
      <c r="AM26" s="315">
        <v>0</v>
      </c>
      <c r="AN26" s="315">
        <v>0</v>
      </c>
      <c r="AO26" s="315">
        <v>1</v>
      </c>
      <c r="AP26" s="315">
        <v>0</v>
      </c>
      <c r="AQ26" s="315">
        <v>0</v>
      </c>
      <c r="AR26" s="312">
        <v>1</v>
      </c>
      <c r="AS26" s="317">
        <v>1</v>
      </c>
      <c r="AT26" s="311">
        <v>1</v>
      </c>
      <c r="AU26" s="315">
        <v>0</v>
      </c>
      <c r="AV26" s="312">
        <v>1</v>
      </c>
      <c r="AW26" s="314">
        <v>0</v>
      </c>
      <c r="AX26" s="315">
        <v>0</v>
      </c>
      <c r="AY26" s="315">
        <v>1</v>
      </c>
      <c r="AZ26" s="315">
        <v>0</v>
      </c>
      <c r="BA26" s="315">
        <v>0</v>
      </c>
      <c r="BB26" s="315">
        <v>0</v>
      </c>
      <c r="BC26" s="312">
        <v>1</v>
      </c>
      <c r="BD26" s="317">
        <v>2</v>
      </c>
      <c r="BE26" s="311">
        <v>0</v>
      </c>
      <c r="BF26" s="315">
        <v>0</v>
      </c>
      <c r="BG26" s="312">
        <v>0</v>
      </c>
      <c r="BH26" s="314">
        <v>0</v>
      </c>
      <c r="BI26" s="315">
        <v>0</v>
      </c>
      <c r="BJ26" s="315">
        <v>0</v>
      </c>
      <c r="BK26" s="315">
        <v>2</v>
      </c>
      <c r="BL26" s="315">
        <v>1</v>
      </c>
      <c r="BM26" s="315">
        <v>0</v>
      </c>
      <c r="BN26" s="316">
        <v>3</v>
      </c>
      <c r="BO26" s="317">
        <v>3</v>
      </c>
      <c r="BP26" s="311">
        <v>0</v>
      </c>
      <c r="BQ26" s="315">
        <v>0</v>
      </c>
      <c r="BR26" s="312">
        <v>0</v>
      </c>
      <c r="BS26" s="314">
        <v>0</v>
      </c>
      <c r="BT26" s="315">
        <v>0</v>
      </c>
      <c r="BU26" s="315">
        <v>0</v>
      </c>
      <c r="BV26" s="315">
        <v>0</v>
      </c>
      <c r="BW26" s="315">
        <v>0</v>
      </c>
      <c r="BX26" s="315">
        <v>0</v>
      </c>
      <c r="BY26" s="312">
        <v>0</v>
      </c>
      <c r="BZ26" s="317">
        <v>0</v>
      </c>
      <c r="CA26" s="311">
        <v>0</v>
      </c>
      <c r="CB26" s="315">
        <v>0</v>
      </c>
      <c r="CC26" s="312">
        <v>0</v>
      </c>
      <c r="CD26" s="314">
        <v>0</v>
      </c>
      <c r="CE26" s="315">
        <v>0</v>
      </c>
      <c r="CF26" s="315">
        <v>0</v>
      </c>
      <c r="CG26" s="315">
        <v>0</v>
      </c>
      <c r="CH26" s="315">
        <v>0</v>
      </c>
      <c r="CI26" s="315">
        <v>0</v>
      </c>
      <c r="CJ26" s="312">
        <v>0</v>
      </c>
      <c r="CK26" s="317">
        <v>0</v>
      </c>
      <c r="CL26" s="311">
        <v>0</v>
      </c>
      <c r="CM26" s="315">
        <v>0</v>
      </c>
      <c r="CN26" s="312">
        <v>0</v>
      </c>
      <c r="CO26" s="314">
        <v>0</v>
      </c>
      <c r="CP26" s="315">
        <v>0</v>
      </c>
      <c r="CQ26" s="315">
        <v>0</v>
      </c>
      <c r="CR26" s="315">
        <v>0</v>
      </c>
      <c r="CS26" s="315">
        <v>0</v>
      </c>
      <c r="CT26" s="315">
        <v>0</v>
      </c>
      <c r="CU26" s="312">
        <v>0</v>
      </c>
      <c r="CV26" s="317">
        <v>0</v>
      </c>
    </row>
    <row r="27" spans="1:100" ht="21" customHeight="1" x14ac:dyDescent="0.2">
      <c r="A27" s="296" t="s">
        <v>25</v>
      </c>
      <c r="B27" s="311">
        <v>0</v>
      </c>
      <c r="C27" s="312">
        <v>0</v>
      </c>
      <c r="D27" s="313">
        <v>0</v>
      </c>
      <c r="E27" s="314">
        <v>0</v>
      </c>
      <c r="F27" s="315">
        <v>0</v>
      </c>
      <c r="G27" s="315">
        <v>0</v>
      </c>
      <c r="H27" s="315">
        <v>0</v>
      </c>
      <c r="I27" s="315">
        <v>0</v>
      </c>
      <c r="J27" s="315">
        <v>0</v>
      </c>
      <c r="K27" s="316">
        <v>0</v>
      </c>
      <c r="L27" s="317">
        <v>0</v>
      </c>
      <c r="M27" s="311">
        <v>0</v>
      </c>
      <c r="N27" s="315">
        <v>0</v>
      </c>
      <c r="O27" s="312">
        <v>0</v>
      </c>
      <c r="P27" s="314">
        <v>0</v>
      </c>
      <c r="Q27" s="315">
        <v>0</v>
      </c>
      <c r="R27" s="315">
        <v>0</v>
      </c>
      <c r="S27" s="315">
        <v>0</v>
      </c>
      <c r="T27" s="315">
        <v>0</v>
      </c>
      <c r="U27" s="315">
        <v>0</v>
      </c>
      <c r="V27" s="312">
        <v>0</v>
      </c>
      <c r="W27" s="317">
        <v>0</v>
      </c>
      <c r="X27" s="311">
        <v>0</v>
      </c>
      <c r="Y27" s="315">
        <v>0</v>
      </c>
      <c r="Z27" s="312">
        <v>0</v>
      </c>
      <c r="AA27" s="314">
        <v>0</v>
      </c>
      <c r="AB27" s="315">
        <v>6</v>
      </c>
      <c r="AC27" s="315">
        <v>0</v>
      </c>
      <c r="AD27" s="315">
        <v>0</v>
      </c>
      <c r="AE27" s="315">
        <v>1</v>
      </c>
      <c r="AF27" s="315">
        <v>0</v>
      </c>
      <c r="AG27" s="312">
        <v>7</v>
      </c>
      <c r="AH27" s="317">
        <v>7</v>
      </c>
      <c r="AI27" s="311">
        <v>0</v>
      </c>
      <c r="AJ27" s="315">
        <v>0</v>
      </c>
      <c r="AK27" s="312">
        <v>0</v>
      </c>
      <c r="AL27" s="314">
        <v>0</v>
      </c>
      <c r="AM27" s="315">
        <v>0</v>
      </c>
      <c r="AN27" s="315">
        <v>0</v>
      </c>
      <c r="AO27" s="315">
        <v>0</v>
      </c>
      <c r="AP27" s="315">
        <v>0</v>
      </c>
      <c r="AQ27" s="315">
        <v>0</v>
      </c>
      <c r="AR27" s="312">
        <v>0</v>
      </c>
      <c r="AS27" s="317">
        <v>0</v>
      </c>
      <c r="AT27" s="311">
        <v>0</v>
      </c>
      <c r="AU27" s="315">
        <v>0</v>
      </c>
      <c r="AV27" s="312">
        <v>0</v>
      </c>
      <c r="AW27" s="314">
        <v>0</v>
      </c>
      <c r="AX27" s="315">
        <v>0</v>
      </c>
      <c r="AY27" s="315">
        <v>0</v>
      </c>
      <c r="AZ27" s="315">
        <v>0</v>
      </c>
      <c r="BA27" s="315">
        <v>0</v>
      </c>
      <c r="BB27" s="315">
        <v>0</v>
      </c>
      <c r="BC27" s="312">
        <v>0</v>
      </c>
      <c r="BD27" s="317">
        <v>0</v>
      </c>
      <c r="BE27" s="311">
        <v>0</v>
      </c>
      <c r="BF27" s="315">
        <v>0</v>
      </c>
      <c r="BG27" s="312">
        <v>0</v>
      </c>
      <c r="BH27" s="314">
        <v>0</v>
      </c>
      <c r="BI27" s="315">
        <v>0</v>
      </c>
      <c r="BJ27" s="315">
        <v>0</v>
      </c>
      <c r="BK27" s="315">
        <v>0</v>
      </c>
      <c r="BL27" s="315">
        <v>0</v>
      </c>
      <c r="BM27" s="315">
        <v>0</v>
      </c>
      <c r="BN27" s="316">
        <v>0</v>
      </c>
      <c r="BO27" s="317">
        <v>0</v>
      </c>
      <c r="BP27" s="311">
        <v>0</v>
      </c>
      <c r="BQ27" s="315">
        <v>0</v>
      </c>
      <c r="BR27" s="312">
        <v>0</v>
      </c>
      <c r="BS27" s="314">
        <v>0</v>
      </c>
      <c r="BT27" s="315">
        <v>0</v>
      </c>
      <c r="BU27" s="315">
        <v>0</v>
      </c>
      <c r="BV27" s="315">
        <v>0</v>
      </c>
      <c r="BW27" s="315">
        <v>0</v>
      </c>
      <c r="BX27" s="315">
        <v>0</v>
      </c>
      <c r="BY27" s="312">
        <v>0</v>
      </c>
      <c r="BZ27" s="317">
        <v>0</v>
      </c>
      <c r="CA27" s="311">
        <v>0</v>
      </c>
      <c r="CB27" s="315">
        <v>0</v>
      </c>
      <c r="CC27" s="312">
        <v>0</v>
      </c>
      <c r="CD27" s="314">
        <v>0</v>
      </c>
      <c r="CE27" s="315">
        <v>0</v>
      </c>
      <c r="CF27" s="315">
        <v>0</v>
      </c>
      <c r="CG27" s="315">
        <v>0</v>
      </c>
      <c r="CH27" s="315">
        <v>0</v>
      </c>
      <c r="CI27" s="315">
        <v>0</v>
      </c>
      <c r="CJ27" s="312">
        <v>0</v>
      </c>
      <c r="CK27" s="317">
        <v>0</v>
      </c>
      <c r="CL27" s="311">
        <v>0</v>
      </c>
      <c r="CM27" s="315">
        <v>0</v>
      </c>
      <c r="CN27" s="312">
        <v>0</v>
      </c>
      <c r="CO27" s="314">
        <v>0</v>
      </c>
      <c r="CP27" s="315">
        <v>0</v>
      </c>
      <c r="CQ27" s="315">
        <v>0</v>
      </c>
      <c r="CR27" s="315">
        <v>0</v>
      </c>
      <c r="CS27" s="315">
        <v>0</v>
      </c>
      <c r="CT27" s="315">
        <v>0</v>
      </c>
      <c r="CU27" s="312">
        <v>0</v>
      </c>
      <c r="CV27" s="317">
        <v>0</v>
      </c>
    </row>
    <row r="28" spans="1:100" ht="21" customHeight="1" x14ac:dyDescent="0.2">
      <c r="A28" s="296" t="s">
        <v>26</v>
      </c>
      <c r="B28" s="311">
        <v>0</v>
      </c>
      <c r="C28" s="312">
        <v>0</v>
      </c>
      <c r="D28" s="313">
        <v>0</v>
      </c>
      <c r="E28" s="314">
        <v>0</v>
      </c>
      <c r="F28" s="315">
        <v>0</v>
      </c>
      <c r="G28" s="315">
        <v>0</v>
      </c>
      <c r="H28" s="315">
        <v>0</v>
      </c>
      <c r="I28" s="315">
        <v>0</v>
      </c>
      <c r="J28" s="315">
        <v>0</v>
      </c>
      <c r="K28" s="316">
        <v>0</v>
      </c>
      <c r="L28" s="317">
        <v>0</v>
      </c>
      <c r="M28" s="311">
        <v>0</v>
      </c>
      <c r="N28" s="315">
        <v>0</v>
      </c>
      <c r="O28" s="312">
        <v>0</v>
      </c>
      <c r="P28" s="314">
        <v>0</v>
      </c>
      <c r="Q28" s="315">
        <v>0</v>
      </c>
      <c r="R28" s="315">
        <v>0</v>
      </c>
      <c r="S28" s="315">
        <v>0</v>
      </c>
      <c r="T28" s="315">
        <v>0</v>
      </c>
      <c r="U28" s="315">
        <v>0</v>
      </c>
      <c r="V28" s="312">
        <v>0</v>
      </c>
      <c r="W28" s="317">
        <v>0</v>
      </c>
      <c r="X28" s="311">
        <v>0</v>
      </c>
      <c r="Y28" s="315">
        <v>0</v>
      </c>
      <c r="Z28" s="312">
        <v>0</v>
      </c>
      <c r="AA28" s="314">
        <v>0</v>
      </c>
      <c r="AB28" s="315">
        <v>1</v>
      </c>
      <c r="AC28" s="315">
        <v>6</v>
      </c>
      <c r="AD28" s="315">
        <v>1</v>
      </c>
      <c r="AE28" s="315">
        <v>0</v>
      </c>
      <c r="AF28" s="315">
        <v>2</v>
      </c>
      <c r="AG28" s="312">
        <v>10</v>
      </c>
      <c r="AH28" s="317">
        <v>10</v>
      </c>
      <c r="AI28" s="311">
        <v>0</v>
      </c>
      <c r="AJ28" s="315">
        <v>0</v>
      </c>
      <c r="AK28" s="312">
        <v>0</v>
      </c>
      <c r="AL28" s="314">
        <v>0</v>
      </c>
      <c r="AM28" s="315">
        <v>0</v>
      </c>
      <c r="AN28" s="315">
        <v>0</v>
      </c>
      <c r="AO28" s="315">
        <v>0</v>
      </c>
      <c r="AP28" s="315">
        <v>0</v>
      </c>
      <c r="AQ28" s="315">
        <v>0</v>
      </c>
      <c r="AR28" s="312">
        <v>0</v>
      </c>
      <c r="AS28" s="317">
        <v>0</v>
      </c>
      <c r="AT28" s="311">
        <v>0</v>
      </c>
      <c r="AU28" s="315">
        <v>0</v>
      </c>
      <c r="AV28" s="312">
        <v>0</v>
      </c>
      <c r="AW28" s="314">
        <v>0</v>
      </c>
      <c r="AX28" s="315">
        <v>0</v>
      </c>
      <c r="AY28" s="315">
        <v>0</v>
      </c>
      <c r="AZ28" s="315">
        <v>0</v>
      </c>
      <c r="BA28" s="315">
        <v>0</v>
      </c>
      <c r="BB28" s="315">
        <v>0</v>
      </c>
      <c r="BC28" s="312">
        <v>0</v>
      </c>
      <c r="BD28" s="317">
        <v>0</v>
      </c>
      <c r="BE28" s="311">
        <v>0</v>
      </c>
      <c r="BF28" s="315">
        <v>0</v>
      </c>
      <c r="BG28" s="312">
        <v>0</v>
      </c>
      <c r="BH28" s="314">
        <v>0</v>
      </c>
      <c r="BI28" s="315">
        <v>0</v>
      </c>
      <c r="BJ28" s="315">
        <v>0</v>
      </c>
      <c r="BK28" s="315">
        <v>2</v>
      </c>
      <c r="BL28" s="315">
        <v>0</v>
      </c>
      <c r="BM28" s="315">
        <v>0</v>
      </c>
      <c r="BN28" s="316">
        <v>2</v>
      </c>
      <c r="BO28" s="317">
        <v>2</v>
      </c>
      <c r="BP28" s="311">
        <v>0</v>
      </c>
      <c r="BQ28" s="315">
        <v>0</v>
      </c>
      <c r="BR28" s="312">
        <v>0</v>
      </c>
      <c r="BS28" s="314">
        <v>0</v>
      </c>
      <c r="BT28" s="315">
        <v>0</v>
      </c>
      <c r="BU28" s="315">
        <v>0</v>
      </c>
      <c r="BV28" s="315">
        <v>0</v>
      </c>
      <c r="BW28" s="315">
        <v>0</v>
      </c>
      <c r="BX28" s="315">
        <v>0</v>
      </c>
      <c r="BY28" s="312">
        <v>0</v>
      </c>
      <c r="BZ28" s="317">
        <v>0</v>
      </c>
      <c r="CA28" s="311">
        <v>0</v>
      </c>
      <c r="CB28" s="315">
        <v>0</v>
      </c>
      <c r="CC28" s="312">
        <v>0</v>
      </c>
      <c r="CD28" s="314">
        <v>0</v>
      </c>
      <c r="CE28" s="315">
        <v>0</v>
      </c>
      <c r="CF28" s="315">
        <v>0</v>
      </c>
      <c r="CG28" s="315">
        <v>0</v>
      </c>
      <c r="CH28" s="315">
        <v>0</v>
      </c>
      <c r="CI28" s="315">
        <v>0</v>
      </c>
      <c r="CJ28" s="312">
        <v>0</v>
      </c>
      <c r="CK28" s="317">
        <v>0</v>
      </c>
      <c r="CL28" s="311">
        <v>0</v>
      </c>
      <c r="CM28" s="315">
        <v>0</v>
      </c>
      <c r="CN28" s="312">
        <v>0</v>
      </c>
      <c r="CO28" s="314">
        <v>0</v>
      </c>
      <c r="CP28" s="315">
        <v>0</v>
      </c>
      <c r="CQ28" s="315">
        <v>0</v>
      </c>
      <c r="CR28" s="315">
        <v>0</v>
      </c>
      <c r="CS28" s="315">
        <v>0</v>
      </c>
      <c r="CT28" s="315">
        <v>0</v>
      </c>
      <c r="CU28" s="312">
        <v>0</v>
      </c>
      <c r="CV28" s="317">
        <v>0</v>
      </c>
    </row>
    <row r="29" spans="1:100" ht="21" customHeight="1" x14ac:dyDescent="0.2">
      <c r="A29" s="296" t="s">
        <v>27</v>
      </c>
      <c r="B29" s="311">
        <v>0</v>
      </c>
      <c r="C29" s="312">
        <v>0</v>
      </c>
      <c r="D29" s="313">
        <v>0</v>
      </c>
      <c r="E29" s="314">
        <v>0</v>
      </c>
      <c r="F29" s="315">
        <v>0</v>
      </c>
      <c r="G29" s="315">
        <v>1</v>
      </c>
      <c r="H29" s="315">
        <v>0</v>
      </c>
      <c r="I29" s="315">
        <v>0</v>
      </c>
      <c r="J29" s="315">
        <v>0</v>
      </c>
      <c r="K29" s="316">
        <v>1</v>
      </c>
      <c r="L29" s="317">
        <v>1</v>
      </c>
      <c r="M29" s="311">
        <v>0</v>
      </c>
      <c r="N29" s="315">
        <v>0</v>
      </c>
      <c r="O29" s="312">
        <v>0</v>
      </c>
      <c r="P29" s="314">
        <v>0</v>
      </c>
      <c r="Q29" s="315">
        <v>0</v>
      </c>
      <c r="R29" s="315">
        <v>0</v>
      </c>
      <c r="S29" s="315">
        <v>0</v>
      </c>
      <c r="T29" s="315">
        <v>0</v>
      </c>
      <c r="U29" s="315">
        <v>0</v>
      </c>
      <c r="V29" s="312">
        <v>0</v>
      </c>
      <c r="W29" s="317">
        <v>0</v>
      </c>
      <c r="X29" s="311">
        <v>0</v>
      </c>
      <c r="Y29" s="315">
        <v>0</v>
      </c>
      <c r="Z29" s="312">
        <v>0</v>
      </c>
      <c r="AA29" s="314">
        <v>0</v>
      </c>
      <c r="AB29" s="315">
        <v>2</v>
      </c>
      <c r="AC29" s="315">
        <v>1</v>
      </c>
      <c r="AD29" s="315">
        <v>0</v>
      </c>
      <c r="AE29" s="315">
        <v>0</v>
      </c>
      <c r="AF29" s="315">
        <v>0</v>
      </c>
      <c r="AG29" s="312">
        <v>3</v>
      </c>
      <c r="AH29" s="317">
        <v>3</v>
      </c>
      <c r="AI29" s="311">
        <v>0</v>
      </c>
      <c r="AJ29" s="315">
        <v>0</v>
      </c>
      <c r="AK29" s="312">
        <v>0</v>
      </c>
      <c r="AL29" s="314">
        <v>0</v>
      </c>
      <c r="AM29" s="315">
        <v>1</v>
      </c>
      <c r="AN29" s="315">
        <v>1</v>
      </c>
      <c r="AO29" s="315">
        <v>0</v>
      </c>
      <c r="AP29" s="315">
        <v>0</v>
      </c>
      <c r="AQ29" s="315">
        <v>0</v>
      </c>
      <c r="AR29" s="312">
        <v>2</v>
      </c>
      <c r="AS29" s="317">
        <v>2</v>
      </c>
      <c r="AT29" s="311">
        <v>0</v>
      </c>
      <c r="AU29" s="315">
        <v>0</v>
      </c>
      <c r="AV29" s="312">
        <v>0</v>
      </c>
      <c r="AW29" s="314">
        <v>0</v>
      </c>
      <c r="AX29" s="315">
        <v>0</v>
      </c>
      <c r="AY29" s="315">
        <v>0</v>
      </c>
      <c r="AZ29" s="315">
        <v>0</v>
      </c>
      <c r="BA29" s="315">
        <v>0</v>
      </c>
      <c r="BB29" s="315">
        <v>0</v>
      </c>
      <c r="BC29" s="312">
        <v>0</v>
      </c>
      <c r="BD29" s="317">
        <v>0</v>
      </c>
      <c r="BE29" s="311">
        <v>0</v>
      </c>
      <c r="BF29" s="315">
        <v>0</v>
      </c>
      <c r="BG29" s="312">
        <v>0</v>
      </c>
      <c r="BH29" s="314">
        <v>0</v>
      </c>
      <c r="BI29" s="315">
        <v>0</v>
      </c>
      <c r="BJ29" s="315">
        <v>2</v>
      </c>
      <c r="BK29" s="315">
        <v>1</v>
      </c>
      <c r="BL29" s="315">
        <v>0</v>
      </c>
      <c r="BM29" s="315">
        <v>1</v>
      </c>
      <c r="BN29" s="316">
        <v>4</v>
      </c>
      <c r="BO29" s="317">
        <v>4</v>
      </c>
      <c r="BP29" s="311">
        <v>0</v>
      </c>
      <c r="BQ29" s="315">
        <v>0</v>
      </c>
      <c r="BR29" s="312">
        <v>0</v>
      </c>
      <c r="BS29" s="314">
        <v>0</v>
      </c>
      <c r="BT29" s="315">
        <v>0</v>
      </c>
      <c r="BU29" s="315">
        <v>0</v>
      </c>
      <c r="BV29" s="315">
        <v>0</v>
      </c>
      <c r="BW29" s="315">
        <v>0</v>
      </c>
      <c r="BX29" s="315">
        <v>0</v>
      </c>
      <c r="BY29" s="312">
        <v>0</v>
      </c>
      <c r="BZ29" s="317">
        <v>0</v>
      </c>
      <c r="CA29" s="311">
        <v>0</v>
      </c>
      <c r="CB29" s="315">
        <v>0</v>
      </c>
      <c r="CC29" s="312">
        <v>0</v>
      </c>
      <c r="CD29" s="314">
        <v>0</v>
      </c>
      <c r="CE29" s="315">
        <v>0</v>
      </c>
      <c r="CF29" s="315">
        <v>0</v>
      </c>
      <c r="CG29" s="315">
        <v>2</v>
      </c>
      <c r="CH29" s="315">
        <v>2</v>
      </c>
      <c r="CI29" s="315">
        <v>0</v>
      </c>
      <c r="CJ29" s="312">
        <v>4</v>
      </c>
      <c r="CK29" s="317">
        <v>4</v>
      </c>
      <c r="CL29" s="311">
        <v>0</v>
      </c>
      <c r="CM29" s="315">
        <v>0</v>
      </c>
      <c r="CN29" s="312">
        <v>0</v>
      </c>
      <c r="CO29" s="314">
        <v>0</v>
      </c>
      <c r="CP29" s="315">
        <v>0</v>
      </c>
      <c r="CQ29" s="315">
        <v>0</v>
      </c>
      <c r="CR29" s="315">
        <v>0</v>
      </c>
      <c r="CS29" s="315">
        <v>0</v>
      </c>
      <c r="CT29" s="315">
        <v>0</v>
      </c>
      <c r="CU29" s="312">
        <v>0</v>
      </c>
      <c r="CV29" s="317">
        <v>0</v>
      </c>
    </row>
    <row r="30" spans="1:100" ht="21" customHeight="1" x14ac:dyDescent="0.2">
      <c r="A30" s="296" t="s">
        <v>28</v>
      </c>
      <c r="B30" s="311">
        <v>0</v>
      </c>
      <c r="C30" s="312">
        <v>0</v>
      </c>
      <c r="D30" s="313">
        <v>0</v>
      </c>
      <c r="E30" s="314">
        <v>0</v>
      </c>
      <c r="F30" s="315">
        <v>0</v>
      </c>
      <c r="G30" s="315">
        <v>0</v>
      </c>
      <c r="H30" s="315">
        <v>0</v>
      </c>
      <c r="I30" s="315">
        <v>0</v>
      </c>
      <c r="J30" s="315">
        <v>0</v>
      </c>
      <c r="K30" s="316">
        <v>0</v>
      </c>
      <c r="L30" s="317">
        <v>0</v>
      </c>
      <c r="M30" s="311">
        <v>0</v>
      </c>
      <c r="N30" s="315">
        <v>0</v>
      </c>
      <c r="O30" s="312">
        <v>0</v>
      </c>
      <c r="P30" s="314">
        <v>0</v>
      </c>
      <c r="Q30" s="315">
        <v>0</v>
      </c>
      <c r="R30" s="315">
        <v>0</v>
      </c>
      <c r="S30" s="315">
        <v>0</v>
      </c>
      <c r="T30" s="315">
        <v>0</v>
      </c>
      <c r="U30" s="315">
        <v>0</v>
      </c>
      <c r="V30" s="312">
        <v>0</v>
      </c>
      <c r="W30" s="317">
        <v>0</v>
      </c>
      <c r="X30" s="311">
        <v>0</v>
      </c>
      <c r="Y30" s="315">
        <v>0</v>
      </c>
      <c r="Z30" s="312">
        <v>0</v>
      </c>
      <c r="AA30" s="314">
        <v>0</v>
      </c>
      <c r="AB30" s="315">
        <v>3</v>
      </c>
      <c r="AC30" s="315">
        <v>3</v>
      </c>
      <c r="AD30" s="315">
        <v>0</v>
      </c>
      <c r="AE30" s="315">
        <v>0</v>
      </c>
      <c r="AF30" s="315">
        <v>0</v>
      </c>
      <c r="AG30" s="312">
        <v>6</v>
      </c>
      <c r="AH30" s="317">
        <v>6</v>
      </c>
      <c r="AI30" s="311">
        <v>0</v>
      </c>
      <c r="AJ30" s="315">
        <v>0</v>
      </c>
      <c r="AK30" s="312">
        <v>0</v>
      </c>
      <c r="AL30" s="314">
        <v>0</v>
      </c>
      <c r="AM30" s="315">
        <v>0</v>
      </c>
      <c r="AN30" s="315">
        <v>0</v>
      </c>
      <c r="AO30" s="315">
        <v>0</v>
      </c>
      <c r="AP30" s="315">
        <v>0</v>
      </c>
      <c r="AQ30" s="315">
        <v>1</v>
      </c>
      <c r="AR30" s="312">
        <v>1</v>
      </c>
      <c r="AS30" s="317">
        <v>1</v>
      </c>
      <c r="AT30" s="311">
        <v>0</v>
      </c>
      <c r="AU30" s="315">
        <v>0</v>
      </c>
      <c r="AV30" s="312">
        <v>0</v>
      </c>
      <c r="AW30" s="314">
        <v>0</v>
      </c>
      <c r="AX30" s="315">
        <v>0</v>
      </c>
      <c r="AY30" s="315">
        <v>0</v>
      </c>
      <c r="AZ30" s="315">
        <v>0</v>
      </c>
      <c r="BA30" s="315">
        <v>0</v>
      </c>
      <c r="BB30" s="315">
        <v>0</v>
      </c>
      <c r="BC30" s="312">
        <v>0</v>
      </c>
      <c r="BD30" s="317">
        <v>0</v>
      </c>
      <c r="BE30" s="311">
        <v>0</v>
      </c>
      <c r="BF30" s="315">
        <v>0</v>
      </c>
      <c r="BG30" s="312">
        <v>0</v>
      </c>
      <c r="BH30" s="314">
        <v>0</v>
      </c>
      <c r="BI30" s="315">
        <v>0</v>
      </c>
      <c r="BJ30" s="315">
        <v>0</v>
      </c>
      <c r="BK30" s="315">
        <v>0</v>
      </c>
      <c r="BL30" s="315">
        <v>0</v>
      </c>
      <c r="BM30" s="315">
        <v>1</v>
      </c>
      <c r="BN30" s="316">
        <v>1</v>
      </c>
      <c r="BO30" s="317">
        <v>1</v>
      </c>
      <c r="BP30" s="311">
        <v>0</v>
      </c>
      <c r="BQ30" s="315">
        <v>0</v>
      </c>
      <c r="BR30" s="312">
        <v>0</v>
      </c>
      <c r="BS30" s="314">
        <v>0</v>
      </c>
      <c r="BT30" s="315">
        <v>0</v>
      </c>
      <c r="BU30" s="315">
        <v>0</v>
      </c>
      <c r="BV30" s="315">
        <v>0</v>
      </c>
      <c r="BW30" s="315">
        <v>0</v>
      </c>
      <c r="BX30" s="315">
        <v>0</v>
      </c>
      <c r="BY30" s="312">
        <v>0</v>
      </c>
      <c r="BZ30" s="317">
        <v>0</v>
      </c>
      <c r="CA30" s="311">
        <v>0</v>
      </c>
      <c r="CB30" s="315">
        <v>0</v>
      </c>
      <c r="CC30" s="312">
        <v>0</v>
      </c>
      <c r="CD30" s="314">
        <v>0</v>
      </c>
      <c r="CE30" s="315">
        <v>0</v>
      </c>
      <c r="CF30" s="315">
        <v>0</v>
      </c>
      <c r="CG30" s="315">
        <v>0</v>
      </c>
      <c r="CH30" s="315">
        <v>0</v>
      </c>
      <c r="CI30" s="315">
        <v>0</v>
      </c>
      <c r="CJ30" s="312">
        <v>0</v>
      </c>
      <c r="CK30" s="317">
        <v>0</v>
      </c>
      <c r="CL30" s="311">
        <v>0</v>
      </c>
      <c r="CM30" s="315">
        <v>0</v>
      </c>
      <c r="CN30" s="312">
        <v>0</v>
      </c>
      <c r="CO30" s="314">
        <v>0</v>
      </c>
      <c r="CP30" s="315">
        <v>0</v>
      </c>
      <c r="CQ30" s="315">
        <v>0</v>
      </c>
      <c r="CR30" s="315">
        <v>0</v>
      </c>
      <c r="CS30" s="315">
        <v>0</v>
      </c>
      <c r="CT30" s="315">
        <v>0</v>
      </c>
      <c r="CU30" s="312">
        <v>0</v>
      </c>
      <c r="CV30" s="317">
        <v>0</v>
      </c>
    </row>
    <row r="31" spans="1:100" ht="21" customHeight="1" x14ac:dyDescent="0.2">
      <c r="A31" s="296" t="s">
        <v>29</v>
      </c>
      <c r="B31" s="311">
        <v>0</v>
      </c>
      <c r="C31" s="312">
        <v>0</v>
      </c>
      <c r="D31" s="313">
        <v>0</v>
      </c>
      <c r="E31" s="314">
        <v>0</v>
      </c>
      <c r="F31" s="315">
        <v>0</v>
      </c>
      <c r="G31" s="315">
        <v>0</v>
      </c>
      <c r="H31" s="315">
        <v>0</v>
      </c>
      <c r="I31" s="315">
        <v>0</v>
      </c>
      <c r="J31" s="315">
        <v>0</v>
      </c>
      <c r="K31" s="316">
        <v>0</v>
      </c>
      <c r="L31" s="317">
        <v>0</v>
      </c>
      <c r="M31" s="311">
        <v>0</v>
      </c>
      <c r="N31" s="315">
        <v>0</v>
      </c>
      <c r="O31" s="312">
        <v>0</v>
      </c>
      <c r="P31" s="314">
        <v>0</v>
      </c>
      <c r="Q31" s="315">
        <v>0</v>
      </c>
      <c r="R31" s="315">
        <v>0</v>
      </c>
      <c r="S31" s="315">
        <v>0</v>
      </c>
      <c r="T31" s="315">
        <v>0</v>
      </c>
      <c r="U31" s="315">
        <v>0</v>
      </c>
      <c r="V31" s="312">
        <v>0</v>
      </c>
      <c r="W31" s="317">
        <v>0</v>
      </c>
      <c r="X31" s="311">
        <v>0</v>
      </c>
      <c r="Y31" s="315">
        <v>0</v>
      </c>
      <c r="Z31" s="312">
        <v>0</v>
      </c>
      <c r="AA31" s="314">
        <v>0</v>
      </c>
      <c r="AB31" s="315">
        <v>1</v>
      </c>
      <c r="AC31" s="315">
        <v>1</v>
      </c>
      <c r="AD31" s="315">
        <v>0</v>
      </c>
      <c r="AE31" s="315">
        <v>0</v>
      </c>
      <c r="AF31" s="315">
        <v>0</v>
      </c>
      <c r="AG31" s="312">
        <v>2</v>
      </c>
      <c r="AH31" s="317">
        <v>2</v>
      </c>
      <c r="AI31" s="311">
        <v>0</v>
      </c>
      <c r="AJ31" s="315">
        <v>0</v>
      </c>
      <c r="AK31" s="312">
        <v>0</v>
      </c>
      <c r="AL31" s="314">
        <v>0</v>
      </c>
      <c r="AM31" s="315">
        <v>0</v>
      </c>
      <c r="AN31" s="315">
        <v>0</v>
      </c>
      <c r="AO31" s="315">
        <v>0</v>
      </c>
      <c r="AP31" s="315">
        <v>0</v>
      </c>
      <c r="AQ31" s="315">
        <v>0</v>
      </c>
      <c r="AR31" s="312">
        <v>0</v>
      </c>
      <c r="AS31" s="317">
        <v>0</v>
      </c>
      <c r="AT31" s="311">
        <v>0</v>
      </c>
      <c r="AU31" s="315">
        <v>0</v>
      </c>
      <c r="AV31" s="312">
        <v>0</v>
      </c>
      <c r="AW31" s="314">
        <v>0</v>
      </c>
      <c r="AX31" s="315">
        <v>0</v>
      </c>
      <c r="AY31" s="315">
        <v>0</v>
      </c>
      <c r="AZ31" s="315">
        <v>0</v>
      </c>
      <c r="BA31" s="315">
        <v>0</v>
      </c>
      <c r="BB31" s="315">
        <v>0</v>
      </c>
      <c r="BC31" s="312">
        <v>0</v>
      </c>
      <c r="BD31" s="317">
        <v>0</v>
      </c>
      <c r="BE31" s="311">
        <v>0</v>
      </c>
      <c r="BF31" s="315">
        <v>0</v>
      </c>
      <c r="BG31" s="312">
        <v>0</v>
      </c>
      <c r="BH31" s="314">
        <v>0</v>
      </c>
      <c r="BI31" s="315">
        <v>0</v>
      </c>
      <c r="BJ31" s="315">
        <v>0</v>
      </c>
      <c r="BK31" s="315">
        <v>0</v>
      </c>
      <c r="BL31" s="315">
        <v>0</v>
      </c>
      <c r="BM31" s="315">
        <v>0</v>
      </c>
      <c r="BN31" s="316">
        <v>0</v>
      </c>
      <c r="BO31" s="317">
        <v>0</v>
      </c>
      <c r="BP31" s="311">
        <v>0</v>
      </c>
      <c r="BQ31" s="315">
        <v>0</v>
      </c>
      <c r="BR31" s="312">
        <v>0</v>
      </c>
      <c r="BS31" s="314">
        <v>0</v>
      </c>
      <c r="BT31" s="315">
        <v>0</v>
      </c>
      <c r="BU31" s="315">
        <v>0</v>
      </c>
      <c r="BV31" s="315">
        <v>0</v>
      </c>
      <c r="BW31" s="315">
        <v>0</v>
      </c>
      <c r="BX31" s="315">
        <v>0</v>
      </c>
      <c r="BY31" s="312">
        <v>0</v>
      </c>
      <c r="BZ31" s="317">
        <v>0</v>
      </c>
      <c r="CA31" s="311">
        <v>0</v>
      </c>
      <c r="CB31" s="315">
        <v>0</v>
      </c>
      <c r="CC31" s="312">
        <v>0</v>
      </c>
      <c r="CD31" s="314">
        <v>0</v>
      </c>
      <c r="CE31" s="315">
        <v>0</v>
      </c>
      <c r="CF31" s="315">
        <v>0</v>
      </c>
      <c r="CG31" s="315">
        <v>0</v>
      </c>
      <c r="CH31" s="315">
        <v>1</v>
      </c>
      <c r="CI31" s="315">
        <v>0</v>
      </c>
      <c r="CJ31" s="312">
        <v>1</v>
      </c>
      <c r="CK31" s="317">
        <v>1</v>
      </c>
      <c r="CL31" s="311">
        <v>0</v>
      </c>
      <c r="CM31" s="315">
        <v>0</v>
      </c>
      <c r="CN31" s="312">
        <v>0</v>
      </c>
      <c r="CO31" s="314">
        <v>0</v>
      </c>
      <c r="CP31" s="315">
        <v>0</v>
      </c>
      <c r="CQ31" s="315">
        <v>0</v>
      </c>
      <c r="CR31" s="315">
        <v>0</v>
      </c>
      <c r="CS31" s="315">
        <v>0</v>
      </c>
      <c r="CT31" s="315">
        <v>0</v>
      </c>
      <c r="CU31" s="312">
        <v>0</v>
      </c>
      <c r="CV31" s="317">
        <v>0</v>
      </c>
    </row>
    <row r="32" spans="1:100" ht="21" customHeight="1" x14ac:dyDescent="0.2">
      <c r="A32" s="296" t="s">
        <v>30</v>
      </c>
      <c r="B32" s="311">
        <v>0</v>
      </c>
      <c r="C32" s="312">
        <v>0</v>
      </c>
      <c r="D32" s="313">
        <v>0</v>
      </c>
      <c r="E32" s="314">
        <v>0</v>
      </c>
      <c r="F32" s="315">
        <v>0</v>
      </c>
      <c r="G32" s="315">
        <v>0</v>
      </c>
      <c r="H32" s="315">
        <v>0</v>
      </c>
      <c r="I32" s="315">
        <v>0</v>
      </c>
      <c r="J32" s="315">
        <v>0</v>
      </c>
      <c r="K32" s="316">
        <v>0</v>
      </c>
      <c r="L32" s="317">
        <v>0</v>
      </c>
      <c r="M32" s="311">
        <v>0</v>
      </c>
      <c r="N32" s="315">
        <v>0</v>
      </c>
      <c r="O32" s="312">
        <v>0</v>
      </c>
      <c r="P32" s="314">
        <v>0</v>
      </c>
      <c r="Q32" s="315">
        <v>0</v>
      </c>
      <c r="R32" s="315">
        <v>0</v>
      </c>
      <c r="S32" s="315">
        <v>0</v>
      </c>
      <c r="T32" s="315">
        <v>0</v>
      </c>
      <c r="U32" s="315">
        <v>0</v>
      </c>
      <c r="V32" s="312">
        <v>0</v>
      </c>
      <c r="W32" s="317">
        <v>0</v>
      </c>
      <c r="X32" s="311">
        <v>0</v>
      </c>
      <c r="Y32" s="315">
        <v>0</v>
      </c>
      <c r="Z32" s="312">
        <v>0</v>
      </c>
      <c r="AA32" s="314">
        <v>0</v>
      </c>
      <c r="AB32" s="315">
        <v>0</v>
      </c>
      <c r="AC32" s="315">
        <v>1</v>
      </c>
      <c r="AD32" s="315">
        <v>0</v>
      </c>
      <c r="AE32" s="315">
        <v>0</v>
      </c>
      <c r="AF32" s="315">
        <v>0</v>
      </c>
      <c r="AG32" s="312">
        <v>1</v>
      </c>
      <c r="AH32" s="317">
        <v>1</v>
      </c>
      <c r="AI32" s="311">
        <v>1</v>
      </c>
      <c r="AJ32" s="315">
        <v>0</v>
      </c>
      <c r="AK32" s="312">
        <v>1</v>
      </c>
      <c r="AL32" s="314">
        <v>0</v>
      </c>
      <c r="AM32" s="315">
        <v>0</v>
      </c>
      <c r="AN32" s="315">
        <v>0</v>
      </c>
      <c r="AO32" s="315">
        <v>0</v>
      </c>
      <c r="AP32" s="315">
        <v>0</v>
      </c>
      <c r="AQ32" s="315">
        <v>0</v>
      </c>
      <c r="AR32" s="312">
        <v>0</v>
      </c>
      <c r="AS32" s="317">
        <v>1</v>
      </c>
      <c r="AT32" s="311">
        <v>0</v>
      </c>
      <c r="AU32" s="315">
        <v>0</v>
      </c>
      <c r="AV32" s="312">
        <v>0</v>
      </c>
      <c r="AW32" s="314">
        <v>0</v>
      </c>
      <c r="AX32" s="315">
        <v>0</v>
      </c>
      <c r="AY32" s="315">
        <v>0</v>
      </c>
      <c r="AZ32" s="315">
        <v>0</v>
      </c>
      <c r="BA32" s="315">
        <v>0</v>
      </c>
      <c r="BB32" s="315">
        <v>0</v>
      </c>
      <c r="BC32" s="312">
        <v>0</v>
      </c>
      <c r="BD32" s="317">
        <v>0</v>
      </c>
      <c r="BE32" s="311">
        <v>0</v>
      </c>
      <c r="BF32" s="315">
        <v>0</v>
      </c>
      <c r="BG32" s="312">
        <v>0</v>
      </c>
      <c r="BH32" s="314">
        <v>0</v>
      </c>
      <c r="BI32" s="315">
        <v>0</v>
      </c>
      <c r="BJ32" s="315">
        <v>1</v>
      </c>
      <c r="BK32" s="315">
        <v>0</v>
      </c>
      <c r="BL32" s="315">
        <v>0</v>
      </c>
      <c r="BM32" s="315">
        <v>0</v>
      </c>
      <c r="BN32" s="316">
        <v>1</v>
      </c>
      <c r="BO32" s="317">
        <v>1</v>
      </c>
      <c r="BP32" s="311">
        <v>0</v>
      </c>
      <c r="BQ32" s="315">
        <v>0</v>
      </c>
      <c r="BR32" s="312">
        <v>0</v>
      </c>
      <c r="BS32" s="314">
        <v>0</v>
      </c>
      <c r="BT32" s="315">
        <v>0</v>
      </c>
      <c r="BU32" s="315">
        <v>0</v>
      </c>
      <c r="BV32" s="315">
        <v>0</v>
      </c>
      <c r="BW32" s="315">
        <v>0</v>
      </c>
      <c r="BX32" s="315">
        <v>0</v>
      </c>
      <c r="BY32" s="312">
        <v>0</v>
      </c>
      <c r="BZ32" s="317">
        <v>0</v>
      </c>
      <c r="CA32" s="311">
        <v>0</v>
      </c>
      <c r="CB32" s="315">
        <v>0</v>
      </c>
      <c r="CC32" s="312">
        <v>0</v>
      </c>
      <c r="CD32" s="314">
        <v>0</v>
      </c>
      <c r="CE32" s="315">
        <v>0</v>
      </c>
      <c r="CF32" s="315">
        <v>0</v>
      </c>
      <c r="CG32" s="315">
        <v>0</v>
      </c>
      <c r="CH32" s="315">
        <v>0</v>
      </c>
      <c r="CI32" s="315">
        <v>0</v>
      </c>
      <c r="CJ32" s="312">
        <v>0</v>
      </c>
      <c r="CK32" s="317">
        <v>0</v>
      </c>
      <c r="CL32" s="311">
        <v>0</v>
      </c>
      <c r="CM32" s="315">
        <v>0</v>
      </c>
      <c r="CN32" s="312">
        <v>0</v>
      </c>
      <c r="CO32" s="314">
        <v>0</v>
      </c>
      <c r="CP32" s="315">
        <v>0</v>
      </c>
      <c r="CQ32" s="315">
        <v>0</v>
      </c>
      <c r="CR32" s="315">
        <v>0</v>
      </c>
      <c r="CS32" s="315">
        <v>0</v>
      </c>
      <c r="CT32" s="315">
        <v>0</v>
      </c>
      <c r="CU32" s="312">
        <v>0</v>
      </c>
      <c r="CV32" s="317">
        <v>0</v>
      </c>
    </row>
    <row r="33" spans="1:100" ht="21" customHeight="1" x14ac:dyDescent="0.2">
      <c r="A33" s="296" t="s">
        <v>31</v>
      </c>
      <c r="B33" s="311">
        <v>0</v>
      </c>
      <c r="C33" s="312">
        <v>0</v>
      </c>
      <c r="D33" s="313">
        <v>0</v>
      </c>
      <c r="E33" s="314">
        <v>0</v>
      </c>
      <c r="F33" s="315">
        <v>0</v>
      </c>
      <c r="G33" s="315">
        <v>0</v>
      </c>
      <c r="H33" s="315">
        <v>0</v>
      </c>
      <c r="I33" s="315">
        <v>0</v>
      </c>
      <c r="J33" s="315">
        <v>0</v>
      </c>
      <c r="K33" s="316">
        <v>0</v>
      </c>
      <c r="L33" s="317">
        <v>0</v>
      </c>
      <c r="M33" s="311">
        <v>0</v>
      </c>
      <c r="N33" s="315">
        <v>0</v>
      </c>
      <c r="O33" s="312">
        <v>0</v>
      </c>
      <c r="P33" s="314">
        <v>0</v>
      </c>
      <c r="Q33" s="315">
        <v>0</v>
      </c>
      <c r="R33" s="315">
        <v>0</v>
      </c>
      <c r="S33" s="315">
        <v>0</v>
      </c>
      <c r="T33" s="315">
        <v>0</v>
      </c>
      <c r="U33" s="315">
        <v>0</v>
      </c>
      <c r="V33" s="312">
        <v>0</v>
      </c>
      <c r="W33" s="317">
        <v>0</v>
      </c>
      <c r="X33" s="311">
        <v>0</v>
      </c>
      <c r="Y33" s="315">
        <v>0</v>
      </c>
      <c r="Z33" s="312">
        <v>0</v>
      </c>
      <c r="AA33" s="314">
        <v>0</v>
      </c>
      <c r="AB33" s="315">
        <v>1</v>
      </c>
      <c r="AC33" s="315">
        <v>0</v>
      </c>
      <c r="AD33" s="315">
        <v>0</v>
      </c>
      <c r="AE33" s="315">
        <v>0</v>
      </c>
      <c r="AF33" s="315">
        <v>0</v>
      </c>
      <c r="AG33" s="312">
        <v>1</v>
      </c>
      <c r="AH33" s="317">
        <v>1</v>
      </c>
      <c r="AI33" s="311">
        <v>0</v>
      </c>
      <c r="AJ33" s="315">
        <v>0</v>
      </c>
      <c r="AK33" s="312">
        <v>0</v>
      </c>
      <c r="AL33" s="314">
        <v>0</v>
      </c>
      <c r="AM33" s="315">
        <v>0</v>
      </c>
      <c r="AN33" s="315">
        <v>0</v>
      </c>
      <c r="AO33" s="315">
        <v>1</v>
      </c>
      <c r="AP33" s="315">
        <v>0</v>
      </c>
      <c r="AQ33" s="315">
        <v>0</v>
      </c>
      <c r="AR33" s="312">
        <v>1</v>
      </c>
      <c r="AS33" s="317">
        <v>1</v>
      </c>
      <c r="AT33" s="311">
        <v>0</v>
      </c>
      <c r="AU33" s="315">
        <v>0</v>
      </c>
      <c r="AV33" s="312">
        <v>0</v>
      </c>
      <c r="AW33" s="314">
        <v>0</v>
      </c>
      <c r="AX33" s="315">
        <v>0</v>
      </c>
      <c r="AY33" s="315">
        <v>1</v>
      </c>
      <c r="AZ33" s="315">
        <v>0</v>
      </c>
      <c r="BA33" s="315">
        <v>0</v>
      </c>
      <c r="BB33" s="315">
        <v>0</v>
      </c>
      <c r="BC33" s="312">
        <v>1</v>
      </c>
      <c r="BD33" s="317">
        <v>1</v>
      </c>
      <c r="BE33" s="311">
        <v>0</v>
      </c>
      <c r="BF33" s="315">
        <v>0</v>
      </c>
      <c r="BG33" s="312">
        <v>0</v>
      </c>
      <c r="BH33" s="314">
        <v>0</v>
      </c>
      <c r="BI33" s="315">
        <v>0</v>
      </c>
      <c r="BJ33" s="315">
        <v>2</v>
      </c>
      <c r="BK33" s="315">
        <v>0</v>
      </c>
      <c r="BL33" s="315">
        <v>1</v>
      </c>
      <c r="BM33" s="315">
        <v>0</v>
      </c>
      <c r="BN33" s="316">
        <v>3</v>
      </c>
      <c r="BO33" s="317">
        <v>3</v>
      </c>
      <c r="BP33" s="311">
        <v>0</v>
      </c>
      <c r="BQ33" s="315">
        <v>0</v>
      </c>
      <c r="BR33" s="312">
        <v>0</v>
      </c>
      <c r="BS33" s="314">
        <v>0</v>
      </c>
      <c r="BT33" s="315">
        <v>0</v>
      </c>
      <c r="BU33" s="315">
        <v>0</v>
      </c>
      <c r="BV33" s="315">
        <v>0</v>
      </c>
      <c r="BW33" s="315">
        <v>0</v>
      </c>
      <c r="BX33" s="315">
        <v>0</v>
      </c>
      <c r="BY33" s="312">
        <v>0</v>
      </c>
      <c r="BZ33" s="317">
        <v>0</v>
      </c>
      <c r="CA33" s="311">
        <v>0</v>
      </c>
      <c r="CB33" s="315">
        <v>0</v>
      </c>
      <c r="CC33" s="312">
        <v>0</v>
      </c>
      <c r="CD33" s="314">
        <v>0</v>
      </c>
      <c r="CE33" s="315">
        <v>0</v>
      </c>
      <c r="CF33" s="315">
        <v>0</v>
      </c>
      <c r="CG33" s="315">
        <v>0</v>
      </c>
      <c r="CH33" s="315">
        <v>0</v>
      </c>
      <c r="CI33" s="315">
        <v>0</v>
      </c>
      <c r="CJ33" s="312">
        <v>0</v>
      </c>
      <c r="CK33" s="317">
        <v>0</v>
      </c>
      <c r="CL33" s="311">
        <v>0</v>
      </c>
      <c r="CM33" s="315">
        <v>0</v>
      </c>
      <c r="CN33" s="312">
        <v>0</v>
      </c>
      <c r="CO33" s="314">
        <v>0</v>
      </c>
      <c r="CP33" s="315">
        <v>0</v>
      </c>
      <c r="CQ33" s="315">
        <v>0</v>
      </c>
      <c r="CR33" s="315">
        <v>0</v>
      </c>
      <c r="CS33" s="315">
        <v>0</v>
      </c>
      <c r="CT33" s="315">
        <v>0</v>
      </c>
      <c r="CU33" s="312">
        <v>0</v>
      </c>
      <c r="CV33" s="317">
        <v>0</v>
      </c>
    </row>
    <row r="34" spans="1:100" ht="21" customHeight="1" x14ac:dyDescent="0.2">
      <c r="A34" s="296" t="s">
        <v>32</v>
      </c>
      <c r="B34" s="311">
        <v>0</v>
      </c>
      <c r="C34" s="312">
        <v>0</v>
      </c>
      <c r="D34" s="313">
        <v>0</v>
      </c>
      <c r="E34" s="314">
        <v>0</v>
      </c>
      <c r="F34" s="315">
        <v>0</v>
      </c>
      <c r="G34" s="315">
        <v>1</v>
      </c>
      <c r="H34" s="315">
        <v>0</v>
      </c>
      <c r="I34" s="315">
        <v>0</v>
      </c>
      <c r="J34" s="315">
        <v>0</v>
      </c>
      <c r="K34" s="316">
        <v>1</v>
      </c>
      <c r="L34" s="317">
        <v>1</v>
      </c>
      <c r="M34" s="311">
        <v>0</v>
      </c>
      <c r="N34" s="315">
        <v>0</v>
      </c>
      <c r="O34" s="312">
        <v>0</v>
      </c>
      <c r="P34" s="314">
        <v>0</v>
      </c>
      <c r="Q34" s="315">
        <v>0</v>
      </c>
      <c r="R34" s="315">
        <v>0</v>
      </c>
      <c r="S34" s="315">
        <v>0</v>
      </c>
      <c r="T34" s="315">
        <v>0</v>
      </c>
      <c r="U34" s="315">
        <v>0</v>
      </c>
      <c r="V34" s="312">
        <v>0</v>
      </c>
      <c r="W34" s="317">
        <v>0</v>
      </c>
      <c r="X34" s="311">
        <v>0</v>
      </c>
      <c r="Y34" s="315">
        <v>0</v>
      </c>
      <c r="Z34" s="312">
        <v>0</v>
      </c>
      <c r="AA34" s="314">
        <v>0</v>
      </c>
      <c r="AB34" s="315">
        <v>3</v>
      </c>
      <c r="AC34" s="315">
        <v>1</v>
      </c>
      <c r="AD34" s="315">
        <v>1</v>
      </c>
      <c r="AE34" s="315">
        <v>1</v>
      </c>
      <c r="AF34" s="315">
        <v>0</v>
      </c>
      <c r="AG34" s="312">
        <v>6</v>
      </c>
      <c r="AH34" s="317">
        <v>6</v>
      </c>
      <c r="AI34" s="311">
        <v>0</v>
      </c>
      <c r="AJ34" s="315">
        <v>0</v>
      </c>
      <c r="AK34" s="312">
        <v>0</v>
      </c>
      <c r="AL34" s="314">
        <v>0</v>
      </c>
      <c r="AM34" s="315">
        <v>0</v>
      </c>
      <c r="AN34" s="315">
        <v>0</v>
      </c>
      <c r="AO34" s="315">
        <v>0</v>
      </c>
      <c r="AP34" s="315">
        <v>1</v>
      </c>
      <c r="AQ34" s="315">
        <v>0</v>
      </c>
      <c r="AR34" s="312">
        <v>1</v>
      </c>
      <c r="AS34" s="317">
        <v>1</v>
      </c>
      <c r="AT34" s="311">
        <v>0</v>
      </c>
      <c r="AU34" s="315">
        <v>0</v>
      </c>
      <c r="AV34" s="312">
        <v>0</v>
      </c>
      <c r="AW34" s="314">
        <v>0</v>
      </c>
      <c r="AX34" s="315">
        <v>0</v>
      </c>
      <c r="AY34" s="315">
        <v>0</v>
      </c>
      <c r="AZ34" s="315">
        <v>0</v>
      </c>
      <c r="BA34" s="315">
        <v>0</v>
      </c>
      <c r="BB34" s="315">
        <v>0</v>
      </c>
      <c r="BC34" s="312">
        <v>0</v>
      </c>
      <c r="BD34" s="317">
        <v>0</v>
      </c>
      <c r="BE34" s="311">
        <v>0</v>
      </c>
      <c r="BF34" s="315">
        <v>0</v>
      </c>
      <c r="BG34" s="312">
        <v>0</v>
      </c>
      <c r="BH34" s="314">
        <v>0</v>
      </c>
      <c r="BI34" s="315">
        <v>0</v>
      </c>
      <c r="BJ34" s="315">
        <v>1</v>
      </c>
      <c r="BK34" s="315">
        <v>1</v>
      </c>
      <c r="BL34" s="315">
        <v>0</v>
      </c>
      <c r="BM34" s="315">
        <v>0</v>
      </c>
      <c r="BN34" s="316">
        <v>2</v>
      </c>
      <c r="BO34" s="317">
        <v>2</v>
      </c>
      <c r="BP34" s="311">
        <v>0</v>
      </c>
      <c r="BQ34" s="315">
        <v>0</v>
      </c>
      <c r="BR34" s="312">
        <v>0</v>
      </c>
      <c r="BS34" s="314">
        <v>0</v>
      </c>
      <c r="BT34" s="315">
        <v>0</v>
      </c>
      <c r="BU34" s="315">
        <v>0</v>
      </c>
      <c r="BV34" s="315">
        <v>0</v>
      </c>
      <c r="BW34" s="315">
        <v>0</v>
      </c>
      <c r="BX34" s="315">
        <v>0</v>
      </c>
      <c r="BY34" s="312">
        <v>0</v>
      </c>
      <c r="BZ34" s="317">
        <v>0</v>
      </c>
      <c r="CA34" s="311">
        <v>0</v>
      </c>
      <c r="CB34" s="315">
        <v>0</v>
      </c>
      <c r="CC34" s="312">
        <v>0</v>
      </c>
      <c r="CD34" s="314">
        <v>0</v>
      </c>
      <c r="CE34" s="315">
        <v>0</v>
      </c>
      <c r="CF34" s="315">
        <v>0</v>
      </c>
      <c r="CG34" s="315">
        <v>1</v>
      </c>
      <c r="CH34" s="315">
        <v>0</v>
      </c>
      <c r="CI34" s="315">
        <v>0</v>
      </c>
      <c r="CJ34" s="312">
        <v>1</v>
      </c>
      <c r="CK34" s="317">
        <v>1</v>
      </c>
      <c r="CL34" s="311">
        <v>0</v>
      </c>
      <c r="CM34" s="315">
        <v>0</v>
      </c>
      <c r="CN34" s="312">
        <v>0</v>
      </c>
      <c r="CO34" s="314">
        <v>0</v>
      </c>
      <c r="CP34" s="315">
        <v>0</v>
      </c>
      <c r="CQ34" s="315">
        <v>0</v>
      </c>
      <c r="CR34" s="315">
        <v>0</v>
      </c>
      <c r="CS34" s="315">
        <v>0</v>
      </c>
      <c r="CT34" s="315">
        <v>0</v>
      </c>
      <c r="CU34" s="312">
        <v>0</v>
      </c>
      <c r="CV34" s="317">
        <v>0</v>
      </c>
    </row>
    <row r="35" spans="1:100" ht="21" customHeight="1" x14ac:dyDescent="0.2">
      <c r="A35" s="296" t="s">
        <v>33</v>
      </c>
      <c r="B35" s="311">
        <v>0</v>
      </c>
      <c r="C35" s="312">
        <v>0</v>
      </c>
      <c r="D35" s="313">
        <v>0</v>
      </c>
      <c r="E35" s="314">
        <v>0</v>
      </c>
      <c r="F35" s="315">
        <v>0</v>
      </c>
      <c r="G35" s="315">
        <v>0</v>
      </c>
      <c r="H35" s="315">
        <v>0</v>
      </c>
      <c r="I35" s="315">
        <v>0</v>
      </c>
      <c r="J35" s="315">
        <v>0</v>
      </c>
      <c r="K35" s="316">
        <v>0</v>
      </c>
      <c r="L35" s="317">
        <v>0</v>
      </c>
      <c r="M35" s="311">
        <v>0</v>
      </c>
      <c r="N35" s="315">
        <v>0</v>
      </c>
      <c r="O35" s="312">
        <v>0</v>
      </c>
      <c r="P35" s="314">
        <v>0</v>
      </c>
      <c r="Q35" s="315">
        <v>0</v>
      </c>
      <c r="R35" s="315">
        <v>0</v>
      </c>
      <c r="S35" s="315">
        <v>0</v>
      </c>
      <c r="T35" s="315">
        <v>0</v>
      </c>
      <c r="U35" s="315">
        <v>0</v>
      </c>
      <c r="V35" s="312">
        <v>0</v>
      </c>
      <c r="W35" s="317">
        <v>0</v>
      </c>
      <c r="X35" s="311">
        <v>0</v>
      </c>
      <c r="Y35" s="315">
        <v>0</v>
      </c>
      <c r="Z35" s="312">
        <v>0</v>
      </c>
      <c r="AA35" s="314">
        <v>0</v>
      </c>
      <c r="AB35" s="315">
        <v>2</v>
      </c>
      <c r="AC35" s="315">
        <v>0</v>
      </c>
      <c r="AD35" s="315">
        <v>0</v>
      </c>
      <c r="AE35" s="315">
        <v>0</v>
      </c>
      <c r="AF35" s="315">
        <v>0</v>
      </c>
      <c r="AG35" s="312">
        <v>2</v>
      </c>
      <c r="AH35" s="317">
        <v>2</v>
      </c>
      <c r="AI35" s="311">
        <v>0</v>
      </c>
      <c r="AJ35" s="315">
        <v>0</v>
      </c>
      <c r="AK35" s="312">
        <v>0</v>
      </c>
      <c r="AL35" s="314">
        <v>0</v>
      </c>
      <c r="AM35" s="315">
        <v>0</v>
      </c>
      <c r="AN35" s="315">
        <v>0</v>
      </c>
      <c r="AO35" s="315">
        <v>0</v>
      </c>
      <c r="AP35" s="315">
        <v>0</v>
      </c>
      <c r="AQ35" s="315">
        <v>0</v>
      </c>
      <c r="AR35" s="312">
        <v>0</v>
      </c>
      <c r="AS35" s="317">
        <v>0</v>
      </c>
      <c r="AT35" s="311">
        <v>0</v>
      </c>
      <c r="AU35" s="315">
        <v>0</v>
      </c>
      <c r="AV35" s="312">
        <v>0</v>
      </c>
      <c r="AW35" s="314">
        <v>0</v>
      </c>
      <c r="AX35" s="315">
        <v>0</v>
      </c>
      <c r="AY35" s="315">
        <v>0</v>
      </c>
      <c r="AZ35" s="315">
        <v>0</v>
      </c>
      <c r="BA35" s="315">
        <v>0</v>
      </c>
      <c r="BB35" s="315">
        <v>0</v>
      </c>
      <c r="BC35" s="312">
        <v>0</v>
      </c>
      <c r="BD35" s="317">
        <v>0</v>
      </c>
      <c r="BE35" s="311">
        <v>0</v>
      </c>
      <c r="BF35" s="315">
        <v>0</v>
      </c>
      <c r="BG35" s="312">
        <v>0</v>
      </c>
      <c r="BH35" s="314">
        <v>0</v>
      </c>
      <c r="BI35" s="315">
        <v>0</v>
      </c>
      <c r="BJ35" s="315">
        <v>0</v>
      </c>
      <c r="BK35" s="315">
        <v>1</v>
      </c>
      <c r="BL35" s="315">
        <v>0</v>
      </c>
      <c r="BM35" s="315">
        <v>0</v>
      </c>
      <c r="BN35" s="316">
        <v>1</v>
      </c>
      <c r="BO35" s="317">
        <v>1</v>
      </c>
      <c r="BP35" s="311">
        <v>0</v>
      </c>
      <c r="BQ35" s="315">
        <v>0</v>
      </c>
      <c r="BR35" s="312">
        <v>0</v>
      </c>
      <c r="BS35" s="314">
        <v>0</v>
      </c>
      <c r="BT35" s="315">
        <v>0</v>
      </c>
      <c r="BU35" s="315">
        <v>0</v>
      </c>
      <c r="BV35" s="315">
        <v>0</v>
      </c>
      <c r="BW35" s="315">
        <v>0</v>
      </c>
      <c r="BX35" s="315">
        <v>0</v>
      </c>
      <c r="BY35" s="312">
        <v>0</v>
      </c>
      <c r="BZ35" s="317">
        <v>0</v>
      </c>
      <c r="CA35" s="311">
        <v>0</v>
      </c>
      <c r="CB35" s="315">
        <v>0</v>
      </c>
      <c r="CC35" s="312">
        <v>0</v>
      </c>
      <c r="CD35" s="314">
        <v>0</v>
      </c>
      <c r="CE35" s="315">
        <v>0</v>
      </c>
      <c r="CF35" s="315">
        <v>0</v>
      </c>
      <c r="CG35" s="315">
        <v>0</v>
      </c>
      <c r="CH35" s="315">
        <v>0</v>
      </c>
      <c r="CI35" s="315">
        <v>0</v>
      </c>
      <c r="CJ35" s="312">
        <v>0</v>
      </c>
      <c r="CK35" s="317">
        <v>0</v>
      </c>
      <c r="CL35" s="311">
        <v>0</v>
      </c>
      <c r="CM35" s="315">
        <v>0</v>
      </c>
      <c r="CN35" s="312">
        <v>0</v>
      </c>
      <c r="CO35" s="314">
        <v>0</v>
      </c>
      <c r="CP35" s="315">
        <v>1</v>
      </c>
      <c r="CQ35" s="315">
        <v>1</v>
      </c>
      <c r="CR35" s="315">
        <v>0</v>
      </c>
      <c r="CS35" s="315">
        <v>0</v>
      </c>
      <c r="CT35" s="315">
        <v>0</v>
      </c>
      <c r="CU35" s="312">
        <v>2</v>
      </c>
      <c r="CV35" s="317">
        <v>2</v>
      </c>
    </row>
    <row r="36" spans="1:100" ht="21" customHeight="1" x14ac:dyDescent="0.2">
      <c r="A36" s="296" t="s">
        <v>34</v>
      </c>
      <c r="B36" s="311">
        <v>0</v>
      </c>
      <c r="C36" s="312">
        <v>0</v>
      </c>
      <c r="D36" s="313">
        <v>0</v>
      </c>
      <c r="E36" s="314">
        <v>0</v>
      </c>
      <c r="F36" s="315">
        <v>0</v>
      </c>
      <c r="G36" s="315">
        <v>0</v>
      </c>
      <c r="H36" s="315">
        <v>0</v>
      </c>
      <c r="I36" s="315">
        <v>0</v>
      </c>
      <c r="J36" s="315">
        <v>0</v>
      </c>
      <c r="K36" s="316">
        <v>0</v>
      </c>
      <c r="L36" s="317">
        <v>0</v>
      </c>
      <c r="M36" s="311">
        <v>0</v>
      </c>
      <c r="N36" s="315">
        <v>0</v>
      </c>
      <c r="O36" s="312">
        <v>0</v>
      </c>
      <c r="P36" s="314">
        <v>0</v>
      </c>
      <c r="Q36" s="315">
        <v>0</v>
      </c>
      <c r="R36" s="315">
        <v>0</v>
      </c>
      <c r="S36" s="315">
        <v>0</v>
      </c>
      <c r="T36" s="315">
        <v>0</v>
      </c>
      <c r="U36" s="315">
        <v>0</v>
      </c>
      <c r="V36" s="312">
        <v>0</v>
      </c>
      <c r="W36" s="317">
        <v>0</v>
      </c>
      <c r="X36" s="311">
        <v>0</v>
      </c>
      <c r="Y36" s="315">
        <v>0</v>
      </c>
      <c r="Z36" s="312">
        <v>0</v>
      </c>
      <c r="AA36" s="314">
        <v>0</v>
      </c>
      <c r="AB36" s="315">
        <v>3</v>
      </c>
      <c r="AC36" s="315">
        <v>0</v>
      </c>
      <c r="AD36" s="315">
        <v>0</v>
      </c>
      <c r="AE36" s="315">
        <v>0</v>
      </c>
      <c r="AF36" s="315">
        <v>0</v>
      </c>
      <c r="AG36" s="312">
        <v>3</v>
      </c>
      <c r="AH36" s="317">
        <v>3</v>
      </c>
      <c r="AI36" s="311">
        <v>0</v>
      </c>
      <c r="AJ36" s="315">
        <v>0</v>
      </c>
      <c r="AK36" s="312">
        <v>0</v>
      </c>
      <c r="AL36" s="314">
        <v>0</v>
      </c>
      <c r="AM36" s="315">
        <v>0</v>
      </c>
      <c r="AN36" s="315">
        <v>0</v>
      </c>
      <c r="AO36" s="315">
        <v>0</v>
      </c>
      <c r="AP36" s="315">
        <v>0</v>
      </c>
      <c r="AQ36" s="315">
        <v>0</v>
      </c>
      <c r="AR36" s="312">
        <v>0</v>
      </c>
      <c r="AS36" s="317">
        <v>0</v>
      </c>
      <c r="AT36" s="311">
        <v>0</v>
      </c>
      <c r="AU36" s="315">
        <v>0</v>
      </c>
      <c r="AV36" s="312">
        <v>0</v>
      </c>
      <c r="AW36" s="314">
        <v>0</v>
      </c>
      <c r="AX36" s="315">
        <v>1</v>
      </c>
      <c r="AY36" s="315">
        <v>0</v>
      </c>
      <c r="AZ36" s="315">
        <v>0</v>
      </c>
      <c r="BA36" s="315">
        <v>0</v>
      </c>
      <c r="BB36" s="315">
        <v>0</v>
      </c>
      <c r="BC36" s="312">
        <v>1</v>
      </c>
      <c r="BD36" s="317">
        <v>1</v>
      </c>
      <c r="BE36" s="311">
        <v>0</v>
      </c>
      <c r="BF36" s="315">
        <v>0</v>
      </c>
      <c r="BG36" s="312">
        <v>0</v>
      </c>
      <c r="BH36" s="314">
        <v>0</v>
      </c>
      <c r="BI36" s="315">
        <v>0</v>
      </c>
      <c r="BJ36" s="315">
        <v>0</v>
      </c>
      <c r="BK36" s="315">
        <v>0</v>
      </c>
      <c r="BL36" s="315">
        <v>0</v>
      </c>
      <c r="BM36" s="315">
        <v>0</v>
      </c>
      <c r="BN36" s="316">
        <v>0</v>
      </c>
      <c r="BO36" s="317">
        <v>0</v>
      </c>
      <c r="BP36" s="311">
        <v>0</v>
      </c>
      <c r="BQ36" s="315">
        <v>0</v>
      </c>
      <c r="BR36" s="312">
        <v>0</v>
      </c>
      <c r="BS36" s="314">
        <v>0</v>
      </c>
      <c r="BT36" s="315">
        <v>0</v>
      </c>
      <c r="BU36" s="315">
        <v>0</v>
      </c>
      <c r="BV36" s="315">
        <v>0</v>
      </c>
      <c r="BW36" s="315">
        <v>0</v>
      </c>
      <c r="BX36" s="315">
        <v>0</v>
      </c>
      <c r="BY36" s="312">
        <v>0</v>
      </c>
      <c r="BZ36" s="317">
        <v>0</v>
      </c>
      <c r="CA36" s="311">
        <v>0</v>
      </c>
      <c r="CB36" s="315">
        <v>0</v>
      </c>
      <c r="CC36" s="312">
        <v>0</v>
      </c>
      <c r="CD36" s="314">
        <v>0</v>
      </c>
      <c r="CE36" s="315">
        <v>0</v>
      </c>
      <c r="CF36" s="315">
        <v>0</v>
      </c>
      <c r="CG36" s="315">
        <v>0</v>
      </c>
      <c r="CH36" s="315">
        <v>0</v>
      </c>
      <c r="CI36" s="315">
        <v>0</v>
      </c>
      <c r="CJ36" s="312">
        <v>0</v>
      </c>
      <c r="CK36" s="317">
        <v>0</v>
      </c>
      <c r="CL36" s="311">
        <v>0</v>
      </c>
      <c r="CM36" s="315">
        <v>0</v>
      </c>
      <c r="CN36" s="312">
        <v>0</v>
      </c>
      <c r="CO36" s="314">
        <v>0</v>
      </c>
      <c r="CP36" s="315">
        <v>0</v>
      </c>
      <c r="CQ36" s="315">
        <v>0</v>
      </c>
      <c r="CR36" s="315">
        <v>1</v>
      </c>
      <c r="CS36" s="315">
        <v>0</v>
      </c>
      <c r="CT36" s="315">
        <v>0</v>
      </c>
      <c r="CU36" s="312">
        <v>1</v>
      </c>
      <c r="CV36" s="317">
        <v>1</v>
      </c>
    </row>
    <row r="37" spans="1:100" ht="21" customHeight="1" x14ac:dyDescent="0.2">
      <c r="A37" s="296" t="s">
        <v>35</v>
      </c>
      <c r="B37" s="311">
        <v>0</v>
      </c>
      <c r="C37" s="312">
        <v>0</v>
      </c>
      <c r="D37" s="313">
        <v>0</v>
      </c>
      <c r="E37" s="314">
        <v>0</v>
      </c>
      <c r="F37" s="315">
        <v>0</v>
      </c>
      <c r="G37" s="315">
        <v>1</v>
      </c>
      <c r="H37" s="315">
        <v>0</v>
      </c>
      <c r="I37" s="315">
        <v>0</v>
      </c>
      <c r="J37" s="315">
        <v>0</v>
      </c>
      <c r="K37" s="316">
        <v>1</v>
      </c>
      <c r="L37" s="317">
        <v>1</v>
      </c>
      <c r="M37" s="311">
        <v>0</v>
      </c>
      <c r="N37" s="315">
        <v>0</v>
      </c>
      <c r="O37" s="312">
        <v>0</v>
      </c>
      <c r="P37" s="314">
        <v>0</v>
      </c>
      <c r="Q37" s="315">
        <v>0</v>
      </c>
      <c r="R37" s="315">
        <v>0</v>
      </c>
      <c r="S37" s="315">
        <v>0</v>
      </c>
      <c r="T37" s="315">
        <v>0</v>
      </c>
      <c r="U37" s="315">
        <v>0</v>
      </c>
      <c r="V37" s="312">
        <v>0</v>
      </c>
      <c r="W37" s="317">
        <v>0</v>
      </c>
      <c r="X37" s="311">
        <v>0</v>
      </c>
      <c r="Y37" s="315">
        <v>0</v>
      </c>
      <c r="Z37" s="312">
        <v>0</v>
      </c>
      <c r="AA37" s="314">
        <v>0</v>
      </c>
      <c r="AB37" s="315">
        <v>0</v>
      </c>
      <c r="AC37" s="315">
        <v>1</v>
      </c>
      <c r="AD37" s="315">
        <v>0</v>
      </c>
      <c r="AE37" s="315">
        <v>0</v>
      </c>
      <c r="AF37" s="315">
        <v>0</v>
      </c>
      <c r="AG37" s="312">
        <v>1</v>
      </c>
      <c r="AH37" s="317">
        <v>1</v>
      </c>
      <c r="AI37" s="311">
        <v>0</v>
      </c>
      <c r="AJ37" s="315">
        <v>0</v>
      </c>
      <c r="AK37" s="312">
        <v>0</v>
      </c>
      <c r="AL37" s="314">
        <v>0</v>
      </c>
      <c r="AM37" s="315">
        <v>0</v>
      </c>
      <c r="AN37" s="315">
        <v>0</v>
      </c>
      <c r="AO37" s="315">
        <v>0</v>
      </c>
      <c r="AP37" s="315">
        <v>0</v>
      </c>
      <c r="AQ37" s="315">
        <v>0</v>
      </c>
      <c r="AR37" s="312">
        <v>0</v>
      </c>
      <c r="AS37" s="317">
        <v>0</v>
      </c>
      <c r="AT37" s="311">
        <v>0</v>
      </c>
      <c r="AU37" s="315">
        <v>0</v>
      </c>
      <c r="AV37" s="312">
        <v>0</v>
      </c>
      <c r="AW37" s="314">
        <v>0</v>
      </c>
      <c r="AX37" s="315">
        <v>1</v>
      </c>
      <c r="AY37" s="315">
        <v>0</v>
      </c>
      <c r="AZ37" s="315">
        <v>0</v>
      </c>
      <c r="BA37" s="315">
        <v>0</v>
      </c>
      <c r="BB37" s="315">
        <v>0</v>
      </c>
      <c r="BC37" s="312">
        <v>1</v>
      </c>
      <c r="BD37" s="317">
        <v>1</v>
      </c>
      <c r="BE37" s="311">
        <v>0</v>
      </c>
      <c r="BF37" s="315">
        <v>0</v>
      </c>
      <c r="BG37" s="312">
        <v>0</v>
      </c>
      <c r="BH37" s="314">
        <v>0</v>
      </c>
      <c r="BI37" s="315">
        <v>0</v>
      </c>
      <c r="BJ37" s="315">
        <v>1</v>
      </c>
      <c r="BK37" s="315">
        <v>0</v>
      </c>
      <c r="BL37" s="315">
        <v>0</v>
      </c>
      <c r="BM37" s="315">
        <v>0</v>
      </c>
      <c r="BN37" s="316">
        <v>1</v>
      </c>
      <c r="BO37" s="317">
        <v>1</v>
      </c>
      <c r="BP37" s="311">
        <v>0</v>
      </c>
      <c r="BQ37" s="315">
        <v>0</v>
      </c>
      <c r="BR37" s="312">
        <v>0</v>
      </c>
      <c r="BS37" s="314">
        <v>0</v>
      </c>
      <c r="BT37" s="315">
        <v>0</v>
      </c>
      <c r="BU37" s="315">
        <v>0</v>
      </c>
      <c r="BV37" s="315">
        <v>0</v>
      </c>
      <c r="BW37" s="315">
        <v>0</v>
      </c>
      <c r="BX37" s="315">
        <v>0</v>
      </c>
      <c r="BY37" s="312">
        <v>0</v>
      </c>
      <c r="BZ37" s="317">
        <v>0</v>
      </c>
      <c r="CA37" s="311">
        <v>0</v>
      </c>
      <c r="CB37" s="315">
        <v>0</v>
      </c>
      <c r="CC37" s="312">
        <v>0</v>
      </c>
      <c r="CD37" s="314">
        <v>0</v>
      </c>
      <c r="CE37" s="315">
        <v>0</v>
      </c>
      <c r="CF37" s="315">
        <v>0</v>
      </c>
      <c r="CG37" s="315">
        <v>0</v>
      </c>
      <c r="CH37" s="315">
        <v>0</v>
      </c>
      <c r="CI37" s="315">
        <v>0</v>
      </c>
      <c r="CJ37" s="312">
        <v>0</v>
      </c>
      <c r="CK37" s="317">
        <v>0</v>
      </c>
      <c r="CL37" s="311">
        <v>0</v>
      </c>
      <c r="CM37" s="315">
        <v>0</v>
      </c>
      <c r="CN37" s="312">
        <v>0</v>
      </c>
      <c r="CO37" s="314">
        <v>0</v>
      </c>
      <c r="CP37" s="315">
        <v>0</v>
      </c>
      <c r="CQ37" s="315">
        <v>0</v>
      </c>
      <c r="CR37" s="315">
        <v>0</v>
      </c>
      <c r="CS37" s="315">
        <v>0</v>
      </c>
      <c r="CT37" s="315">
        <v>0</v>
      </c>
      <c r="CU37" s="312">
        <v>0</v>
      </c>
      <c r="CV37" s="317">
        <v>0</v>
      </c>
    </row>
    <row r="38" spans="1:100" ht="21" customHeight="1" x14ac:dyDescent="0.2">
      <c r="A38" s="296" t="s">
        <v>36</v>
      </c>
      <c r="B38" s="311">
        <v>0</v>
      </c>
      <c r="C38" s="312">
        <v>0</v>
      </c>
      <c r="D38" s="313">
        <v>0</v>
      </c>
      <c r="E38" s="314">
        <v>0</v>
      </c>
      <c r="F38" s="315">
        <v>0</v>
      </c>
      <c r="G38" s="315">
        <v>0</v>
      </c>
      <c r="H38" s="315">
        <v>0</v>
      </c>
      <c r="I38" s="315">
        <v>0</v>
      </c>
      <c r="J38" s="315">
        <v>0</v>
      </c>
      <c r="K38" s="316">
        <v>0</v>
      </c>
      <c r="L38" s="317">
        <v>0</v>
      </c>
      <c r="M38" s="311">
        <v>0</v>
      </c>
      <c r="N38" s="315">
        <v>0</v>
      </c>
      <c r="O38" s="312">
        <v>0</v>
      </c>
      <c r="P38" s="314">
        <v>0</v>
      </c>
      <c r="Q38" s="315">
        <v>0</v>
      </c>
      <c r="R38" s="315">
        <v>0</v>
      </c>
      <c r="S38" s="315">
        <v>0</v>
      </c>
      <c r="T38" s="315">
        <v>0</v>
      </c>
      <c r="U38" s="315">
        <v>0</v>
      </c>
      <c r="V38" s="312">
        <v>0</v>
      </c>
      <c r="W38" s="317">
        <v>0</v>
      </c>
      <c r="X38" s="311">
        <v>0</v>
      </c>
      <c r="Y38" s="315">
        <v>0</v>
      </c>
      <c r="Z38" s="312">
        <v>0</v>
      </c>
      <c r="AA38" s="314">
        <v>0</v>
      </c>
      <c r="AB38" s="315">
        <v>3</v>
      </c>
      <c r="AC38" s="315">
        <v>1</v>
      </c>
      <c r="AD38" s="315">
        <v>0</v>
      </c>
      <c r="AE38" s="315">
        <v>0</v>
      </c>
      <c r="AF38" s="315">
        <v>1</v>
      </c>
      <c r="AG38" s="312">
        <v>5</v>
      </c>
      <c r="AH38" s="317">
        <v>5</v>
      </c>
      <c r="AI38" s="311">
        <v>0</v>
      </c>
      <c r="AJ38" s="315">
        <v>0</v>
      </c>
      <c r="AK38" s="312">
        <v>0</v>
      </c>
      <c r="AL38" s="314">
        <v>0</v>
      </c>
      <c r="AM38" s="315">
        <v>0</v>
      </c>
      <c r="AN38" s="315">
        <v>0</v>
      </c>
      <c r="AO38" s="315">
        <v>0</v>
      </c>
      <c r="AP38" s="315">
        <v>0</v>
      </c>
      <c r="AQ38" s="315">
        <v>0</v>
      </c>
      <c r="AR38" s="312">
        <v>0</v>
      </c>
      <c r="AS38" s="317">
        <v>0</v>
      </c>
      <c r="AT38" s="311">
        <v>0</v>
      </c>
      <c r="AU38" s="315">
        <v>0</v>
      </c>
      <c r="AV38" s="312">
        <v>0</v>
      </c>
      <c r="AW38" s="314">
        <v>0</v>
      </c>
      <c r="AX38" s="315">
        <v>0</v>
      </c>
      <c r="AY38" s="315">
        <v>0</v>
      </c>
      <c r="AZ38" s="315">
        <v>0</v>
      </c>
      <c r="BA38" s="315">
        <v>1</v>
      </c>
      <c r="BB38" s="315">
        <v>0</v>
      </c>
      <c r="BC38" s="312">
        <v>1</v>
      </c>
      <c r="BD38" s="317">
        <v>1</v>
      </c>
      <c r="BE38" s="311">
        <v>0</v>
      </c>
      <c r="BF38" s="315">
        <v>0</v>
      </c>
      <c r="BG38" s="312">
        <v>0</v>
      </c>
      <c r="BH38" s="314">
        <v>0</v>
      </c>
      <c r="BI38" s="315">
        <v>0</v>
      </c>
      <c r="BJ38" s="315">
        <v>0</v>
      </c>
      <c r="BK38" s="315">
        <v>2</v>
      </c>
      <c r="BL38" s="315">
        <v>0</v>
      </c>
      <c r="BM38" s="315">
        <v>0</v>
      </c>
      <c r="BN38" s="316">
        <v>2</v>
      </c>
      <c r="BO38" s="317">
        <v>2</v>
      </c>
      <c r="BP38" s="311">
        <v>0</v>
      </c>
      <c r="BQ38" s="315">
        <v>0</v>
      </c>
      <c r="BR38" s="312">
        <v>0</v>
      </c>
      <c r="BS38" s="314">
        <v>0</v>
      </c>
      <c r="BT38" s="315">
        <v>0</v>
      </c>
      <c r="BU38" s="315">
        <v>0</v>
      </c>
      <c r="BV38" s="315">
        <v>0</v>
      </c>
      <c r="BW38" s="315">
        <v>0</v>
      </c>
      <c r="BX38" s="315">
        <v>0</v>
      </c>
      <c r="BY38" s="312">
        <v>0</v>
      </c>
      <c r="BZ38" s="317">
        <v>0</v>
      </c>
      <c r="CA38" s="311">
        <v>0</v>
      </c>
      <c r="CB38" s="315">
        <v>0</v>
      </c>
      <c r="CC38" s="312">
        <v>0</v>
      </c>
      <c r="CD38" s="314">
        <v>0</v>
      </c>
      <c r="CE38" s="315">
        <v>0</v>
      </c>
      <c r="CF38" s="315">
        <v>0</v>
      </c>
      <c r="CG38" s="315">
        <v>0</v>
      </c>
      <c r="CH38" s="315">
        <v>0</v>
      </c>
      <c r="CI38" s="315">
        <v>0</v>
      </c>
      <c r="CJ38" s="312">
        <v>0</v>
      </c>
      <c r="CK38" s="317">
        <v>0</v>
      </c>
      <c r="CL38" s="311">
        <v>0</v>
      </c>
      <c r="CM38" s="315">
        <v>0</v>
      </c>
      <c r="CN38" s="312">
        <v>0</v>
      </c>
      <c r="CO38" s="314">
        <v>0</v>
      </c>
      <c r="CP38" s="315">
        <v>0</v>
      </c>
      <c r="CQ38" s="315">
        <v>0</v>
      </c>
      <c r="CR38" s="315">
        <v>0</v>
      </c>
      <c r="CS38" s="315">
        <v>0</v>
      </c>
      <c r="CT38" s="315">
        <v>0</v>
      </c>
      <c r="CU38" s="312">
        <v>0</v>
      </c>
      <c r="CV38" s="317">
        <v>0</v>
      </c>
    </row>
    <row r="39" spans="1:100" ht="21" customHeight="1" thickBot="1" x14ac:dyDescent="0.25">
      <c r="A39" s="297" t="s">
        <v>37</v>
      </c>
      <c r="B39" s="318">
        <v>0</v>
      </c>
      <c r="C39" s="319">
        <v>0</v>
      </c>
      <c r="D39" s="320">
        <v>0</v>
      </c>
      <c r="E39" s="321">
        <v>0</v>
      </c>
      <c r="F39" s="322">
        <v>0</v>
      </c>
      <c r="G39" s="322">
        <v>0</v>
      </c>
      <c r="H39" s="322">
        <v>0</v>
      </c>
      <c r="I39" s="322">
        <v>0</v>
      </c>
      <c r="J39" s="322">
        <v>0</v>
      </c>
      <c r="K39" s="323">
        <v>0</v>
      </c>
      <c r="L39" s="324">
        <v>0</v>
      </c>
      <c r="M39" s="318">
        <v>0</v>
      </c>
      <c r="N39" s="322">
        <v>0</v>
      </c>
      <c r="O39" s="319">
        <v>0</v>
      </c>
      <c r="P39" s="321">
        <v>0</v>
      </c>
      <c r="Q39" s="322">
        <v>0</v>
      </c>
      <c r="R39" s="322">
        <v>0</v>
      </c>
      <c r="S39" s="322">
        <v>0</v>
      </c>
      <c r="T39" s="322">
        <v>0</v>
      </c>
      <c r="U39" s="322">
        <v>0</v>
      </c>
      <c r="V39" s="319">
        <v>0</v>
      </c>
      <c r="W39" s="324">
        <v>0</v>
      </c>
      <c r="X39" s="318">
        <v>0</v>
      </c>
      <c r="Y39" s="322">
        <v>0</v>
      </c>
      <c r="Z39" s="319">
        <v>0</v>
      </c>
      <c r="AA39" s="321">
        <v>0</v>
      </c>
      <c r="AB39" s="322">
        <v>0</v>
      </c>
      <c r="AC39" s="322">
        <v>0</v>
      </c>
      <c r="AD39" s="322">
        <v>0</v>
      </c>
      <c r="AE39" s="322">
        <v>0</v>
      </c>
      <c r="AF39" s="322">
        <v>0</v>
      </c>
      <c r="AG39" s="319">
        <v>0</v>
      </c>
      <c r="AH39" s="324">
        <v>0</v>
      </c>
      <c r="AI39" s="318">
        <v>0</v>
      </c>
      <c r="AJ39" s="322">
        <v>0</v>
      </c>
      <c r="AK39" s="319">
        <v>0</v>
      </c>
      <c r="AL39" s="321">
        <v>0</v>
      </c>
      <c r="AM39" s="322">
        <v>0</v>
      </c>
      <c r="AN39" s="322">
        <v>0</v>
      </c>
      <c r="AO39" s="322">
        <v>0</v>
      </c>
      <c r="AP39" s="322">
        <v>0</v>
      </c>
      <c r="AQ39" s="322">
        <v>0</v>
      </c>
      <c r="AR39" s="319">
        <v>0</v>
      </c>
      <c r="AS39" s="324">
        <v>0</v>
      </c>
      <c r="AT39" s="318">
        <v>0</v>
      </c>
      <c r="AU39" s="322">
        <v>0</v>
      </c>
      <c r="AV39" s="319">
        <v>0</v>
      </c>
      <c r="AW39" s="321">
        <v>0</v>
      </c>
      <c r="AX39" s="322">
        <v>0</v>
      </c>
      <c r="AY39" s="322">
        <v>0</v>
      </c>
      <c r="AZ39" s="322">
        <v>0</v>
      </c>
      <c r="BA39" s="322">
        <v>0</v>
      </c>
      <c r="BB39" s="322">
        <v>0</v>
      </c>
      <c r="BC39" s="319">
        <v>0</v>
      </c>
      <c r="BD39" s="324">
        <v>0</v>
      </c>
      <c r="BE39" s="318">
        <v>0</v>
      </c>
      <c r="BF39" s="322">
        <v>0</v>
      </c>
      <c r="BG39" s="319">
        <v>0</v>
      </c>
      <c r="BH39" s="321">
        <v>0</v>
      </c>
      <c r="BI39" s="322">
        <v>0</v>
      </c>
      <c r="BJ39" s="322">
        <v>0</v>
      </c>
      <c r="BK39" s="322">
        <v>0</v>
      </c>
      <c r="BL39" s="322">
        <v>0</v>
      </c>
      <c r="BM39" s="322">
        <v>0</v>
      </c>
      <c r="BN39" s="323">
        <v>0</v>
      </c>
      <c r="BO39" s="324">
        <v>0</v>
      </c>
      <c r="BP39" s="318">
        <v>0</v>
      </c>
      <c r="BQ39" s="322">
        <v>0</v>
      </c>
      <c r="BR39" s="319">
        <v>0</v>
      </c>
      <c r="BS39" s="321">
        <v>0</v>
      </c>
      <c r="BT39" s="322">
        <v>0</v>
      </c>
      <c r="BU39" s="322">
        <v>0</v>
      </c>
      <c r="BV39" s="322">
        <v>0</v>
      </c>
      <c r="BW39" s="322">
        <v>0</v>
      </c>
      <c r="BX39" s="322">
        <v>0</v>
      </c>
      <c r="BY39" s="319">
        <v>0</v>
      </c>
      <c r="BZ39" s="324">
        <v>0</v>
      </c>
      <c r="CA39" s="318">
        <v>0</v>
      </c>
      <c r="CB39" s="322">
        <v>0</v>
      </c>
      <c r="CC39" s="319">
        <v>0</v>
      </c>
      <c r="CD39" s="321">
        <v>0</v>
      </c>
      <c r="CE39" s="322">
        <v>0</v>
      </c>
      <c r="CF39" s="322">
        <v>0</v>
      </c>
      <c r="CG39" s="322">
        <v>0</v>
      </c>
      <c r="CH39" s="322">
        <v>0</v>
      </c>
      <c r="CI39" s="322">
        <v>0</v>
      </c>
      <c r="CJ39" s="319">
        <v>0</v>
      </c>
      <c r="CK39" s="324">
        <v>0</v>
      </c>
      <c r="CL39" s="318">
        <v>0</v>
      </c>
      <c r="CM39" s="322">
        <v>0</v>
      </c>
      <c r="CN39" s="319">
        <v>0</v>
      </c>
      <c r="CO39" s="321">
        <v>0</v>
      </c>
      <c r="CP39" s="322">
        <v>0</v>
      </c>
      <c r="CQ39" s="322">
        <v>0</v>
      </c>
      <c r="CR39" s="322">
        <v>0</v>
      </c>
      <c r="CS39" s="322">
        <v>0</v>
      </c>
      <c r="CT39" s="322">
        <v>0</v>
      </c>
      <c r="CU39" s="319">
        <v>0</v>
      </c>
      <c r="CV39" s="324">
        <v>0</v>
      </c>
    </row>
  </sheetData>
  <mergeCells count="39">
    <mergeCell ref="CL3:CV3"/>
    <mergeCell ref="CL4:CN4"/>
    <mergeCell ref="CO4:CU4"/>
    <mergeCell ref="CD4:CJ4"/>
    <mergeCell ref="BE4:BG4"/>
    <mergeCell ref="BH4:BN4"/>
    <mergeCell ref="BP4:BR4"/>
    <mergeCell ref="BS4:BY4"/>
    <mergeCell ref="CA3:CK3"/>
    <mergeCell ref="CK4:CK5"/>
    <mergeCell ref="CV4:CV5"/>
    <mergeCell ref="AT4:AV4"/>
    <mergeCell ref="AI4:AK4"/>
    <mergeCell ref="AW4:BC4"/>
    <mergeCell ref="CA4:CC4"/>
    <mergeCell ref="AT3:BD3"/>
    <mergeCell ref="BD4:BD5"/>
    <mergeCell ref="BE3:BO3"/>
    <mergeCell ref="BO4:BO5"/>
    <mergeCell ref="BP3:BZ3"/>
    <mergeCell ref="BZ4:BZ5"/>
    <mergeCell ref="H1:I1"/>
    <mergeCell ref="K1:L1"/>
    <mergeCell ref="A3:A5"/>
    <mergeCell ref="B3:L3"/>
    <mergeCell ref="M3:W3"/>
    <mergeCell ref="W4:W5"/>
    <mergeCell ref="B4:D4"/>
    <mergeCell ref="E4:K4"/>
    <mergeCell ref="L4:L5"/>
    <mergeCell ref="M4:O4"/>
    <mergeCell ref="P4:V4"/>
    <mergeCell ref="X3:AH3"/>
    <mergeCell ref="X4:Z4"/>
    <mergeCell ref="AA4:AG4"/>
    <mergeCell ref="AH4:AH5"/>
    <mergeCell ref="AI3:AS3"/>
    <mergeCell ref="AL4:AR4"/>
    <mergeCell ref="AS4:AS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3" max="1048575" man="1"/>
    <brk id="45" max="1048575" man="1"/>
    <brk id="67"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V39"/>
  <sheetViews>
    <sheetView zoomScaleNormal="100" workbookViewId="0">
      <pane xSplit="1" ySplit="6" topLeftCell="B7" activePane="bottomRight" state="frozen"/>
      <selection pane="topRight" activeCell="B1" sqref="B1"/>
      <selection pane="bottomLeft" activeCell="A7" sqref="A7"/>
      <selection pane="bottomRight" activeCell="E17" sqref="E17"/>
    </sheetView>
  </sheetViews>
  <sheetFormatPr defaultColWidth="9" defaultRowHeight="13.2" x14ac:dyDescent="0.2"/>
  <cols>
    <col min="1" max="3" width="9" style="290"/>
    <col min="4" max="4" width="10.33203125" style="290" customWidth="1"/>
    <col min="5" max="5" width="7.6640625" style="290" customWidth="1"/>
    <col min="6" max="6" width="8.44140625" style="290" customWidth="1"/>
    <col min="7" max="7" width="8.77734375" style="290" customWidth="1"/>
    <col min="8" max="15" width="9" style="290"/>
    <col min="16" max="16" width="7.21875" style="290" customWidth="1"/>
    <col min="17" max="26" width="9" style="290"/>
    <col min="27" max="27" width="7.6640625" style="290" customWidth="1"/>
    <col min="28" max="37" width="9" style="290"/>
    <col min="38" max="38" width="7.6640625" style="290" customWidth="1"/>
    <col min="39" max="48" width="9" style="290"/>
    <col min="49" max="49" width="7.6640625" style="290" customWidth="1"/>
    <col min="50" max="59" width="9" style="290"/>
    <col min="60" max="60" width="7.21875" style="290" customWidth="1"/>
    <col min="61" max="70" width="9" style="290"/>
    <col min="71" max="71" width="7.21875" style="290" customWidth="1"/>
    <col min="72" max="81" width="9" style="290"/>
    <col min="82" max="82" width="7.33203125" style="290" customWidth="1"/>
    <col min="83" max="92" width="9" style="290"/>
    <col min="93" max="93" width="7.44140625" style="290" customWidth="1"/>
    <col min="94" max="16384" width="9" style="290"/>
  </cols>
  <sheetData>
    <row r="1" spans="1:100" ht="22.5" customHeight="1" x14ac:dyDescent="0.2">
      <c r="A1" s="325" t="s">
        <v>124</v>
      </c>
      <c r="H1" s="545">
        <f>第１表!F2</f>
        <v>4</v>
      </c>
      <c r="I1" s="545"/>
      <c r="J1" s="282">
        <f>第１表!G2</f>
        <v>4</v>
      </c>
      <c r="K1" s="549">
        <f>IF(J1&lt;3,J1+12-2,J1-2)</f>
        <v>2</v>
      </c>
      <c r="L1" s="549"/>
    </row>
    <row r="2" spans="1:100" s="326" customFormat="1" ht="21" customHeight="1" thickBot="1" x14ac:dyDescent="0.25">
      <c r="A2" s="325" t="s">
        <v>155</v>
      </c>
    </row>
    <row r="3" spans="1:100" ht="23.25" customHeight="1" thickBot="1" x14ac:dyDescent="0.25">
      <c r="A3" s="562"/>
      <c r="B3" s="553" t="s">
        <v>94</v>
      </c>
      <c r="C3" s="554"/>
      <c r="D3" s="554"/>
      <c r="E3" s="554"/>
      <c r="F3" s="554"/>
      <c r="G3" s="554"/>
      <c r="H3" s="554"/>
      <c r="I3" s="554"/>
      <c r="J3" s="554"/>
      <c r="K3" s="554"/>
      <c r="L3" s="555"/>
      <c r="M3" s="553" t="s">
        <v>88</v>
      </c>
      <c r="N3" s="554"/>
      <c r="O3" s="554"/>
      <c r="P3" s="554"/>
      <c r="Q3" s="554"/>
      <c r="R3" s="554"/>
      <c r="S3" s="554"/>
      <c r="T3" s="554"/>
      <c r="U3" s="554"/>
      <c r="V3" s="554"/>
      <c r="W3" s="555"/>
      <c r="X3" s="553" t="s">
        <v>142</v>
      </c>
      <c r="Y3" s="554"/>
      <c r="Z3" s="554"/>
      <c r="AA3" s="554"/>
      <c r="AB3" s="554"/>
      <c r="AC3" s="554"/>
      <c r="AD3" s="554"/>
      <c r="AE3" s="554"/>
      <c r="AF3" s="554"/>
      <c r="AG3" s="554"/>
      <c r="AH3" s="555"/>
      <c r="AI3" s="553" t="s">
        <v>90</v>
      </c>
      <c r="AJ3" s="554"/>
      <c r="AK3" s="554"/>
      <c r="AL3" s="554"/>
      <c r="AM3" s="554"/>
      <c r="AN3" s="554"/>
      <c r="AO3" s="554"/>
      <c r="AP3" s="554"/>
      <c r="AQ3" s="554"/>
      <c r="AR3" s="554"/>
      <c r="AS3" s="555"/>
      <c r="AT3" s="566" t="s">
        <v>89</v>
      </c>
      <c r="AU3" s="567"/>
      <c r="AV3" s="567"/>
      <c r="AW3" s="567"/>
      <c r="AX3" s="567"/>
      <c r="AY3" s="567"/>
      <c r="AZ3" s="567"/>
      <c r="BA3" s="567"/>
      <c r="BB3" s="567"/>
      <c r="BC3" s="567"/>
      <c r="BD3" s="568"/>
      <c r="BE3" s="566" t="s">
        <v>91</v>
      </c>
      <c r="BF3" s="567"/>
      <c r="BG3" s="567"/>
      <c r="BH3" s="567"/>
      <c r="BI3" s="567"/>
      <c r="BJ3" s="567"/>
      <c r="BK3" s="567"/>
      <c r="BL3" s="567"/>
      <c r="BM3" s="567"/>
      <c r="BN3" s="567"/>
      <c r="BO3" s="568"/>
      <c r="BP3" s="566" t="s">
        <v>92</v>
      </c>
      <c r="BQ3" s="567"/>
      <c r="BR3" s="567"/>
      <c r="BS3" s="567"/>
      <c r="BT3" s="567"/>
      <c r="BU3" s="567"/>
      <c r="BV3" s="567"/>
      <c r="BW3" s="567"/>
      <c r="BX3" s="567"/>
      <c r="BY3" s="567"/>
      <c r="BZ3" s="568"/>
      <c r="CA3" s="566" t="s">
        <v>93</v>
      </c>
      <c r="CB3" s="567"/>
      <c r="CC3" s="567"/>
      <c r="CD3" s="567"/>
      <c r="CE3" s="567"/>
      <c r="CF3" s="567"/>
      <c r="CG3" s="567"/>
      <c r="CH3" s="567"/>
      <c r="CI3" s="567"/>
      <c r="CJ3" s="567"/>
      <c r="CK3" s="568"/>
      <c r="CL3" s="567" t="s">
        <v>141</v>
      </c>
      <c r="CM3" s="567"/>
      <c r="CN3" s="567"/>
      <c r="CO3" s="567"/>
      <c r="CP3" s="567"/>
      <c r="CQ3" s="567"/>
      <c r="CR3" s="567"/>
      <c r="CS3" s="567"/>
      <c r="CT3" s="567"/>
      <c r="CU3" s="567"/>
      <c r="CV3" s="568"/>
    </row>
    <row r="4" spans="1:100" ht="22.5" customHeight="1" x14ac:dyDescent="0.2">
      <c r="A4" s="563"/>
      <c r="B4" s="561" t="s">
        <v>61</v>
      </c>
      <c r="C4" s="557"/>
      <c r="D4" s="558"/>
      <c r="E4" s="556" t="s">
        <v>62</v>
      </c>
      <c r="F4" s="557"/>
      <c r="G4" s="557"/>
      <c r="H4" s="557"/>
      <c r="I4" s="557"/>
      <c r="J4" s="557"/>
      <c r="K4" s="565"/>
      <c r="L4" s="559" t="s">
        <v>52</v>
      </c>
      <c r="M4" s="561" t="s">
        <v>61</v>
      </c>
      <c r="N4" s="557"/>
      <c r="O4" s="558"/>
      <c r="P4" s="556" t="s">
        <v>62</v>
      </c>
      <c r="Q4" s="557"/>
      <c r="R4" s="557"/>
      <c r="S4" s="557"/>
      <c r="T4" s="557"/>
      <c r="U4" s="557"/>
      <c r="V4" s="558"/>
      <c r="W4" s="559" t="s">
        <v>52</v>
      </c>
      <c r="X4" s="561" t="s">
        <v>61</v>
      </c>
      <c r="Y4" s="557"/>
      <c r="Z4" s="558"/>
      <c r="AA4" s="556" t="s">
        <v>62</v>
      </c>
      <c r="AB4" s="557"/>
      <c r="AC4" s="557"/>
      <c r="AD4" s="557"/>
      <c r="AE4" s="557"/>
      <c r="AF4" s="557"/>
      <c r="AG4" s="558"/>
      <c r="AH4" s="559" t="s">
        <v>52</v>
      </c>
      <c r="AI4" s="561" t="s">
        <v>61</v>
      </c>
      <c r="AJ4" s="557"/>
      <c r="AK4" s="558"/>
      <c r="AL4" s="556" t="s">
        <v>62</v>
      </c>
      <c r="AM4" s="557"/>
      <c r="AN4" s="557"/>
      <c r="AO4" s="557"/>
      <c r="AP4" s="557"/>
      <c r="AQ4" s="557"/>
      <c r="AR4" s="558"/>
      <c r="AS4" s="559" t="s">
        <v>52</v>
      </c>
      <c r="AT4" s="584" t="s">
        <v>61</v>
      </c>
      <c r="AU4" s="582"/>
      <c r="AV4" s="583"/>
      <c r="AW4" s="581" t="s">
        <v>62</v>
      </c>
      <c r="AX4" s="582"/>
      <c r="AY4" s="582"/>
      <c r="AZ4" s="582"/>
      <c r="BA4" s="582"/>
      <c r="BB4" s="582"/>
      <c r="BC4" s="583"/>
      <c r="BD4" s="579" t="s">
        <v>52</v>
      </c>
      <c r="BE4" s="584" t="s">
        <v>61</v>
      </c>
      <c r="BF4" s="582"/>
      <c r="BG4" s="583"/>
      <c r="BH4" s="581" t="s">
        <v>62</v>
      </c>
      <c r="BI4" s="582"/>
      <c r="BJ4" s="582"/>
      <c r="BK4" s="582"/>
      <c r="BL4" s="582"/>
      <c r="BM4" s="582"/>
      <c r="BN4" s="583"/>
      <c r="BO4" s="579" t="s">
        <v>52</v>
      </c>
      <c r="BP4" s="584" t="s">
        <v>61</v>
      </c>
      <c r="BQ4" s="582"/>
      <c r="BR4" s="583"/>
      <c r="BS4" s="581" t="s">
        <v>62</v>
      </c>
      <c r="BT4" s="582"/>
      <c r="BU4" s="582"/>
      <c r="BV4" s="582"/>
      <c r="BW4" s="582"/>
      <c r="BX4" s="582"/>
      <c r="BY4" s="583"/>
      <c r="BZ4" s="579" t="s">
        <v>52</v>
      </c>
      <c r="CA4" s="584" t="s">
        <v>61</v>
      </c>
      <c r="CB4" s="582"/>
      <c r="CC4" s="583"/>
      <c r="CD4" s="581" t="s">
        <v>62</v>
      </c>
      <c r="CE4" s="582"/>
      <c r="CF4" s="582"/>
      <c r="CG4" s="582"/>
      <c r="CH4" s="582"/>
      <c r="CI4" s="582"/>
      <c r="CJ4" s="583"/>
      <c r="CK4" s="579" t="s">
        <v>52</v>
      </c>
      <c r="CL4" s="584" t="s">
        <v>61</v>
      </c>
      <c r="CM4" s="582"/>
      <c r="CN4" s="583"/>
      <c r="CO4" s="581" t="s">
        <v>62</v>
      </c>
      <c r="CP4" s="582"/>
      <c r="CQ4" s="582"/>
      <c r="CR4" s="582"/>
      <c r="CS4" s="582"/>
      <c r="CT4" s="582"/>
      <c r="CU4" s="583"/>
      <c r="CV4" s="579" t="s">
        <v>52</v>
      </c>
    </row>
    <row r="5" spans="1:100" ht="34.5" customHeight="1" thickBot="1" x14ac:dyDescent="0.25">
      <c r="A5" s="564"/>
      <c r="B5" s="393" t="s">
        <v>43</v>
      </c>
      <c r="C5" s="300" t="s">
        <v>44</v>
      </c>
      <c r="D5" s="301" t="s">
        <v>45</v>
      </c>
      <c r="E5" s="302" t="s">
        <v>83</v>
      </c>
      <c r="F5" s="294" t="s">
        <v>47</v>
      </c>
      <c r="G5" s="294" t="s">
        <v>48</v>
      </c>
      <c r="H5" s="294" t="s">
        <v>49</v>
      </c>
      <c r="I5" s="294" t="s">
        <v>50</v>
      </c>
      <c r="J5" s="294" t="s">
        <v>51</v>
      </c>
      <c r="K5" s="303" t="s">
        <v>45</v>
      </c>
      <c r="L5" s="560"/>
      <c r="M5" s="393" t="s">
        <v>43</v>
      </c>
      <c r="N5" s="294" t="s">
        <v>44</v>
      </c>
      <c r="O5" s="300" t="s">
        <v>45</v>
      </c>
      <c r="P5" s="302" t="s">
        <v>83</v>
      </c>
      <c r="Q5" s="294" t="s">
        <v>47</v>
      </c>
      <c r="R5" s="294" t="s">
        <v>48</v>
      </c>
      <c r="S5" s="294" t="s">
        <v>49</v>
      </c>
      <c r="T5" s="294" t="s">
        <v>50</v>
      </c>
      <c r="U5" s="294" t="s">
        <v>51</v>
      </c>
      <c r="V5" s="300" t="s">
        <v>45</v>
      </c>
      <c r="W5" s="560"/>
      <c r="X5" s="393" t="s">
        <v>43</v>
      </c>
      <c r="Y5" s="294" t="s">
        <v>44</v>
      </c>
      <c r="Z5" s="300" t="s">
        <v>45</v>
      </c>
      <c r="AA5" s="302" t="s">
        <v>83</v>
      </c>
      <c r="AB5" s="294" t="s">
        <v>47</v>
      </c>
      <c r="AC5" s="294" t="s">
        <v>48</v>
      </c>
      <c r="AD5" s="294" t="s">
        <v>49</v>
      </c>
      <c r="AE5" s="294" t="s">
        <v>50</v>
      </c>
      <c r="AF5" s="294" t="s">
        <v>51</v>
      </c>
      <c r="AG5" s="300" t="s">
        <v>45</v>
      </c>
      <c r="AH5" s="560"/>
      <c r="AI5" s="393" t="s">
        <v>43</v>
      </c>
      <c r="AJ5" s="294" t="s">
        <v>44</v>
      </c>
      <c r="AK5" s="300" t="s">
        <v>45</v>
      </c>
      <c r="AL5" s="302" t="s">
        <v>83</v>
      </c>
      <c r="AM5" s="294" t="s">
        <v>47</v>
      </c>
      <c r="AN5" s="294" t="s">
        <v>48</v>
      </c>
      <c r="AO5" s="294" t="s">
        <v>49</v>
      </c>
      <c r="AP5" s="294" t="s">
        <v>50</v>
      </c>
      <c r="AQ5" s="294" t="s">
        <v>51</v>
      </c>
      <c r="AR5" s="300" t="s">
        <v>45</v>
      </c>
      <c r="AS5" s="560"/>
      <c r="AT5" s="393" t="s">
        <v>43</v>
      </c>
      <c r="AU5" s="294" t="s">
        <v>44</v>
      </c>
      <c r="AV5" s="300" t="s">
        <v>45</v>
      </c>
      <c r="AW5" s="302" t="s">
        <v>83</v>
      </c>
      <c r="AX5" s="294" t="s">
        <v>47</v>
      </c>
      <c r="AY5" s="294" t="s">
        <v>48</v>
      </c>
      <c r="AZ5" s="294" t="s">
        <v>49</v>
      </c>
      <c r="BA5" s="294" t="s">
        <v>50</v>
      </c>
      <c r="BB5" s="294" t="s">
        <v>51</v>
      </c>
      <c r="BC5" s="300" t="s">
        <v>45</v>
      </c>
      <c r="BD5" s="580"/>
      <c r="BE5" s="393" t="s">
        <v>43</v>
      </c>
      <c r="BF5" s="294" t="s">
        <v>44</v>
      </c>
      <c r="BG5" s="300" t="s">
        <v>45</v>
      </c>
      <c r="BH5" s="302" t="s">
        <v>83</v>
      </c>
      <c r="BI5" s="294" t="s">
        <v>47</v>
      </c>
      <c r="BJ5" s="294" t="s">
        <v>48</v>
      </c>
      <c r="BK5" s="294" t="s">
        <v>49</v>
      </c>
      <c r="BL5" s="294" t="s">
        <v>50</v>
      </c>
      <c r="BM5" s="294" t="s">
        <v>51</v>
      </c>
      <c r="BN5" s="300" t="s">
        <v>45</v>
      </c>
      <c r="BO5" s="580"/>
      <c r="BP5" s="393" t="s">
        <v>43</v>
      </c>
      <c r="BQ5" s="294" t="s">
        <v>44</v>
      </c>
      <c r="BR5" s="300" t="s">
        <v>45</v>
      </c>
      <c r="BS5" s="302" t="s">
        <v>83</v>
      </c>
      <c r="BT5" s="294" t="s">
        <v>47</v>
      </c>
      <c r="BU5" s="294" t="s">
        <v>48</v>
      </c>
      <c r="BV5" s="294" t="s">
        <v>49</v>
      </c>
      <c r="BW5" s="294" t="s">
        <v>50</v>
      </c>
      <c r="BX5" s="294" t="s">
        <v>51</v>
      </c>
      <c r="BY5" s="300" t="s">
        <v>45</v>
      </c>
      <c r="BZ5" s="580"/>
      <c r="CA5" s="393" t="s">
        <v>43</v>
      </c>
      <c r="CB5" s="294" t="s">
        <v>44</v>
      </c>
      <c r="CC5" s="300" t="s">
        <v>45</v>
      </c>
      <c r="CD5" s="302" t="s">
        <v>83</v>
      </c>
      <c r="CE5" s="294" t="s">
        <v>47</v>
      </c>
      <c r="CF5" s="294" t="s">
        <v>48</v>
      </c>
      <c r="CG5" s="294" t="s">
        <v>49</v>
      </c>
      <c r="CH5" s="294" t="s">
        <v>50</v>
      </c>
      <c r="CI5" s="294" t="s">
        <v>51</v>
      </c>
      <c r="CJ5" s="300" t="s">
        <v>45</v>
      </c>
      <c r="CK5" s="580"/>
      <c r="CL5" s="393" t="s">
        <v>43</v>
      </c>
      <c r="CM5" s="294" t="s">
        <v>44</v>
      </c>
      <c r="CN5" s="300" t="s">
        <v>45</v>
      </c>
      <c r="CO5" s="302" t="s">
        <v>83</v>
      </c>
      <c r="CP5" s="294" t="s">
        <v>47</v>
      </c>
      <c r="CQ5" s="294" t="s">
        <v>48</v>
      </c>
      <c r="CR5" s="294" t="s">
        <v>49</v>
      </c>
      <c r="CS5" s="294" t="s">
        <v>50</v>
      </c>
      <c r="CT5" s="294" t="s">
        <v>51</v>
      </c>
      <c r="CU5" s="300" t="s">
        <v>45</v>
      </c>
      <c r="CV5" s="580"/>
    </row>
    <row r="6" spans="1:100" ht="21" customHeight="1" x14ac:dyDescent="0.2">
      <c r="A6" s="295" t="s">
        <v>4</v>
      </c>
      <c r="B6" s="304">
        <v>0</v>
      </c>
      <c r="C6" s="305">
        <v>0</v>
      </c>
      <c r="D6" s="306">
        <v>0</v>
      </c>
      <c r="E6" s="307">
        <v>0</v>
      </c>
      <c r="F6" s="308">
        <v>26</v>
      </c>
      <c r="G6" s="308">
        <v>38</v>
      </c>
      <c r="H6" s="308">
        <v>17</v>
      </c>
      <c r="I6" s="308">
        <v>26</v>
      </c>
      <c r="J6" s="308">
        <v>21</v>
      </c>
      <c r="K6" s="309">
        <v>128</v>
      </c>
      <c r="L6" s="310">
        <v>128</v>
      </c>
      <c r="M6" s="304">
        <v>0</v>
      </c>
      <c r="N6" s="308">
        <v>0</v>
      </c>
      <c r="O6" s="305">
        <v>0</v>
      </c>
      <c r="P6" s="307">
        <v>0</v>
      </c>
      <c r="Q6" s="308">
        <v>13</v>
      </c>
      <c r="R6" s="308">
        <v>32</v>
      </c>
      <c r="S6" s="308">
        <v>35</v>
      </c>
      <c r="T6" s="308">
        <v>36</v>
      </c>
      <c r="U6" s="308">
        <v>21</v>
      </c>
      <c r="V6" s="305">
        <v>137</v>
      </c>
      <c r="W6" s="310">
        <v>137</v>
      </c>
      <c r="X6" s="304">
        <v>0</v>
      </c>
      <c r="Y6" s="308">
        <v>0</v>
      </c>
      <c r="Z6" s="305">
        <v>0</v>
      </c>
      <c r="AA6" s="307">
        <v>0</v>
      </c>
      <c r="AB6" s="308">
        <v>740</v>
      </c>
      <c r="AC6" s="308">
        <v>607</v>
      </c>
      <c r="AD6" s="308">
        <v>278</v>
      </c>
      <c r="AE6" s="308">
        <v>131</v>
      </c>
      <c r="AF6" s="308">
        <v>51</v>
      </c>
      <c r="AG6" s="305">
        <v>1807</v>
      </c>
      <c r="AH6" s="310">
        <v>1807</v>
      </c>
      <c r="AI6" s="304">
        <v>0</v>
      </c>
      <c r="AJ6" s="308">
        <v>0</v>
      </c>
      <c r="AK6" s="305">
        <v>0</v>
      </c>
      <c r="AL6" s="307">
        <v>0</v>
      </c>
      <c r="AM6" s="308">
        <v>42</v>
      </c>
      <c r="AN6" s="308">
        <v>63</v>
      </c>
      <c r="AO6" s="308">
        <v>60</v>
      </c>
      <c r="AP6" s="308">
        <v>24</v>
      </c>
      <c r="AQ6" s="308">
        <v>26</v>
      </c>
      <c r="AR6" s="305">
        <v>215</v>
      </c>
      <c r="AS6" s="310">
        <v>215</v>
      </c>
      <c r="AT6" s="304">
        <v>15</v>
      </c>
      <c r="AU6" s="308">
        <v>11</v>
      </c>
      <c r="AV6" s="305">
        <v>26</v>
      </c>
      <c r="AW6" s="307">
        <v>0</v>
      </c>
      <c r="AX6" s="308">
        <v>75</v>
      </c>
      <c r="AY6" s="308">
        <v>51</v>
      </c>
      <c r="AZ6" s="308">
        <v>56</v>
      </c>
      <c r="BA6" s="308">
        <v>39</v>
      </c>
      <c r="BB6" s="308">
        <v>21</v>
      </c>
      <c r="BC6" s="305">
        <v>242</v>
      </c>
      <c r="BD6" s="310">
        <v>268</v>
      </c>
      <c r="BE6" s="304">
        <v>0</v>
      </c>
      <c r="BF6" s="308">
        <v>0</v>
      </c>
      <c r="BG6" s="305">
        <v>0</v>
      </c>
      <c r="BH6" s="307">
        <v>0</v>
      </c>
      <c r="BI6" s="308">
        <v>71</v>
      </c>
      <c r="BJ6" s="308">
        <v>110</v>
      </c>
      <c r="BK6" s="308">
        <v>132</v>
      </c>
      <c r="BL6" s="308">
        <v>91</v>
      </c>
      <c r="BM6" s="308">
        <v>54</v>
      </c>
      <c r="BN6" s="309">
        <v>458</v>
      </c>
      <c r="BO6" s="310">
        <v>458</v>
      </c>
      <c r="BP6" s="304">
        <v>0</v>
      </c>
      <c r="BQ6" s="308">
        <v>0</v>
      </c>
      <c r="BR6" s="305">
        <v>0</v>
      </c>
      <c r="BS6" s="307">
        <v>0</v>
      </c>
      <c r="BT6" s="308">
        <v>1</v>
      </c>
      <c r="BU6" s="308">
        <v>9</v>
      </c>
      <c r="BV6" s="308">
        <v>9</v>
      </c>
      <c r="BW6" s="308">
        <v>7</v>
      </c>
      <c r="BX6" s="308">
        <v>6</v>
      </c>
      <c r="BY6" s="305">
        <v>32</v>
      </c>
      <c r="BZ6" s="310">
        <v>32</v>
      </c>
      <c r="CA6" s="304">
        <v>0</v>
      </c>
      <c r="CB6" s="308">
        <v>0</v>
      </c>
      <c r="CC6" s="305">
        <v>0</v>
      </c>
      <c r="CD6" s="307">
        <v>0</v>
      </c>
      <c r="CE6" s="308">
        <v>1</v>
      </c>
      <c r="CF6" s="308">
        <v>2</v>
      </c>
      <c r="CG6" s="308">
        <v>10</v>
      </c>
      <c r="CH6" s="308">
        <v>16</v>
      </c>
      <c r="CI6" s="308">
        <v>8</v>
      </c>
      <c r="CJ6" s="305">
        <v>37</v>
      </c>
      <c r="CK6" s="310">
        <v>37</v>
      </c>
      <c r="CL6" s="304">
        <v>0</v>
      </c>
      <c r="CM6" s="308">
        <v>0</v>
      </c>
      <c r="CN6" s="305">
        <v>0</v>
      </c>
      <c r="CO6" s="307">
        <v>0</v>
      </c>
      <c r="CP6" s="308">
        <v>5</v>
      </c>
      <c r="CQ6" s="308">
        <v>17</v>
      </c>
      <c r="CR6" s="308">
        <v>13</v>
      </c>
      <c r="CS6" s="308">
        <v>29</v>
      </c>
      <c r="CT6" s="308">
        <v>27</v>
      </c>
      <c r="CU6" s="305">
        <v>91</v>
      </c>
      <c r="CV6" s="310">
        <v>91</v>
      </c>
    </row>
    <row r="7" spans="1:100" ht="21" customHeight="1" x14ac:dyDescent="0.2">
      <c r="A7" s="296" t="s">
        <v>5</v>
      </c>
      <c r="B7" s="311">
        <v>0</v>
      </c>
      <c r="C7" s="312">
        <v>0</v>
      </c>
      <c r="D7" s="313">
        <v>0</v>
      </c>
      <c r="E7" s="314">
        <v>0</v>
      </c>
      <c r="F7" s="315">
        <v>10</v>
      </c>
      <c r="G7" s="315">
        <v>21</v>
      </c>
      <c r="H7" s="315">
        <v>8</v>
      </c>
      <c r="I7" s="315">
        <v>7</v>
      </c>
      <c r="J7" s="315">
        <v>7</v>
      </c>
      <c r="K7" s="316">
        <v>53</v>
      </c>
      <c r="L7" s="317">
        <v>53</v>
      </c>
      <c r="M7" s="311">
        <v>0</v>
      </c>
      <c r="N7" s="315">
        <v>0</v>
      </c>
      <c r="O7" s="312">
        <v>0</v>
      </c>
      <c r="P7" s="314">
        <v>0</v>
      </c>
      <c r="Q7" s="315">
        <v>9</v>
      </c>
      <c r="R7" s="315">
        <v>26</v>
      </c>
      <c r="S7" s="315">
        <v>26</v>
      </c>
      <c r="T7" s="315">
        <v>22</v>
      </c>
      <c r="U7" s="315">
        <v>13</v>
      </c>
      <c r="V7" s="312">
        <v>96</v>
      </c>
      <c r="W7" s="317">
        <v>96</v>
      </c>
      <c r="X7" s="311">
        <v>0</v>
      </c>
      <c r="Y7" s="315">
        <v>0</v>
      </c>
      <c r="Z7" s="312">
        <v>0</v>
      </c>
      <c r="AA7" s="314">
        <v>0</v>
      </c>
      <c r="AB7" s="315">
        <v>276</v>
      </c>
      <c r="AC7" s="315">
        <v>304</v>
      </c>
      <c r="AD7" s="315">
        <v>113</v>
      </c>
      <c r="AE7" s="315">
        <v>58</v>
      </c>
      <c r="AF7" s="315">
        <v>25</v>
      </c>
      <c r="AG7" s="312">
        <v>776</v>
      </c>
      <c r="AH7" s="317">
        <v>776</v>
      </c>
      <c r="AI7" s="311">
        <v>0</v>
      </c>
      <c r="AJ7" s="315">
        <v>0</v>
      </c>
      <c r="AK7" s="312">
        <v>0</v>
      </c>
      <c r="AL7" s="314">
        <v>0</v>
      </c>
      <c r="AM7" s="315">
        <v>23</v>
      </c>
      <c r="AN7" s="315">
        <v>38</v>
      </c>
      <c r="AO7" s="315">
        <v>29</v>
      </c>
      <c r="AP7" s="315">
        <v>15</v>
      </c>
      <c r="AQ7" s="315">
        <v>16</v>
      </c>
      <c r="AR7" s="312">
        <v>121</v>
      </c>
      <c r="AS7" s="317">
        <v>121</v>
      </c>
      <c r="AT7" s="311">
        <v>8</v>
      </c>
      <c r="AU7" s="315">
        <v>4</v>
      </c>
      <c r="AV7" s="312">
        <v>12</v>
      </c>
      <c r="AW7" s="314">
        <v>0</v>
      </c>
      <c r="AX7" s="315">
        <v>31</v>
      </c>
      <c r="AY7" s="315">
        <v>17</v>
      </c>
      <c r="AZ7" s="315">
        <v>26</v>
      </c>
      <c r="BA7" s="315">
        <v>19</v>
      </c>
      <c r="BB7" s="315">
        <v>9</v>
      </c>
      <c r="BC7" s="312">
        <v>102</v>
      </c>
      <c r="BD7" s="317">
        <v>114</v>
      </c>
      <c r="BE7" s="311">
        <v>0</v>
      </c>
      <c r="BF7" s="315">
        <v>0</v>
      </c>
      <c r="BG7" s="312">
        <v>0</v>
      </c>
      <c r="BH7" s="314">
        <v>0</v>
      </c>
      <c r="BI7" s="315">
        <v>25</v>
      </c>
      <c r="BJ7" s="315">
        <v>40</v>
      </c>
      <c r="BK7" s="315">
        <v>62</v>
      </c>
      <c r="BL7" s="315">
        <v>34</v>
      </c>
      <c r="BM7" s="315">
        <v>17</v>
      </c>
      <c r="BN7" s="316">
        <v>178</v>
      </c>
      <c r="BO7" s="317">
        <v>178</v>
      </c>
      <c r="BP7" s="311">
        <v>0</v>
      </c>
      <c r="BQ7" s="315">
        <v>0</v>
      </c>
      <c r="BR7" s="312">
        <v>0</v>
      </c>
      <c r="BS7" s="314">
        <v>0</v>
      </c>
      <c r="BT7" s="315">
        <v>0</v>
      </c>
      <c r="BU7" s="315">
        <v>0</v>
      </c>
      <c r="BV7" s="315">
        <v>0</v>
      </c>
      <c r="BW7" s="315">
        <v>0</v>
      </c>
      <c r="BX7" s="315">
        <v>0</v>
      </c>
      <c r="BY7" s="312">
        <v>0</v>
      </c>
      <c r="BZ7" s="317">
        <v>0</v>
      </c>
      <c r="CA7" s="311">
        <v>0</v>
      </c>
      <c r="CB7" s="315">
        <v>0</v>
      </c>
      <c r="CC7" s="312">
        <v>0</v>
      </c>
      <c r="CD7" s="314">
        <v>0</v>
      </c>
      <c r="CE7" s="315">
        <v>0</v>
      </c>
      <c r="CF7" s="315">
        <v>0</v>
      </c>
      <c r="CG7" s="315">
        <v>1</v>
      </c>
      <c r="CH7" s="315">
        <v>2</v>
      </c>
      <c r="CI7" s="315">
        <v>0</v>
      </c>
      <c r="CJ7" s="312">
        <v>3</v>
      </c>
      <c r="CK7" s="317">
        <v>3</v>
      </c>
      <c r="CL7" s="311">
        <v>0</v>
      </c>
      <c r="CM7" s="315">
        <v>0</v>
      </c>
      <c r="CN7" s="312">
        <v>0</v>
      </c>
      <c r="CO7" s="314">
        <v>0</v>
      </c>
      <c r="CP7" s="315">
        <v>1</v>
      </c>
      <c r="CQ7" s="315">
        <v>5</v>
      </c>
      <c r="CR7" s="315">
        <v>5</v>
      </c>
      <c r="CS7" s="315">
        <v>11</v>
      </c>
      <c r="CT7" s="315">
        <v>12</v>
      </c>
      <c r="CU7" s="312">
        <v>34</v>
      </c>
      <c r="CV7" s="317">
        <v>34</v>
      </c>
    </row>
    <row r="8" spans="1:100" ht="21" customHeight="1" x14ac:dyDescent="0.2">
      <c r="A8" s="296" t="s">
        <v>6</v>
      </c>
      <c r="B8" s="311">
        <v>0</v>
      </c>
      <c r="C8" s="312">
        <v>0</v>
      </c>
      <c r="D8" s="313">
        <v>0</v>
      </c>
      <c r="E8" s="314">
        <v>0</v>
      </c>
      <c r="F8" s="315">
        <v>12</v>
      </c>
      <c r="G8" s="315">
        <v>6</v>
      </c>
      <c r="H8" s="315">
        <v>5</v>
      </c>
      <c r="I8" s="315">
        <v>10</v>
      </c>
      <c r="J8" s="315">
        <v>7</v>
      </c>
      <c r="K8" s="316">
        <v>40</v>
      </c>
      <c r="L8" s="317">
        <v>40</v>
      </c>
      <c r="M8" s="311">
        <v>0</v>
      </c>
      <c r="N8" s="315">
        <v>0</v>
      </c>
      <c r="O8" s="312">
        <v>0</v>
      </c>
      <c r="P8" s="314">
        <v>0</v>
      </c>
      <c r="Q8" s="315">
        <v>3</v>
      </c>
      <c r="R8" s="315">
        <v>5</v>
      </c>
      <c r="S8" s="315">
        <v>6</v>
      </c>
      <c r="T8" s="315">
        <v>11</v>
      </c>
      <c r="U8" s="315">
        <v>6</v>
      </c>
      <c r="V8" s="312">
        <v>31</v>
      </c>
      <c r="W8" s="317">
        <v>31</v>
      </c>
      <c r="X8" s="311">
        <v>0</v>
      </c>
      <c r="Y8" s="315">
        <v>0</v>
      </c>
      <c r="Z8" s="312">
        <v>0</v>
      </c>
      <c r="AA8" s="314">
        <v>0</v>
      </c>
      <c r="AB8" s="315">
        <v>136</v>
      </c>
      <c r="AC8" s="315">
        <v>72</v>
      </c>
      <c r="AD8" s="315">
        <v>44</v>
      </c>
      <c r="AE8" s="315">
        <v>21</v>
      </c>
      <c r="AF8" s="315">
        <v>11</v>
      </c>
      <c r="AG8" s="312">
        <v>284</v>
      </c>
      <c r="AH8" s="317">
        <v>284</v>
      </c>
      <c r="AI8" s="311">
        <v>0</v>
      </c>
      <c r="AJ8" s="315">
        <v>0</v>
      </c>
      <c r="AK8" s="312">
        <v>0</v>
      </c>
      <c r="AL8" s="314">
        <v>0</v>
      </c>
      <c r="AM8" s="315">
        <v>8</v>
      </c>
      <c r="AN8" s="315">
        <v>11</v>
      </c>
      <c r="AO8" s="315">
        <v>16</v>
      </c>
      <c r="AP8" s="315">
        <v>4</v>
      </c>
      <c r="AQ8" s="315">
        <v>3</v>
      </c>
      <c r="AR8" s="312">
        <v>42</v>
      </c>
      <c r="AS8" s="317">
        <v>42</v>
      </c>
      <c r="AT8" s="311">
        <v>2</v>
      </c>
      <c r="AU8" s="315">
        <v>4</v>
      </c>
      <c r="AV8" s="312">
        <v>6</v>
      </c>
      <c r="AW8" s="314">
        <v>0</v>
      </c>
      <c r="AX8" s="315">
        <v>15</v>
      </c>
      <c r="AY8" s="315">
        <v>9</v>
      </c>
      <c r="AZ8" s="315">
        <v>9</v>
      </c>
      <c r="BA8" s="315">
        <v>3</v>
      </c>
      <c r="BB8" s="315">
        <v>1</v>
      </c>
      <c r="BC8" s="312">
        <v>37</v>
      </c>
      <c r="BD8" s="317">
        <v>43</v>
      </c>
      <c r="BE8" s="311">
        <v>0</v>
      </c>
      <c r="BF8" s="315">
        <v>0</v>
      </c>
      <c r="BG8" s="312">
        <v>0</v>
      </c>
      <c r="BH8" s="314">
        <v>0</v>
      </c>
      <c r="BI8" s="315">
        <v>14</v>
      </c>
      <c r="BJ8" s="315">
        <v>28</v>
      </c>
      <c r="BK8" s="315">
        <v>25</v>
      </c>
      <c r="BL8" s="315">
        <v>14</v>
      </c>
      <c r="BM8" s="315">
        <v>15</v>
      </c>
      <c r="BN8" s="316">
        <v>96</v>
      </c>
      <c r="BO8" s="317">
        <v>96</v>
      </c>
      <c r="BP8" s="311">
        <v>0</v>
      </c>
      <c r="BQ8" s="315">
        <v>0</v>
      </c>
      <c r="BR8" s="312">
        <v>0</v>
      </c>
      <c r="BS8" s="314">
        <v>0</v>
      </c>
      <c r="BT8" s="315">
        <v>0</v>
      </c>
      <c r="BU8" s="315">
        <v>0</v>
      </c>
      <c r="BV8" s="315">
        <v>0</v>
      </c>
      <c r="BW8" s="315">
        <v>0</v>
      </c>
      <c r="BX8" s="315">
        <v>0</v>
      </c>
      <c r="BY8" s="312">
        <v>0</v>
      </c>
      <c r="BZ8" s="317">
        <v>0</v>
      </c>
      <c r="CA8" s="311">
        <v>0</v>
      </c>
      <c r="CB8" s="315">
        <v>0</v>
      </c>
      <c r="CC8" s="312">
        <v>0</v>
      </c>
      <c r="CD8" s="314">
        <v>0</v>
      </c>
      <c r="CE8" s="315">
        <v>1</v>
      </c>
      <c r="CF8" s="315">
        <v>0</v>
      </c>
      <c r="CG8" s="315">
        <v>5</v>
      </c>
      <c r="CH8" s="315">
        <v>8</v>
      </c>
      <c r="CI8" s="315">
        <v>1</v>
      </c>
      <c r="CJ8" s="312">
        <v>15</v>
      </c>
      <c r="CK8" s="317">
        <v>15</v>
      </c>
      <c r="CL8" s="311">
        <v>0</v>
      </c>
      <c r="CM8" s="315">
        <v>0</v>
      </c>
      <c r="CN8" s="312">
        <v>0</v>
      </c>
      <c r="CO8" s="314">
        <v>0</v>
      </c>
      <c r="CP8" s="315">
        <v>2</v>
      </c>
      <c r="CQ8" s="315">
        <v>6</v>
      </c>
      <c r="CR8" s="315">
        <v>3</v>
      </c>
      <c r="CS8" s="315">
        <v>8</v>
      </c>
      <c r="CT8" s="315">
        <v>5</v>
      </c>
      <c r="CU8" s="312">
        <v>24</v>
      </c>
      <c r="CV8" s="317">
        <v>24</v>
      </c>
    </row>
    <row r="9" spans="1:100" ht="21" customHeight="1" x14ac:dyDescent="0.2">
      <c r="A9" s="296" t="s">
        <v>14</v>
      </c>
      <c r="B9" s="311">
        <v>0</v>
      </c>
      <c r="C9" s="312">
        <v>0</v>
      </c>
      <c r="D9" s="313">
        <v>0</v>
      </c>
      <c r="E9" s="314">
        <v>0</v>
      </c>
      <c r="F9" s="315">
        <v>0</v>
      </c>
      <c r="G9" s="315">
        <v>1</v>
      </c>
      <c r="H9" s="315">
        <v>1</v>
      </c>
      <c r="I9" s="315">
        <v>1</v>
      </c>
      <c r="J9" s="315">
        <v>3</v>
      </c>
      <c r="K9" s="316">
        <v>6</v>
      </c>
      <c r="L9" s="317">
        <v>6</v>
      </c>
      <c r="M9" s="311">
        <v>0</v>
      </c>
      <c r="N9" s="315">
        <v>0</v>
      </c>
      <c r="O9" s="312">
        <v>0</v>
      </c>
      <c r="P9" s="314">
        <v>0</v>
      </c>
      <c r="Q9" s="315">
        <v>0</v>
      </c>
      <c r="R9" s="315">
        <v>0</v>
      </c>
      <c r="S9" s="315">
        <v>0</v>
      </c>
      <c r="T9" s="315">
        <v>1</v>
      </c>
      <c r="U9" s="315">
        <v>0</v>
      </c>
      <c r="V9" s="312">
        <v>1</v>
      </c>
      <c r="W9" s="317">
        <v>1</v>
      </c>
      <c r="X9" s="311">
        <v>0</v>
      </c>
      <c r="Y9" s="315">
        <v>0</v>
      </c>
      <c r="Z9" s="312">
        <v>0</v>
      </c>
      <c r="AA9" s="314">
        <v>0</v>
      </c>
      <c r="AB9" s="315">
        <v>46</v>
      </c>
      <c r="AC9" s="315">
        <v>41</v>
      </c>
      <c r="AD9" s="315">
        <v>18</v>
      </c>
      <c r="AE9" s="315">
        <v>4</v>
      </c>
      <c r="AF9" s="315">
        <v>1</v>
      </c>
      <c r="AG9" s="312">
        <v>110</v>
      </c>
      <c r="AH9" s="317">
        <v>110</v>
      </c>
      <c r="AI9" s="311">
        <v>0</v>
      </c>
      <c r="AJ9" s="315">
        <v>0</v>
      </c>
      <c r="AK9" s="312">
        <v>0</v>
      </c>
      <c r="AL9" s="314">
        <v>0</v>
      </c>
      <c r="AM9" s="315">
        <v>1</v>
      </c>
      <c r="AN9" s="315">
        <v>1</v>
      </c>
      <c r="AO9" s="315">
        <v>1</v>
      </c>
      <c r="AP9" s="315">
        <v>0</v>
      </c>
      <c r="AQ9" s="315">
        <v>1</v>
      </c>
      <c r="AR9" s="312">
        <v>4</v>
      </c>
      <c r="AS9" s="317">
        <v>4</v>
      </c>
      <c r="AT9" s="311">
        <v>0</v>
      </c>
      <c r="AU9" s="315">
        <v>0</v>
      </c>
      <c r="AV9" s="312">
        <v>0</v>
      </c>
      <c r="AW9" s="314">
        <v>0</v>
      </c>
      <c r="AX9" s="315">
        <v>4</v>
      </c>
      <c r="AY9" s="315">
        <v>6</v>
      </c>
      <c r="AZ9" s="315">
        <v>5</v>
      </c>
      <c r="BA9" s="315">
        <v>4</v>
      </c>
      <c r="BB9" s="315">
        <v>2</v>
      </c>
      <c r="BC9" s="312">
        <v>21</v>
      </c>
      <c r="BD9" s="317">
        <v>21</v>
      </c>
      <c r="BE9" s="311">
        <v>0</v>
      </c>
      <c r="BF9" s="315">
        <v>0</v>
      </c>
      <c r="BG9" s="312">
        <v>0</v>
      </c>
      <c r="BH9" s="314">
        <v>0</v>
      </c>
      <c r="BI9" s="315">
        <v>11</v>
      </c>
      <c r="BJ9" s="315">
        <v>8</v>
      </c>
      <c r="BK9" s="315">
        <v>8</v>
      </c>
      <c r="BL9" s="315">
        <v>11</v>
      </c>
      <c r="BM9" s="315">
        <v>3</v>
      </c>
      <c r="BN9" s="316">
        <v>41</v>
      </c>
      <c r="BO9" s="317">
        <v>41</v>
      </c>
      <c r="BP9" s="311">
        <v>0</v>
      </c>
      <c r="BQ9" s="315">
        <v>0</v>
      </c>
      <c r="BR9" s="312">
        <v>0</v>
      </c>
      <c r="BS9" s="314">
        <v>0</v>
      </c>
      <c r="BT9" s="315">
        <v>0</v>
      </c>
      <c r="BU9" s="315">
        <v>0</v>
      </c>
      <c r="BV9" s="315">
        <v>0</v>
      </c>
      <c r="BW9" s="315">
        <v>0</v>
      </c>
      <c r="BX9" s="315">
        <v>0</v>
      </c>
      <c r="BY9" s="312">
        <v>0</v>
      </c>
      <c r="BZ9" s="317">
        <v>0</v>
      </c>
      <c r="CA9" s="311">
        <v>0</v>
      </c>
      <c r="CB9" s="315">
        <v>0</v>
      </c>
      <c r="CC9" s="312">
        <v>0</v>
      </c>
      <c r="CD9" s="314">
        <v>0</v>
      </c>
      <c r="CE9" s="315">
        <v>0</v>
      </c>
      <c r="CF9" s="315">
        <v>1</v>
      </c>
      <c r="CG9" s="315">
        <v>0</v>
      </c>
      <c r="CH9" s="315">
        <v>0</v>
      </c>
      <c r="CI9" s="315">
        <v>0</v>
      </c>
      <c r="CJ9" s="312">
        <v>1</v>
      </c>
      <c r="CK9" s="317">
        <v>1</v>
      </c>
      <c r="CL9" s="311">
        <v>0</v>
      </c>
      <c r="CM9" s="315">
        <v>0</v>
      </c>
      <c r="CN9" s="312">
        <v>0</v>
      </c>
      <c r="CO9" s="314">
        <v>0</v>
      </c>
      <c r="CP9" s="315">
        <v>1</v>
      </c>
      <c r="CQ9" s="315">
        <v>2</v>
      </c>
      <c r="CR9" s="315">
        <v>0</v>
      </c>
      <c r="CS9" s="315">
        <v>2</v>
      </c>
      <c r="CT9" s="315">
        <v>0</v>
      </c>
      <c r="CU9" s="312">
        <v>5</v>
      </c>
      <c r="CV9" s="317">
        <v>5</v>
      </c>
    </row>
    <row r="10" spans="1:100" ht="21" customHeight="1" x14ac:dyDescent="0.2">
      <c r="A10" s="296" t="s">
        <v>7</v>
      </c>
      <c r="B10" s="311">
        <v>0</v>
      </c>
      <c r="C10" s="312">
        <v>0</v>
      </c>
      <c r="D10" s="313">
        <v>0</v>
      </c>
      <c r="E10" s="314">
        <v>0</v>
      </c>
      <c r="F10" s="315">
        <v>0</v>
      </c>
      <c r="G10" s="315">
        <v>0</v>
      </c>
      <c r="H10" s="315">
        <v>1</v>
      </c>
      <c r="I10" s="315">
        <v>0</v>
      </c>
      <c r="J10" s="315">
        <v>0</v>
      </c>
      <c r="K10" s="316">
        <v>1</v>
      </c>
      <c r="L10" s="317">
        <v>1</v>
      </c>
      <c r="M10" s="311">
        <v>0</v>
      </c>
      <c r="N10" s="315">
        <v>0</v>
      </c>
      <c r="O10" s="312">
        <v>0</v>
      </c>
      <c r="P10" s="314">
        <v>0</v>
      </c>
      <c r="Q10" s="315">
        <v>0</v>
      </c>
      <c r="R10" s="315">
        <v>0</v>
      </c>
      <c r="S10" s="315">
        <v>0</v>
      </c>
      <c r="T10" s="315">
        <v>0</v>
      </c>
      <c r="U10" s="315">
        <v>0</v>
      </c>
      <c r="V10" s="312">
        <v>0</v>
      </c>
      <c r="W10" s="317">
        <v>0</v>
      </c>
      <c r="X10" s="311">
        <v>0</v>
      </c>
      <c r="Y10" s="315">
        <v>0</v>
      </c>
      <c r="Z10" s="312">
        <v>0</v>
      </c>
      <c r="AA10" s="314">
        <v>0</v>
      </c>
      <c r="AB10" s="315">
        <v>21</v>
      </c>
      <c r="AC10" s="315">
        <v>16</v>
      </c>
      <c r="AD10" s="315">
        <v>14</v>
      </c>
      <c r="AE10" s="315">
        <v>5</v>
      </c>
      <c r="AF10" s="315">
        <v>1</v>
      </c>
      <c r="AG10" s="312">
        <v>57</v>
      </c>
      <c r="AH10" s="317">
        <v>57</v>
      </c>
      <c r="AI10" s="311">
        <v>0</v>
      </c>
      <c r="AJ10" s="315">
        <v>0</v>
      </c>
      <c r="AK10" s="312">
        <v>0</v>
      </c>
      <c r="AL10" s="314">
        <v>0</v>
      </c>
      <c r="AM10" s="315">
        <v>3</v>
      </c>
      <c r="AN10" s="315">
        <v>3</v>
      </c>
      <c r="AO10" s="315">
        <v>3</v>
      </c>
      <c r="AP10" s="315">
        <v>3</v>
      </c>
      <c r="AQ10" s="315">
        <v>0</v>
      </c>
      <c r="AR10" s="312">
        <v>12</v>
      </c>
      <c r="AS10" s="317">
        <v>12</v>
      </c>
      <c r="AT10" s="311">
        <v>0</v>
      </c>
      <c r="AU10" s="315">
        <v>0</v>
      </c>
      <c r="AV10" s="312">
        <v>0</v>
      </c>
      <c r="AW10" s="314">
        <v>0</v>
      </c>
      <c r="AX10" s="315">
        <v>0</v>
      </c>
      <c r="AY10" s="315">
        <v>2</v>
      </c>
      <c r="AZ10" s="315">
        <v>1</v>
      </c>
      <c r="BA10" s="315">
        <v>0</v>
      </c>
      <c r="BB10" s="315">
        <v>0</v>
      </c>
      <c r="BC10" s="312">
        <v>3</v>
      </c>
      <c r="BD10" s="317">
        <v>3</v>
      </c>
      <c r="BE10" s="311">
        <v>0</v>
      </c>
      <c r="BF10" s="315">
        <v>0</v>
      </c>
      <c r="BG10" s="312">
        <v>0</v>
      </c>
      <c r="BH10" s="314">
        <v>0</v>
      </c>
      <c r="BI10" s="315">
        <v>4</v>
      </c>
      <c r="BJ10" s="315">
        <v>2</v>
      </c>
      <c r="BK10" s="315">
        <v>8</v>
      </c>
      <c r="BL10" s="315">
        <v>1</v>
      </c>
      <c r="BM10" s="315">
        <v>1</v>
      </c>
      <c r="BN10" s="316">
        <v>16</v>
      </c>
      <c r="BO10" s="317">
        <v>16</v>
      </c>
      <c r="BP10" s="311">
        <v>0</v>
      </c>
      <c r="BQ10" s="315">
        <v>0</v>
      </c>
      <c r="BR10" s="312">
        <v>0</v>
      </c>
      <c r="BS10" s="314">
        <v>0</v>
      </c>
      <c r="BT10" s="315">
        <v>0</v>
      </c>
      <c r="BU10" s="315">
        <v>0</v>
      </c>
      <c r="BV10" s="315">
        <v>0</v>
      </c>
      <c r="BW10" s="315">
        <v>0</v>
      </c>
      <c r="BX10" s="315">
        <v>0</v>
      </c>
      <c r="BY10" s="312">
        <v>0</v>
      </c>
      <c r="BZ10" s="317">
        <v>0</v>
      </c>
      <c r="CA10" s="311">
        <v>0</v>
      </c>
      <c r="CB10" s="315">
        <v>0</v>
      </c>
      <c r="CC10" s="312">
        <v>0</v>
      </c>
      <c r="CD10" s="314">
        <v>0</v>
      </c>
      <c r="CE10" s="315">
        <v>0</v>
      </c>
      <c r="CF10" s="315">
        <v>0</v>
      </c>
      <c r="CG10" s="315">
        <v>0</v>
      </c>
      <c r="CH10" s="315">
        <v>0</v>
      </c>
      <c r="CI10" s="315">
        <v>0</v>
      </c>
      <c r="CJ10" s="312">
        <v>0</v>
      </c>
      <c r="CK10" s="317">
        <v>0</v>
      </c>
      <c r="CL10" s="311">
        <v>0</v>
      </c>
      <c r="CM10" s="315">
        <v>0</v>
      </c>
      <c r="CN10" s="312">
        <v>0</v>
      </c>
      <c r="CO10" s="314">
        <v>0</v>
      </c>
      <c r="CP10" s="315">
        <v>0</v>
      </c>
      <c r="CQ10" s="315">
        <v>0</v>
      </c>
      <c r="CR10" s="315">
        <v>0</v>
      </c>
      <c r="CS10" s="315">
        <v>0</v>
      </c>
      <c r="CT10" s="315">
        <v>2</v>
      </c>
      <c r="CU10" s="312">
        <v>2</v>
      </c>
      <c r="CV10" s="317">
        <v>2</v>
      </c>
    </row>
    <row r="11" spans="1:100" ht="21" customHeight="1" x14ac:dyDescent="0.2">
      <c r="A11" s="296" t="s">
        <v>8</v>
      </c>
      <c r="B11" s="311">
        <v>0</v>
      </c>
      <c r="C11" s="312">
        <v>0</v>
      </c>
      <c r="D11" s="313">
        <v>0</v>
      </c>
      <c r="E11" s="314">
        <v>0</v>
      </c>
      <c r="F11" s="315">
        <v>0</v>
      </c>
      <c r="G11" s="315">
        <v>1</v>
      </c>
      <c r="H11" s="315">
        <v>0</v>
      </c>
      <c r="I11" s="315">
        <v>1</v>
      </c>
      <c r="J11" s="315">
        <v>0</v>
      </c>
      <c r="K11" s="316">
        <v>2</v>
      </c>
      <c r="L11" s="317">
        <v>2</v>
      </c>
      <c r="M11" s="311">
        <v>0</v>
      </c>
      <c r="N11" s="315">
        <v>0</v>
      </c>
      <c r="O11" s="312">
        <v>0</v>
      </c>
      <c r="P11" s="314">
        <v>0</v>
      </c>
      <c r="Q11" s="315">
        <v>0</v>
      </c>
      <c r="R11" s="315">
        <v>0</v>
      </c>
      <c r="S11" s="315">
        <v>0</v>
      </c>
      <c r="T11" s="315">
        <v>0</v>
      </c>
      <c r="U11" s="315">
        <v>0</v>
      </c>
      <c r="V11" s="312">
        <v>0</v>
      </c>
      <c r="W11" s="317">
        <v>0</v>
      </c>
      <c r="X11" s="311">
        <v>0</v>
      </c>
      <c r="Y11" s="315">
        <v>0</v>
      </c>
      <c r="Z11" s="312">
        <v>0</v>
      </c>
      <c r="AA11" s="314">
        <v>0</v>
      </c>
      <c r="AB11" s="315">
        <v>28</v>
      </c>
      <c r="AC11" s="315">
        <v>21</v>
      </c>
      <c r="AD11" s="315">
        <v>7</v>
      </c>
      <c r="AE11" s="315">
        <v>5</v>
      </c>
      <c r="AF11" s="315">
        <v>1</v>
      </c>
      <c r="AG11" s="312">
        <v>62</v>
      </c>
      <c r="AH11" s="317">
        <v>62</v>
      </c>
      <c r="AI11" s="311">
        <v>0</v>
      </c>
      <c r="AJ11" s="315">
        <v>0</v>
      </c>
      <c r="AK11" s="312">
        <v>0</v>
      </c>
      <c r="AL11" s="314">
        <v>0</v>
      </c>
      <c r="AM11" s="315">
        <v>0</v>
      </c>
      <c r="AN11" s="315">
        <v>1</v>
      </c>
      <c r="AO11" s="315">
        <v>0</v>
      </c>
      <c r="AP11" s="315">
        <v>0</v>
      </c>
      <c r="AQ11" s="315">
        <v>0</v>
      </c>
      <c r="AR11" s="312">
        <v>1</v>
      </c>
      <c r="AS11" s="317">
        <v>1</v>
      </c>
      <c r="AT11" s="311">
        <v>0</v>
      </c>
      <c r="AU11" s="315">
        <v>0</v>
      </c>
      <c r="AV11" s="312">
        <v>0</v>
      </c>
      <c r="AW11" s="314">
        <v>0</v>
      </c>
      <c r="AX11" s="315">
        <v>2</v>
      </c>
      <c r="AY11" s="315">
        <v>0</v>
      </c>
      <c r="AZ11" s="315">
        <v>1</v>
      </c>
      <c r="BA11" s="315">
        <v>0</v>
      </c>
      <c r="BB11" s="315">
        <v>0</v>
      </c>
      <c r="BC11" s="312">
        <v>3</v>
      </c>
      <c r="BD11" s="317">
        <v>3</v>
      </c>
      <c r="BE11" s="311">
        <v>0</v>
      </c>
      <c r="BF11" s="315">
        <v>0</v>
      </c>
      <c r="BG11" s="312">
        <v>0</v>
      </c>
      <c r="BH11" s="314">
        <v>0</v>
      </c>
      <c r="BI11" s="315">
        <v>0</v>
      </c>
      <c r="BJ11" s="315">
        <v>2</v>
      </c>
      <c r="BK11" s="315">
        <v>0</v>
      </c>
      <c r="BL11" s="315">
        <v>6</v>
      </c>
      <c r="BM11" s="315">
        <v>0</v>
      </c>
      <c r="BN11" s="316">
        <v>8</v>
      </c>
      <c r="BO11" s="317">
        <v>8</v>
      </c>
      <c r="BP11" s="311">
        <v>0</v>
      </c>
      <c r="BQ11" s="315">
        <v>0</v>
      </c>
      <c r="BR11" s="312">
        <v>0</v>
      </c>
      <c r="BS11" s="314">
        <v>0</v>
      </c>
      <c r="BT11" s="315">
        <v>0</v>
      </c>
      <c r="BU11" s="315">
        <v>1</v>
      </c>
      <c r="BV11" s="315">
        <v>0</v>
      </c>
      <c r="BW11" s="315">
        <v>1</v>
      </c>
      <c r="BX11" s="315">
        <v>0</v>
      </c>
      <c r="BY11" s="312">
        <v>2</v>
      </c>
      <c r="BZ11" s="317">
        <v>2</v>
      </c>
      <c r="CA11" s="311">
        <v>0</v>
      </c>
      <c r="CB11" s="315">
        <v>0</v>
      </c>
      <c r="CC11" s="312">
        <v>0</v>
      </c>
      <c r="CD11" s="314">
        <v>0</v>
      </c>
      <c r="CE11" s="315">
        <v>0</v>
      </c>
      <c r="CF11" s="315">
        <v>0</v>
      </c>
      <c r="CG11" s="315">
        <v>0</v>
      </c>
      <c r="CH11" s="315">
        <v>1</v>
      </c>
      <c r="CI11" s="315">
        <v>1</v>
      </c>
      <c r="CJ11" s="312">
        <v>2</v>
      </c>
      <c r="CK11" s="317">
        <v>2</v>
      </c>
      <c r="CL11" s="311">
        <v>0</v>
      </c>
      <c r="CM11" s="315">
        <v>0</v>
      </c>
      <c r="CN11" s="312">
        <v>0</v>
      </c>
      <c r="CO11" s="314">
        <v>0</v>
      </c>
      <c r="CP11" s="315">
        <v>0</v>
      </c>
      <c r="CQ11" s="315">
        <v>1</v>
      </c>
      <c r="CR11" s="315">
        <v>0</v>
      </c>
      <c r="CS11" s="315">
        <v>1</v>
      </c>
      <c r="CT11" s="315">
        <v>0</v>
      </c>
      <c r="CU11" s="312">
        <v>2</v>
      </c>
      <c r="CV11" s="317">
        <v>2</v>
      </c>
    </row>
    <row r="12" spans="1:100" ht="21" customHeight="1" x14ac:dyDescent="0.2">
      <c r="A12" s="296" t="s">
        <v>9</v>
      </c>
      <c r="B12" s="311">
        <v>0</v>
      </c>
      <c r="C12" s="312">
        <v>0</v>
      </c>
      <c r="D12" s="313">
        <v>0</v>
      </c>
      <c r="E12" s="314">
        <v>0</v>
      </c>
      <c r="F12" s="315">
        <v>0</v>
      </c>
      <c r="G12" s="315">
        <v>1</v>
      </c>
      <c r="H12" s="315">
        <v>0</v>
      </c>
      <c r="I12" s="315">
        <v>3</v>
      </c>
      <c r="J12" s="315">
        <v>1</v>
      </c>
      <c r="K12" s="316">
        <v>5</v>
      </c>
      <c r="L12" s="317">
        <v>5</v>
      </c>
      <c r="M12" s="311">
        <v>0</v>
      </c>
      <c r="N12" s="315">
        <v>0</v>
      </c>
      <c r="O12" s="312">
        <v>0</v>
      </c>
      <c r="P12" s="314">
        <v>0</v>
      </c>
      <c r="Q12" s="315">
        <v>0</v>
      </c>
      <c r="R12" s="315">
        <v>0</v>
      </c>
      <c r="S12" s="315">
        <v>0</v>
      </c>
      <c r="T12" s="315">
        <v>0</v>
      </c>
      <c r="U12" s="315">
        <v>0</v>
      </c>
      <c r="V12" s="312">
        <v>0</v>
      </c>
      <c r="W12" s="317">
        <v>0</v>
      </c>
      <c r="X12" s="311">
        <v>0</v>
      </c>
      <c r="Y12" s="315">
        <v>0</v>
      </c>
      <c r="Z12" s="312">
        <v>0</v>
      </c>
      <c r="AA12" s="314">
        <v>0</v>
      </c>
      <c r="AB12" s="315">
        <v>31</v>
      </c>
      <c r="AC12" s="315">
        <v>34</v>
      </c>
      <c r="AD12" s="315">
        <v>16</v>
      </c>
      <c r="AE12" s="315">
        <v>10</v>
      </c>
      <c r="AF12" s="315">
        <v>1</v>
      </c>
      <c r="AG12" s="312">
        <v>92</v>
      </c>
      <c r="AH12" s="317">
        <v>92</v>
      </c>
      <c r="AI12" s="311">
        <v>0</v>
      </c>
      <c r="AJ12" s="315">
        <v>0</v>
      </c>
      <c r="AK12" s="312">
        <v>0</v>
      </c>
      <c r="AL12" s="314">
        <v>0</v>
      </c>
      <c r="AM12" s="315">
        <v>2</v>
      </c>
      <c r="AN12" s="315">
        <v>0</v>
      </c>
      <c r="AO12" s="315">
        <v>2</v>
      </c>
      <c r="AP12" s="315">
        <v>0</v>
      </c>
      <c r="AQ12" s="315">
        <v>1</v>
      </c>
      <c r="AR12" s="312">
        <v>5</v>
      </c>
      <c r="AS12" s="317">
        <v>5</v>
      </c>
      <c r="AT12" s="311">
        <v>1</v>
      </c>
      <c r="AU12" s="315">
        <v>0</v>
      </c>
      <c r="AV12" s="312">
        <v>1</v>
      </c>
      <c r="AW12" s="314">
        <v>0</v>
      </c>
      <c r="AX12" s="315">
        <v>4</v>
      </c>
      <c r="AY12" s="315">
        <v>4</v>
      </c>
      <c r="AZ12" s="315">
        <v>3</v>
      </c>
      <c r="BA12" s="315">
        <v>3</v>
      </c>
      <c r="BB12" s="315">
        <v>1</v>
      </c>
      <c r="BC12" s="312">
        <v>15</v>
      </c>
      <c r="BD12" s="317">
        <v>16</v>
      </c>
      <c r="BE12" s="311">
        <v>0</v>
      </c>
      <c r="BF12" s="315">
        <v>0</v>
      </c>
      <c r="BG12" s="312">
        <v>0</v>
      </c>
      <c r="BH12" s="314">
        <v>0</v>
      </c>
      <c r="BI12" s="315">
        <v>0</v>
      </c>
      <c r="BJ12" s="315">
        <v>5</v>
      </c>
      <c r="BK12" s="315">
        <v>3</v>
      </c>
      <c r="BL12" s="315">
        <v>3</v>
      </c>
      <c r="BM12" s="315">
        <v>1</v>
      </c>
      <c r="BN12" s="316">
        <v>12</v>
      </c>
      <c r="BO12" s="317">
        <v>12</v>
      </c>
      <c r="BP12" s="311">
        <v>0</v>
      </c>
      <c r="BQ12" s="315">
        <v>0</v>
      </c>
      <c r="BR12" s="312">
        <v>0</v>
      </c>
      <c r="BS12" s="314">
        <v>0</v>
      </c>
      <c r="BT12" s="315">
        <v>0</v>
      </c>
      <c r="BU12" s="315">
        <v>2</v>
      </c>
      <c r="BV12" s="315">
        <v>0</v>
      </c>
      <c r="BW12" s="315">
        <v>1</v>
      </c>
      <c r="BX12" s="315">
        <v>0</v>
      </c>
      <c r="BY12" s="312">
        <v>3</v>
      </c>
      <c r="BZ12" s="317">
        <v>3</v>
      </c>
      <c r="CA12" s="311">
        <v>0</v>
      </c>
      <c r="CB12" s="315">
        <v>0</v>
      </c>
      <c r="CC12" s="312">
        <v>0</v>
      </c>
      <c r="CD12" s="314">
        <v>0</v>
      </c>
      <c r="CE12" s="315">
        <v>0</v>
      </c>
      <c r="CF12" s="315">
        <v>0</v>
      </c>
      <c r="CG12" s="315">
        <v>0</v>
      </c>
      <c r="CH12" s="315">
        <v>0</v>
      </c>
      <c r="CI12" s="315">
        <v>0</v>
      </c>
      <c r="CJ12" s="312">
        <v>0</v>
      </c>
      <c r="CK12" s="317">
        <v>0</v>
      </c>
      <c r="CL12" s="311">
        <v>0</v>
      </c>
      <c r="CM12" s="315">
        <v>0</v>
      </c>
      <c r="CN12" s="312">
        <v>0</v>
      </c>
      <c r="CO12" s="314">
        <v>0</v>
      </c>
      <c r="CP12" s="315">
        <v>0</v>
      </c>
      <c r="CQ12" s="315">
        <v>1</v>
      </c>
      <c r="CR12" s="315">
        <v>2</v>
      </c>
      <c r="CS12" s="315">
        <v>2</v>
      </c>
      <c r="CT12" s="315">
        <v>2</v>
      </c>
      <c r="CU12" s="312">
        <v>7</v>
      </c>
      <c r="CV12" s="317">
        <v>7</v>
      </c>
    </row>
    <row r="13" spans="1:100" ht="21" customHeight="1" x14ac:dyDescent="0.2">
      <c r="A13" s="296" t="s">
        <v>10</v>
      </c>
      <c r="B13" s="311">
        <v>0</v>
      </c>
      <c r="C13" s="312">
        <v>0</v>
      </c>
      <c r="D13" s="313">
        <v>0</v>
      </c>
      <c r="E13" s="314">
        <v>0</v>
      </c>
      <c r="F13" s="315">
        <v>1</v>
      </c>
      <c r="G13" s="315">
        <v>3</v>
      </c>
      <c r="H13" s="315">
        <v>0</v>
      </c>
      <c r="I13" s="315">
        <v>1</v>
      </c>
      <c r="J13" s="315">
        <v>0</v>
      </c>
      <c r="K13" s="316">
        <v>5</v>
      </c>
      <c r="L13" s="317">
        <v>5</v>
      </c>
      <c r="M13" s="311">
        <v>0</v>
      </c>
      <c r="N13" s="315">
        <v>0</v>
      </c>
      <c r="O13" s="312">
        <v>0</v>
      </c>
      <c r="P13" s="314">
        <v>0</v>
      </c>
      <c r="Q13" s="315">
        <v>0</v>
      </c>
      <c r="R13" s="315">
        <v>1</v>
      </c>
      <c r="S13" s="315">
        <v>2</v>
      </c>
      <c r="T13" s="315">
        <v>1</v>
      </c>
      <c r="U13" s="315">
        <v>2</v>
      </c>
      <c r="V13" s="312">
        <v>6</v>
      </c>
      <c r="W13" s="317">
        <v>6</v>
      </c>
      <c r="X13" s="311">
        <v>0</v>
      </c>
      <c r="Y13" s="315">
        <v>0</v>
      </c>
      <c r="Z13" s="312">
        <v>0</v>
      </c>
      <c r="AA13" s="314">
        <v>0</v>
      </c>
      <c r="AB13" s="315">
        <v>43</v>
      </c>
      <c r="AC13" s="315">
        <v>14</v>
      </c>
      <c r="AD13" s="315">
        <v>9</v>
      </c>
      <c r="AE13" s="315">
        <v>3</v>
      </c>
      <c r="AF13" s="315">
        <v>1</v>
      </c>
      <c r="AG13" s="312">
        <v>70</v>
      </c>
      <c r="AH13" s="317">
        <v>70</v>
      </c>
      <c r="AI13" s="311">
        <v>0</v>
      </c>
      <c r="AJ13" s="315">
        <v>0</v>
      </c>
      <c r="AK13" s="312">
        <v>0</v>
      </c>
      <c r="AL13" s="314">
        <v>0</v>
      </c>
      <c r="AM13" s="315">
        <v>2</v>
      </c>
      <c r="AN13" s="315">
        <v>2</v>
      </c>
      <c r="AO13" s="315">
        <v>1</v>
      </c>
      <c r="AP13" s="315">
        <v>1</v>
      </c>
      <c r="AQ13" s="315">
        <v>1</v>
      </c>
      <c r="AR13" s="312">
        <v>7</v>
      </c>
      <c r="AS13" s="317">
        <v>7</v>
      </c>
      <c r="AT13" s="311">
        <v>1</v>
      </c>
      <c r="AU13" s="315">
        <v>2</v>
      </c>
      <c r="AV13" s="312">
        <v>3</v>
      </c>
      <c r="AW13" s="314">
        <v>0</v>
      </c>
      <c r="AX13" s="315">
        <v>5</v>
      </c>
      <c r="AY13" s="315">
        <v>2</v>
      </c>
      <c r="AZ13" s="315">
        <v>3</v>
      </c>
      <c r="BA13" s="315">
        <v>2</v>
      </c>
      <c r="BB13" s="315">
        <v>3</v>
      </c>
      <c r="BC13" s="312">
        <v>15</v>
      </c>
      <c r="BD13" s="317">
        <v>18</v>
      </c>
      <c r="BE13" s="311">
        <v>0</v>
      </c>
      <c r="BF13" s="315">
        <v>0</v>
      </c>
      <c r="BG13" s="312">
        <v>0</v>
      </c>
      <c r="BH13" s="314">
        <v>0</v>
      </c>
      <c r="BI13" s="315">
        <v>4</v>
      </c>
      <c r="BJ13" s="315">
        <v>8</v>
      </c>
      <c r="BK13" s="315">
        <v>5</v>
      </c>
      <c r="BL13" s="315">
        <v>6</v>
      </c>
      <c r="BM13" s="315">
        <v>7</v>
      </c>
      <c r="BN13" s="316">
        <v>30</v>
      </c>
      <c r="BO13" s="317">
        <v>30</v>
      </c>
      <c r="BP13" s="311">
        <v>0</v>
      </c>
      <c r="BQ13" s="315">
        <v>0</v>
      </c>
      <c r="BR13" s="312">
        <v>0</v>
      </c>
      <c r="BS13" s="314">
        <v>0</v>
      </c>
      <c r="BT13" s="315">
        <v>1</v>
      </c>
      <c r="BU13" s="315">
        <v>4</v>
      </c>
      <c r="BV13" s="315">
        <v>7</v>
      </c>
      <c r="BW13" s="315">
        <v>2</v>
      </c>
      <c r="BX13" s="315">
        <v>6</v>
      </c>
      <c r="BY13" s="312">
        <v>20</v>
      </c>
      <c r="BZ13" s="317">
        <v>20</v>
      </c>
      <c r="CA13" s="311">
        <v>0</v>
      </c>
      <c r="CB13" s="315">
        <v>0</v>
      </c>
      <c r="CC13" s="312">
        <v>0</v>
      </c>
      <c r="CD13" s="314">
        <v>0</v>
      </c>
      <c r="CE13" s="315">
        <v>0</v>
      </c>
      <c r="CF13" s="315">
        <v>0</v>
      </c>
      <c r="CG13" s="315">
        <v>0</v>
      </c>
      <c r="CH13" s="315">
        <v>3</v>
      </c>
      <c r="CI13" s="315">
        <v>2</v>
      </c>
      <c r="CJ13" s="312">
        <v>5</v>
      </c>
      <c r="CK13" s="317">
        <v>5</v>
      </c>
      <c r="CL13" s="311">
        <v>0</v>
      </c>
      <c r="CM13" s="315">
        <v>0</v>
      </c>
      <c r="CN13" s="312">
        <v>0</v>
      </c>
      <c r="CO13" s="314">
        <v>0</v>
      </c>
      <c r="CP13" s="315">
        <v>1</v>
      </c>
      <c r="CQ13" s="315">
        <v>0</v>
      </c>
      <c r="CR13" s="315">
        <v>1</v>
      </c>
      <c r="CS13" s="315">
        <v>0</v>
      </c>
      <c r="CT13" s="315">
        <v>1</v>
      </c>
      <c r="CU13" s="312">
        <v>3</v>
      </c>
      <c r="CV13" s="317">
        <v>3</v>
      </c>
    </row>
    <row r="14" spans="1:100" ht="21" customHeight="1" x14ac:dyDescent="0.2">
      <c r="A14" s="296" t="s">
        <v>11</v>
      </c>
      <c r="B14" s="311">
        <v>0</v>
      </c>
      <c r="C14" s="312">
        <v>0</v>
      </c>
      <c r="D14" s="313">
        <v>0</v>
      </c>
      <c r="E14" s="314">
        <v>0</v>
      </c>
      <c r="F14" s="315">
        <v>0</v>
      </c>
      <c r="G14" s="315">
        <v>1</v>
      </c>
      <c r="H14" s="315">
        <v>1</v>
      </c>
      <c r="I14" s="315">
        <v>0</v>
      </c>
      <c r="J14" s="315">
        <v>1</v>
      </c>
      <c r="K14" s="316">
        <v>3</v>
      </c>
      <c r="L14" s="317">
        <v>3</v>
      </c>
      <c r="M14" s="311">
        <v>0</v>
      </c>
      <c r="N14" s="315">
        <v>0</v>
      </c>
      <c r="O14" s="312">
        <v>0</v>
      </c>
      <c r="P14" s="314">
        <v>0</v>
      </c>
      <c r="Q14" s="315">
        <v>1</v>
      </c>
      <c r="R14" s="315">
        <v>0</v>
      </c>
      <c r="S14" s="315">
        <v>0</v>
      </c>
      <c r="T14" s="315">
        <v>0</v>
      </c>
      <c r="U14" s="315">
        <v>0</v>
      </c>
      <c r="V14" s="312">
        <v>1</v>
      </c>
      <c r="W14" s="317">
        <v>1</v>
      </c>
      <c r="X14" s="311">
        <v>0</v>
      </c>
      <c r="Y14" s="315">
        <v>0</v>
      </c>
      <c r="Z14" s="312">
        <v>0</v>
      </c>
      <c r="AA14" s="314">
        <v>0</v>
      </c>
      <c r="AB14" s="315">
        <v>19</v>
      </c>
      <c r="AC14" s="315">
        <v>4</v>
      </c>
      <c r="AD14" s="315">
        <v>8</v>
      </c>
      <c r="AE14" s="315">
        <v>5</v>
      </c>
      <c r="AF14" s="315">
        <v>1</v>
      </c>
      <c r="AG14" s="312">
        <v>37</v>
      </c>
      <c r="AH14" s="317">
        <v>37</v>
      </c>
      <c r="AI14" s="311">
        <v>0</v>
      </c>
      <c r="AJ14" s="315">
        <v>0</v>
      </c>
      <c r="AK14" s="312">
        <v>0</v>
      </c>
      <c r="AL14" s="314">
        <v>0</v>
      </c>
      <c r="AM14" s="315">
        <v>0</v>
      </c>
      <c r="AN14" s="315">
        <v>0</v>
      </c>
      <c r="AO14" s="315">
        <v>0</v>
      </c>
      <c r="AP14" s="315">
        <v>0</v>
      </c>
      <c r="AQ14" s="315">
        <v>2</v>
      </c>
      <c r="AR14" s="312">
        <v>2</v>
      </c>
      <c r="AS14" s="317">
        <v>2</v>
      </c>
      <c r="AT14" s="311">
        <v>0</v>
      </c>
      <c r="AU14" s="315">
        <v>0</v>
      </c>
      <c r="AV14" s="312">
        <v>0</v>
      </c>
      <c r="AW14" s="314">
        <v>0</v>
      </c>
      <c r="AX14" s="315">
        <v>1</v>
      </c>
      <c r="AY14" s="315">
        <v>2</v>
      </c>
      <c r="AZ14" s="315">
        <v>1</v>
      </c>
      <c r="BA14" s="315">
        <v>1</v>
      </c>
      <c r="BB14" s="315">
        <v>0</v>
      </c>
      <c r="BC14" s="312">
        <v>5</v>
      </c>
      <c r="BD14" s="317">
        <v>5</v>
      </c>
      <c r="BE14" s="311">
        <v>0</v>
      </c>
      <c r="BF14" s="315">
        <v>0</v>
      </c>
      <c r="BG14" s="312">
        <v>0</v>
      </c>
      <c r="BH14" s="314">
        <v>0</v>
      </c>
      <c r="BI14" s="315">
        <v>0</v>
      </c>
      <c r="BJ14" s="315">
        <v>3</v>
      </c>
      <c r="BK14" s="315">
        <v>0</v>
      </c>
      <c r="BL14" s="315">
        <v>3</v>
      </c>
      <c r="BM14" s="315">
        <v>1</v>
      </c>
      <c r="BN14" s="316">
        <v>7</v>
      </c>
      <c r="BO14" s="317">
        <v>7</v>
      </c>
      <c r="BP14" s="311">
        <v>0</v>
      </c>
      <c r="BQ14" s="315">
        <v>0</v>
      </c>
      <c r="BR14" s="312">
        <v>0</v>
      </c>
      <c r="BS14" s="314">
        <v>0</v>
      </c>
      <c r="BT14" s="315">
        <v>0</v>
      </c>
      <c r="BU14" s="315">
        <v>0</v>
      </c>
      <c r="BV14" s="315">
        <v>0</v>
      </c>
      <c r="BW14" s="315">
        <v>0</v>
      </c>
      <c r="BX14" s="315">
        <v>0</v>
      </c>
      <c r="BY14" s="312">
        <v>0</v>
      </c>
      <c r="BZ14" s="317">
        <v>0</v>
      </c>
      <c r="CA14" s="311">
        <v>0</v>
      </c>
      <c r="CB14" s="315">
        <v>0</v>
      </c>
      <c r="CC14" s="312">
        <v>0</v>
      </c>
      <c r="CD14" s="314">
        <v>0</v>
      </c>
      <c r="CE14" s="315">
        <v>0</v>
      </c>
      <c r="CF14" s="315">
        <v>0</v>
      </c>
      <c r="CG14" s="315">
        <v>0</v>
      </c>
      <c r="CH14" s="315">
        <v>0</v>
      </c>
      <c r="CI14" s="315">
        <v>0</v>
      </c>
      <c r="CJ14" s="312">
        <v>0</v>
      </c>
      <c r="CK14" s="317">
        <v>0</v>
      </c>
      <c r="CL14" s="311">
        <v>0</v>
      </c>
      <c r="CM14" s="315">
        <v>0</v>
      </c>
      <c r="CN14" s="312">
        <v>0</v>
      </c>
      <c r="CO14" s="314">
        <v>0</v>
      </c>
      <c r="CP14" s="315">
        <v>0</v>
      </c>
      <c r="CQ14" s="315">
        <v>0</v>
      </c>
      <c r="CR14" s="315">
        <v>0</v>
      </c>
      <c r="CS14" s="315">
        <v>0</v>
      </c>
      <c r="CT14" s="315">
        <v>0</v>
      </c>
      <c r="CU14" s="312">
        <v>0</v>
      </c>
      <c r="CV14" s="317">
        <v>0</v>
      </c>
    </row>
    <row r="15" spans="1:100" ht="21" customHeight="1" x14ac:dyDescent="0.2">
      <c r="A15" s="296" t="s">
        <v>12</v>
      </c>
      <c r="B15" s="311">
        <v>0</v>
      </c>
      <c r="C15" s="312">
        <v>0</v>
      </c>
      <c r="D15" s="313">
        <v>0</v>
      </c>
      <c r="E15" s="314">
        <v>0</v>
      </c>
      <c r="F15" s="315">
        <v>0</v>
      </c>
      <c r="G15" s="315">
        <v>0</v>
      </c>
      <c r="H15" s="315">
        <v>0</v>
      </c>
      <c r="I15" s="315">
        <v>0</v>
      </c>
      <c r="J15" s="315">
        <v>0</v>
      </c>
      <c r="K15" s="316">
        <v>0</v>
      </c>
      <c r="L15" s="317">
        <v>0</v>
      </c>
      <c r="M15" s="311">
        <v>0</v>
      </c>
      <c r="N15" s="315">
        <v>0</v>
      </c>
      <c r="O15" s="312">
        <v>0</v>
      </c>
      <c r="P15" s="314">
        <v>0</v>
      </c>
      <c r="Q15" s="315">
        <v>0</v>
      </c>
      <c r="R15" s="315">
        <v>0</v>
      </c>
      <c r="S15" s="315">
        <v>0</v>
      </c>
      <c r="T15" s="315">
        <v>0</v>
      </c>
      <c r="U15" s="315">
        <v>0</v>
      </c>
      <c r="V15" s="312">
        <v>0</v>
      </c>
      <c r="W15" s="317">
        <v>0</v>
      </c>
      <c r="X15" s="311">
        <v>0</v>
      </c>
      <c r="Y15" s="315">
        <v>0</v>
      </c>
      <c r="Z15" s="312">
        <v>0</v>
      </c>
      <c r="AA15" s="314">
        <v>0</v>
      </c>
      <c r="AB15" s="315">
        <v>16</v>
      </c>
      <c r="AC15" s="315">
        <v>10</v>
      </c>
      <c r="AD15" s="315">
        <v>8</v>
      </c>
      <c r="AE15" s="315">
        <v>4</v>
      </c>
      <c r="AF15" s="315">
        <v>0</v>
      </c>
      <c r="AG15" s="312">
        <v>38</v>
      </c>
      <c r="AH15" s="317">
        <v>38</v>
      </c>
      <c r="AI15" s="311">
        <v>0</v>
      </c>
      <c r="AJ15" s="315">
        <v>0</v>
      </c>
      <c r="AK15" s="312">
        <v>0</v>
      </c>
      <c r="AL15" s="314">
        <v>0</v>
      </c>
      <c r="AM15" s="315">
        <v>0</v>
      </c>
      <c r="AN15" s="315">
        <v>1</v>
      </c>
      <c r="AO15" s="315">
        <v>0</v>
      </c>
      <c r="AP15" s="315">
        <v>0</v>
      </c>
      <c r="AQ15" s="315">
        <v>0</v>
      </c>
      <c r="AR15" s="312">
        <v>1</v>
      </c>
      <c r="AS15" s="317">
        <v>1</v>
      </c>
      <c r="AT15" s="311">
        <v>1</v>
      </c>
      <c r="AU15" s="315">
        <v>0</v>
      </c>
      <c r="AV15" s="312">
        <v>1</v>
      </c>
      <c r="AW15" s="314">
        <v>0</v>
      </c>
      <c r="AX15" s="315">
        <v>1</v>
      </c>
      <c r="AY15" s="315">
        <v>1</v>
      </c>
      <c r="AZ15" s="315">
        <v>2</v>
      </c>
      <c r="BA15" s="315">
        <v>2</v>
      </c>
      <c r="BB15" s="315">
        <v>0</v>
      </c>
      <c r="BC15" s="312">
        <v>6</v>
      </c>
      <c r="BD15" s="317">
        <v>7</v>
      </c>
      <c r="BE15" s="311">
        <v>0</v>
      </c>
      <c r="BF15" s="315">
        <v>0</v>
      </c>
      <c r="BG15" s="312">
        <v>0</v>
      </c>
      <c r="BH15" s="314">
        <v>0</v>
      </c>
      <c r="BI15" s="315">
        <v>4</v>
      </c>
      <c r="BJ15" s="315">
        <v>1</v>
      </c>
      <c r="BK15" s="315">
        <v>2</v>
      </c>
      <c r="BL15" s="315">
        <v>1</v>
      </c>
      <c r="BM15" s="315">
        <v>0</v>
      </c>
      <c r="BN15" s="316">
        <v>8</v>
      </c>
      <c r="BO15" s="317">
        <v>8</v>
      </c>
      <c r="BP15" s="311">
        <v>0</v>
      </c>
      <c r="BQ15" s="315">
        <v>0</v>
      </c>
      <c r="BR15" s="312">
        <v>0</v>
      </c>
      <c r="BS15" s="314">
        <v>0</v>
      </c>
      <c r="BT15" s="315">
        <v>0</v>
      </c>
      <c r="BU15" s="315">
        <v>2</v>
      </c>
      <c r="BV15" s="315">
        <v>0</v>
      </c>
      <c r="BW15" s="315">
        <v>2</v>
      </c>
      <c r="BX15" s="315">
        <v>0</v>
      </c>
      <c r="BY15" s="312">
        <v>4</v>
      </c>
      <c r="BZ15" s="317">
        <v>4</v>
      </c>
      <c r="CA15" s="311">
        <v>0</v>
      </c>
      <c r="CB15" s="315">
        <v>0</v>
      </c>
      <c r="CC15" s="312">
        <v>0</v>
      </c>
      <c r="CD15" s="314">
        <v>0</v>
      </c>
      <c r="CE15" s="315">
        <v>0</v>
      </c>
      <c r="CF15" s="315">
        <v>0</v>
      </c>
      <c r="CG15" s="315">
        <v>0</v>
      </c>
      <c r="CH15" s="315">
        <v>0</v>
      </c>
      <c r="CI15" s="315">
        <v>1</v>
      </c>
      <c r="CJ15" s="312">
        <v>1</v>
      </c>
      <c r="CK15" s="317">
        <v>1</v>
      </c>
      <c r="CL15" s="311">
        <v>0</v>
      </c>
      <c r="CM15" s="315">
        <v>0</v>
      </c>
      <c r="CN15" s="312">
        <v>0</v>
      </c>
      <c r="CO15" s="314">
        <v>0</v>
      </c>
      <c r="CP15" s="315">
        <v>0</v>
      </c>
      <c r="CQ15" s="315">
        <v>1</v>
      </c>
      <c r="CR15" s="315">
        <v>0</v>
      </c>
      <c r="CS15" s="315">
        <v>2</v>
      </c>
      <c r="CT15" s="315">
        <v>3</v>
      </c>
      <c r="CU15" s="312">
        <v>6</v>
      </c>
      <c r="CV15" s="317">
        <v>6</v>
      </c>
    </row>
    <row r="16" spans="1:100" ht="21" customHeight="1" x14ac:dyDescent="0.2">
      <c r="A16" s="296" t="s">
        <v>13</v>
      </c>
      <c r="B16" s="311">
        <v>0</v>
      </c>
      <c r="C16" s="312">
        <v>0</v>
      </c>
      <c r="D16" s="313">
        <v>0</v>
      </c>
      <c r="E16" s="314">
        <v>0</v>
      </c>
      <c r="F16" s="315">
        <v>0</v>
      </c>
      <c r="G16" s="315">
        <v>0</v>
      </c>
      <c r="H16" s="315">
        <v>0</v>
      </c>
      <c r="I16" s="315">
        <v>0</v>
      </c>
      <c r="J16" s="315">
        <v>0</v>
      </c>
      <c r="K16" s="316">
        <v>0</v>
      </c>
      <c r="L16" s="317">
        <v>0</v>
      </c>
      <c r="M16" s="311">
        <v>0</v>
      </c>
      <c r="N16" s="315">
        <v>0</v>
      </c>
      <c r="O16" s="312">
        <v>0</v>
      </c>
      <c r="P16" s="314">
        <v>0</v>
      </c>
      <c r="Q16" s="315">
        <v>0</v>
      </c>
      <c r="R16" s="315">
        <v>0</v>
      </c>
      <c r="S16" s="315">
        <v>0</v>
      </c>
      <c r="T16" s="315">
        <v>0</v>
      </c>
      <c r="U16" s="315">
        <v>0</v>
      </c>
      <c r="V16" s="312">
        <v>0</v>
      </c>
      <c r="W16" s="317">
        <v>0</v>
      </c>
      <c r="X16" s="311">
        <v>0</v>
      </c>
      <c r="Y16" s="315">
        <v>0</v>
      </c>
      <c r="Z16" s="312">
        <v>0</v>
      </c>
      <c r="AA16" s="314">
        <v>0</v>
      </c>
      <c r="AB16" s="315">
        <v>7</v>
      </c>
      <c r="AC16" s="315">
        <v>7</v>
      </c>
      <c r="AD16" s="315">
        <v>5</v>
      </c>
      <c r="AE16" s="315">
        <v>3</v>
      </c>
      <c r="AF16" s="315">
        <v>0</v>
      </c>
      <c r="AG16" s="312">
        <v>22</v>
      </c>
      <c r="AH16" s="317">
        <v>22</v>
      </c>
      <c r="AI16" s="311">
        <v>0</v>
      </c>
      <c r="AJ16" s="315">
        <v>0</v>
      </c>
      <c r="AK16" s="312">
        <v>0</v>
      </c>
      <c r="AL16" s="314">
        <v>0</v>
      </c>
      <c r="AM16" s="315">
        <v>0</v>
      </c>
      <c r="AN16" s="315">
        <v>0</v>
      </c>
      <c r="AO16" s="315">
        <v>0</v>
      </c>
      <c r="AP16" s="315">
        <v>0</v>
      </c>
      <c r="AQ16" s="315">
        <v>0</v>
      </c>
      <c r="AR16" s="312">
        <v>0</v>
      </c>
      <c r="AS16" s="317">
        <v>0</v>
      </c>
      <c r="AT16" s="311">
        <v>0</v>
      </c>
      <c r="AU16" s="315">
        <v>0</v>
      </c>
      <c r="AV16" s="312">
        <v>0</v>
      </c>
      <c r="AW16" s="314">
        <v>0</v>
      </c>
      <c r="AX16" s="315">
        <v>0</v>
      </c>
      <c r="AY16" s="315">
        <v>1</v>
      </c>
      <c r="AZ16" s="315">
        <v>0</v>
      </c>
      <c r="BA16" s="315">
        <v>0</v>
      </c>
      <c r="BB16" s="315">
        <v>0</v>
      </c>
      <c r="BC16" s="312">
        <v>1</v>
      </c>
      <c r="BD16" s="317">
        <v>1</v>
      </c>
      <c r="BE16" s="311">
        <v>0</v>
      </c>
      <c r="BF16" s="315">
        <v>0</v>
      </c>
      <c r="BG16" s="312">
        <v>0</v>
      </c>
      <c r="BH16" s="314">
        <v>0</v>
      </c>
      <c r="BI16" s="315">
        <v>0</v>
      </c>
      <c r="BJ16" s="315">
        <v>0</v>
      </c>
      <c r="BK16" s="315">
        <v>2</v>
      </c>
      <c r="BL16" s="315">
        <v>0</v>
      </c>
      <c r="BM16" s="315">
        <v>0</v>
      </c>
      <c r="BN16" s="316">
        <v>2</v>
      </c>
      <c r="BO16" s="317">
        <v>2</v>
      </c>
      <c r="BP16" s="311">
        <v>0</v>
      </c>
      <c r="BQ16" s="315">
        <v>0</v>
      </c>
      <c r="BR16" s="312">
        <v>0</v>
      </c>
      <c r="BS16" s="314">
        <v>0</v>
      </c>
      <c r="BT16" s="315">
        <v>0</v>
      </c>
      <c r="BU16" s="315">
        <v>0</v>
      </c>
      <c r="BV16" s="315">
        <v>2</v>
      </c>
      <c r="BW16" s="315">
        <v>1</v>
      </c>
      <c r="BX16" s="315">
        <v>0</v>
      </c>
      <c r="BY16" s="312">
        <v>3</v>
      </c>
      <c r="BZ16" s="317">
        <v>3</v>
      </c>
      <c r="CA16" s="311">
        <v>0</v>
      </c>
      <c r="CB16" s="315">
        <v>0</v>
      </c>
      <c r="CC16" s="312">
        <v>0</v>
      </c>
      <c r="CD16" s="314">
        <v>0</v>
      </c>
      <c r="CE16" s="315">
        <v>0</v>
      </c>
      <c r="CF16" s="315">
        <v>0</v>
      </c>
      <c r="CG16" s="315">
        <v>0</v>
      </c>
      <c r="CH16" s="315">
        <v>0</v>
      </c>
      <c r="CI16" s="315">
        <v>0</v>
      </c>
      <c r="CJ16" s="312">
        <v>0</v>
      </c>
      <c r="CK16" s="317">
        <v>0</v>
      </c>
      <c r="CL16" s="311">
        <v>0</v>
      </c>
      <c r="CM16" s="315">
        <v>0</v>
      </c>
      <c r="CN16" s="312">
        <v>0</v>
      </c>
      <c r="CO16" s="314">
        <v>0</v>
      </c>
      <c r="CP16" s="315">
        <v>0</v>
      </c>
      <c r="CQ16" s="315">
        <v>0</v>
      </c>
      <c r="CR16" s="315">
        <v>0</v>
      </c>
      <c r="CS16" s="315">
        <v>0</v>
      </c>
      <c r="CT16" s="315">
        <v>0</v>
      </c>
      <c r="CU16" s="312">
        <v>0</v>
      </c>
      <c r="CV16" s="317">
        <v>0</v>
      </c>
    </row>
    <row r="17" spans="1:100" ht="21" customHeight="1" x14ac:dyDescent="0.2">
      <c r="A17" s="296" t="s">
        <v>15</v>
      </c>
      <c r="B17" s="311">
        <v>0</v>
      </c>
      <c r="C17" s="312">
        <v>0</v>
      </c>
      <c r="D17" s="313">
        <v>0</v>
      </c>
      <c r="E17" s="314">
        <v>0</v>
      </c>
      <c r="F17" s="315">
        <v>0</v>
      </c>
      <c r="G17" s="315">
        <v>0</v>
      </c>
      <c r="H17" s="315">
        <v>0</v>
      </c>
      <c r="I17" s="315">
        <v>0</v>
      </c>
      <c r="J17" s="315">
        <v>0</v>
      </c>
      <c r="K17" s="316">
        <v>0</v>
      </c>
      <c r="L17" s="317">
        <v>0</v>
      </c>
      <c r="M17" s="311">
        <v>0</v>
      </c>
      <c r="N17" s="315">
        <v>0</v>
      </c>
      <c r="O17" s="312">
        <v>0</v>
      </c>
      <c r="P17" s="314">
        <v>0</v>
      </c>
      <c r="Q17" s="315">
        <v>0</v>
      </c>
      <c r="R17" s="315">
        <v>0</v>
      </c>
      <c r="S17" s="315">
        <v>0</v>
      </c>
      <c r="T17" s="315">
        <v>0</v>
      </c>
      <c r="U17" s="315">
        <v>0</v>
      </c>
      <c r="V17" s="312">
        <v>0</v>
      </c>
      <c r="W17" s="317">
        <v>0</v>
      </c>
      <c r="X17" s="311">
        <v>0</v>
      </c>
      <c r="Y17" s="315">
        <v>0</v>
      </c>
      <c r="Z17" s="312">
        <v>0</v>
      </c>
      <c r="AA17" s="314">
        <v>0</v>
      </c>
      <c r="AB17" s="315">
        <v>9</v>
      </c>
      <c r="AC17" s="315">
        <v>6</v>
      </c>
      <c r="AD17" s="315">
        <v>1</v>
      </c>
      <c r="AE17" s="315">
        <v>3</v>
      </c>
      <c r="AF17" s="315">
        <v>1</v>
      </c>
      <c r="AG17" s="312">
        <v>20</v>
      </c>
      <c r="AH17" s="317">
        <v>20</v>
      </c>
      <c r="AI17" s="311">
        <v>0</v>
      </c>
      <c r="AJ17" s="315">
        <v>0</v>
      </c>
      <c r="AK17" s="312">
        <v>0</v>
      </c>
      <c r="AL17" s="314">
        <v>0</v>
      </c>
      <c r="AM17" s="315">
        <v>0</v>
      </c>
      <c r="AN17" s="315">
        <v>0</v>
      </c>
      <c r="AO17" s="315">
        <v>0</v>
      </c>
      <c r="AP17" s="315">
        <v>0</v>
      </c>
      <c r="AQ17" s="315">
        <v>0</v>
      </c>
      <c r="AR17" s="312">
        <v>0</v>
      </c>
      <c r="AS17" s="317">
        <v>0</v>
      </c>
      <c r="AT17" s="311">
        <v>0</v>
      </c>
      <c r="AU17" s="315">
        <v>0</v>
      </c>
      <c r="AV17" s="312">
        <v>0</v>
      </c>
      <c r="AW17" s="314">
        <v>0</v>
      </c>
      <c r="AX17" s="315">
        <v>0</v>
      </c>
      <c r="AY17" s="315">
        <v>0</v>
      </c>
      <c r="AZ17" s="315">
        <v>0</v>
      </c>
      <c r="BA17" s="315">
        <v>0</v>
      </c>
      <c r="BB17" s="315">
        <v>0</v>
      </c>
      <c r="BC17" s="312">
        <v>0</v>
      </c>
      <c r="BD17" s="317">
        <v>0</v>
      </c>
      <c r="BE17" s="311">
        <v>0</v>
      </c>
      <c r="BF17" s="315">
        <v>0</v>
      </c>
      <c r="BG17" s="312">
        <v>0</v>
      </c>
      <c r="BH17" s="314">
        <v>0</v>
      </c>
      <c r="BI17" s="315">
        <v>0</v>
      </c>
      <c r="BJ17" s="315">
        <v>1</v>
      </c>
      <c r="BK17" s="315">
        <v>2</v>
      </c>
      <c r="BL17" s="315">
        <v>1</v>
      </c>
      <c r="BM17" s="315">
        <v>0</v>
      </c>
      <c r="BN17" s="316">
        <v>4</v>
      </c>
      <c r="BO17" s="317">
        <v>4</v>
      </c>
      <c r="BP17" s="311">
        <v>0</v>
      </c>
      <c r="BQ17" s="315">
        <v>0</v>
      </c>
      <c r="BR17" s="312">
        <v>0</v>
      </c>
      <c r="BS17" s="314">
        <v>0</v>
      </c>
      <c r="BT17" s="315">
        <v>0</v>
      </c>
      <c r="BU17" s="315">
        <v>0</v>
      </c>
      <c r="BV17" s="315">
        <v>0</v>
      </c>
      <c r="BW17" s="315">
        <v>0</v>
      </c>
      <c r="BX17" s="315">
        <v>0</v>
      </c>
      <c r="BY17" s="312">
        <v>0</v>
      </c>
      <c r="BZ17" s="317">
        <v>0</v>
      </c>
      <c r="CA17" s="311">
        <v>0</v>
      </c>
      <c r="CB17" s="315">
        <v>0</v>
      </c>
      <c r="CC17" s="312">
        <v>0</v>
      </c>
      <c r="CD17" s="314">
        <v>0</v>
      </c>
      <c r="CE17" s="315">
        <v>0</v>
      </c>
      <c r="CF17" s="315">
        <v>0</v>
      </c>
      <c r="CG17" s="315">
        <v>0</v>
      </c>
      <c r="CH17" s="315">
        <v>0</v>
      </c>
      <c r="CI17" s="315">
        <v>0</v>
      </c>
      <c r="CJ17" s="312">
        <v>0</v>
      </c>
      <c r="CK17" s="317">
        <v>0</v>
      </c>
      <c r="CL17" s="311">
        <v>0</v>
      </c>
      <c r="CM17" s="315">
        <v>0</v>
      </c>
      <c r="CN17" s="312">
        <v>0</v>
      </c>
      <c r="CO17" s="314">
        <v>0</v>
      </c>
      <c r="CP17" s="315">
        <v>0</v>
      </c>
      <c r="CQ17" s="315">
        <v>0</v>
      </c>
      <c r="CR17" s="315">
        <v>0</v>
      </c>
      <c r="CS17" s="315">
        <v>0</v>
      </c>
      <c r="CT17" s="315">
        <v>0</v>
      </c>
      <c r="CU17" s="312">
        <v>0</v>
      </c>
      <c r="CV17" s="317">
        <v>0</v>
      </c>
    </row>
    <row r="18" spans="1:100" ht="21" customHeight="1" x14ac:dyDescent="0.2">
      <c r="A18" s="296" t="s">
        <v>16</v>
      </c>
      <c r="B18" s="311">
        <v>0</v>
      </c>
      <c r="C18" s="312">
        <v>0</v>
      </c>
      <c r="D18" s="313">
        <v>0</v>
      </c>
      <c r="E18" s="314">
        <v>0</v>
      </c>
      <c r="F18" s="315">
        <v>0</v>
      </c>
      <c r="G18" s="315">
        <v>0</v>
      </c>
      <c r="H18" s="315">
        <v>1</v>
      </c>
      <c r="I18" s="315">
        <v>0</v>
      </c>
      <c r="J18" s="315">
        <v>1</v>
      </c>
      <c r="K18" s="316">
        <v>2</v>
      </c>
      <c r="L18" s="317">
        <v>2</v>
      </c>
      <c r="M18" s="311">
        <v>0</v>
      </c>
      <c r="N18" s="315">
        <v>0</v>
      </c>
      <c r="O18" s="312">
        <v>0</v>
      </c>
      <c r="P18" s="314">
        <v>0</v>
      </c>
      <c r="Q18" s="315">
        <v>0</v>
      </c>
      <c r="R18" s="315">
        <v>0</v>
      </c>
      <c r="S18" s="315">
        <v>0</v>
      </c>
      <c r="T18" s="315">
        <v>0</v>
      </c>
      <c r="U18" s="315">
        <v>0</v>
      </c>
      <c r="V18" s="312">
        <v>0</v>
      </c>
      <c r="W18" s="317">
        <v>0</v>
      </c>
      <c r="X18" s="311">
        <v>0</v>
      </c>
      <c r="Y18" s="315">
        <v>0</v>
      </c>
      <c r="Z18" s="312">
        <v>0</v>
      </c>
      <c r="AA18" s="314">
        <v>0</v>
      </c>
      <c r="AB18" s="315">
        <v>7</v>
      </c>
      <c r="AC18" s="315">
        <v>5</v>
      </c>
      <c r="AD18" s="315">
        <v>8</v>
      </c>
      <c r="AE18" s="315">
        <v>0</v>
      </c>
      <c r="AF18" s="315">
        <v>2</v>
      </c>
      <c r="AG18" s="312">
        <v>22</v>
      </c>
      <c r="AH18" s="317">
        <v>22</v>
      </c>
      <c r="AI18" s="311">
        <v>0</v>
      </c>
      <c r="AJ18" s="315">
        <v>0</v>
      </c>
      <c r="AK18" s="312">
        <v>0</v>
      </c>
      <c r="AL18" s="314">
        <v>0</v>
      </c>
      <c r="AM18" s="315">
        <v>0</v>
      </c>
      <c r="AN18" s="315">
        <v>1</v>
      </c>
      <c r="AO18" s="315">
        <v>1</v>
      </c>
      <c r="AP18" s="315">
        <v>0</v>
      </c>
      <c r="AQ18" s="315">
        <v>1</v>
      </c>
      <c r="AR18" s="312">
        <v>3</v>
      </c>
      <c r="AS18" s="317">
        <v>3</v>
      </c>
      <c r="AT18" s="311">
        <v>0</v>
      </c>
      <c r="AU18" s="315">
        <v>0</v>
      </c>
      <c r="AV18" s="312">
        <v>0</v>
      </c>
      <c r="AW18" s="314">
        <v>0</v>
      </c>
      <c r="AX18" s="315">
        <v>0</v>
      </c>
      <c r="AY18" s="315">
        <v>0</v>
      </c>
      <c r="AZ18" s="315">
        <v>0</v>
      </c>
      <c r="BA18" s="315">
        <v>0</v>
      </c>
      <c r="BB18" s="315">
        <v>1</v>
      </c>
      <c r="BC18" s="312">
        <v>1</v>
      </c>
      <c r="BD18" s="317">
        <v>1</v>
      </c>
      <c r="BE18" s="311">
        <v>0</v>
      </c>
      <c r="BF18" s="315">
        <v>0</v>
      </c>
      <c r="BG18" s="312">
        <v>0</v>
      </c>
      <c r="BH18" s="314">
        <v>0</v>
      </c>
      <c r="BI18" s="315">
        <v>0</v>
      </c>
      <c r="BJ18" s="315">
        <v>1</v>
      </c>
      <c r="BK18" s="315">
        <v>2</v>
      </c>
      <c r="BL18" s="315">
        <v>1</v>
      </c>
      <c r="BM18" s="315">
        <v>0</v>
      </c>
      <c r="BN18" s="316">
        <v>4</v>
      </c>
      <c r="BO18" s="317">
        <v>4</v>
      </c>
      <c r="BP18" s="311">
        <v>0</v>
      </c>
      <c r="BQ18" s="315">
        <v>0</v>
      </c>
      <c r="BR18" s="312">
        <v>0</v>
      </c>
      <c r="BS18" s="314">
        <v>0</v>
      </c>
      <c r="BT18" s="315">
        <v>0</v>
      </c>
      <c r="BU18" s="315">
        <v>0</v>
      </c>
      <c r="BV18" s="315">
        <v>0</v>
      </c>
      <c r="BW18" s="315">
        <v>0</v>
      </c>
      <c r="BX18" s="315">
        <v>0</v>
      </c>
      <c r="BY18" s="312">
        <v>0</v>
      </c>
      <c r="BZ18" s="317">
        <v>0</v>
      </c>
      <c r="CA18" s="311">
        <v>0</v>
      </c>
      <c r="CB18" s="315">
        <v>0</v>
      </c>
      <c r="CC18" s="312">
        <v>0</v>
      </c>
      <c r="CD18" s="314">
        <v>0</v>
      </c>
      <c r="CE18" s="315">
        <v>0</v>
      </c>
      <c r="CF18" s="315">
        <v>0</v>
      </c>
      <c r="CG18" s="315">
        <v>0</v>
      </c>
      <c r="CH18" s="315">
        <v>0</v>
      </c>
      <c r="CI18" s="315">
        <v>0</v>
      </c>
      <c r="CJ18" s="312">
        <v>0</v>
      </c>
      <c r="CK18" s="317">
        <v>0</v>
      </c>
      <c r="CL18" s="311">
        <v>0</v>
      </c>
      <c r="CM18" s="315">
        <v>0</v>
      </c>
      <c r="CN18" s="312">
        <v>0</v>
      </c>
      <c r="CO18" s="314">
        <v>0</v>
      </c>
      <c r="CP18" s="315">
        <v>0</v>
      </c>
      <c r="CQ18" s="315">
        <v>0</v>
      </c>
      <c r="CR18" s="315">
        <v>0</v>
      </c>
      <c r="CS18" s="315">
        <v>0</v>
      </c>
      <c r="CT18" s="315">
        <v>0</v>
      </c>
      <c r="CU18" s="312">
        <v>0</v>
      </c>
      <c r="CV18" s="317">
        <v>0</v>
      </c>
    </row>
    <row r="19" spans="1:100" ht="21" customHeight="1" x14ac:dyDescent="0.2">
      <c r="A19" s="296" t="s">
        <v>17</v>
      </c>
      <c r="B19" s="311">
        <v>0</v>
      </c>
      <c r="C19" s="312">
        <v>0</v>
      </c>
      <c r="D19" s="313">
        <v>0</v>
      </c>
      <c r="E19" s="314">
        <v>0</v>
      </c>
      <c r="F19" s="315">
        <v>0</v>
      </c>
      <c r="G19" s="315">
        <v>0</v>
      </c>
      <c r="H19" s="315">
        <v>0</v>
      </c>
      <c r="I19" s="315">
        <v>0</v>
      </c>
      <c r="J19" s="315">
        <v>0</v>
      </c>
      <c r="K19" s="316">
        <v>0</v>
      </c>
      <c r="L19" s="317">
        <v>0</v>
      </c>
      <c r="M19" s="311">
        <v>0</v>
      </c>
      <c r="N19" s="315">
        <v>0</v>
      </c>
      <c r="O19" s="312">
        <v>0</v>
      </c>
      <c r="P19" s="314">
        <v>0</v>
      </c>
      <c r="Q19" s="315">
        <v>0</v>
      </c>
      <c r="R19" s="315">
        <v>0</v>
      </c>
      <c r="S19" s="315">
        <v>0</v>
      </c>
      <c r="T19" s="315">
        <v>0</v>
      </c>
      <c r="U19" s="315">
        <v>0</v>
      </c>
      <c r="V19" s="312">
        <v>0</v>
      </c>
      <c r="W19" s="317">
        <v>0</v>
      </c>
      <c r="X19" s="311">
        <v>0</v>
      </c>
      <c r="Y19" s="315">
        <v>0</v>
      </c>
      <c r="Z19" s="312">
        <v>0</v>
      </c>
      <c r="AA19" s="314">
        <v>0</v>
      </c>
      <c r="AB19" s="315">
        <v>13</v>
      </c>
      <c r="AC19" s="315">
        <v>19</v>
      </c>
      <c r="AD19" s="315">
        <v>7</v>
      </c>
      <c r="AE19" s="315">
        <v>5</v>
      </c>
      <c r="AF19" s="315">
        <v>1</v>
      </c>
      <c r="AG19" s="312">
        <v>45</v>
      </c>
      <c r="AH19" s="317">
        <v>45</v>
      </c>
      <c r="AI19" s="311">
        <v>0</v>
      </c>
      <c r="AJ19" s="315">
        <v>0</v>
      </c>
      <c r="AK19" s="312">
        <v>0</v>
      </c>
      <c r="AL19" s="314">
        <v>0</v>
      </c>
      <c r="AM19" s="315">
        <v>1</v>
      </c>
      <c r="AN19" s="315">
        <v>0</v>
      </c>
      <c r="AO19" s="315">
        <v>0</v>
      </c>
      <c r="AP19" s="315">
        <v>0</v>
      </c>
      <c r="AQ19" s="315">
        <v>0</v>
      </c>
      <c r="AR19" s="312">
        <v>1</v>
      </c>
      <c r="AS19" s="317">
        <v>1</v>
      </c>
      <c r="AT19" s="311">
        <v>0</v>
      </c>
      <c r="AU19" s="315">
        <v>0</v>
      </c>
      <c r="AV19" s="312">
        <v>0</v>
      </c>
      <c r="AW19" s="314">
        <v>0</v>
      </c>
      <c r="AX19" s="315">
        <v>0</v>
      </c>
      <c r="AY19" s="315">
        <v>2</v>
      </c>
      <c r="AZ19" s="315">
        <v>1</v>
      </c>
      <c r="BA19" s="315">
        <v>2</v>
      </c>
      <c r="BB19" s="315">
        <v>0</v>
      </c>
      <c r="BC19" s="312">
        <v>5</v>
      </c>
      <c r="BD19" s="317">
        <v>5</v>
      </c>
      <c r="BE19" s="311">
        <v>0</v>
      </c>
      <c r="BF19" s="315">
        <v>0</v>
      </c>
      <c r="BG19" s="312">
        <v>0</v>
      </c>
      <c r="BH19" s="314">
        <v>0</v>
      </c>
      <c r="BI19" s="315">
        <v>2</v>
      </c>
      <c r="BJ19" s="315">
        <v>6</v>
      </c>
      <c r="BK19" s="315">
        <v>3</v>
      </c>
      <c r="BL19" s="315">
        <v>3</v>
      </c>
      <c r="BM19" s="315">
        <v>2</v>
      </c>
      <c r="BN19" s="316">
        <v>16</v>
      </c>
      <c r="BO19" s="317">
        <v>16</v>
      </c>
      <c r="BP19" s="311">
        <v>0</v>
      </c>
      <c r="BQ19" s="315">
        <v>0</v>
      </c>
      <c r="BR19" s="312">
        <v>0</v>
      </c>
      <c r="BS19" s="314">
        <v>0</v>
      </c>
      <c r="BT19" s="315">
        <v>0</v>
      </c>
      <c r="BU19" s="315">
        <v>0</v>
      </c>
      <c r="BV19" s="315">
        <v>0</v>
      </c>
      <c r="BW19" s="315">
        <v>0</v>
      </c>
      <c r="BX19" s="315">
        <v>0</v>
      </c>
      <c r="BY19" s="312">
        <v>0</v>
      </c>
      <c r="BZ19" s="317">
        <v>0</v>
      </c>
      <c r="CA19" s="311">
        <v>0</v>
      </c>
      <c r="CB19" s="315">
        <v>0</v>
      </c>
      <c r="CC19" s="312">
        <v>0</v>
      </c>
      <c r="CD19" s="314">
        <v>0</v>
      </c>
      <c r="CE19" s="315">
        <v>0</v>
      </c>
      <c r="CF19" s="315">
        <v>0</v>
      </c>
      <c r="CG19" s="315">
        <v>3</v>
      </c>
      <c r="CH19" s="315">
        <v>1</v>
      </c>
      <c r="CI19" s="315">
        <v>3</v>
      </c>
      <c r="CJ19" s="312">
        <v>7</v>
      </c>
      <c r="CK19" s="317">
        <v>7</v>
      </c>
      <c r="CL19" s="311">
        <v>0</v>
      </c>
      <c r="CM19" s="315">
        <v>0</v>
      </c>
      <c r="CN19" s="312">
        <v>0</v>
      </c>
      <c r="CO19" s="314">
        <v>0</v>
      </c>
      <c r="CP19" s="315">
        <v>0</v>
      </c>
      <c r="CQ19" s="315">
        <v>0</v>
      </c>
      <c r="CR19" s="315">
        <v>0</v>
      </c>
      <c r="CS19" s="315">
        <v>0</v>
      </c>
      <c r="CT19" s="315">
        <v>0</v>
      </c>
      <c r="CU19" s="312">
        <v>0</v>
      </c>
      <c r="CV19" s="317">
        <v>0</v>
      </c>
    </row>
    <row r="20" spans="1:100" ht="21" customHeight="1" x14ac:dyDescent="0.2">
      <c r="A20" s="296" t="s">
        <v>18</v>
      </c>
      <c r="B20" s="311">
        <v>0</v>
      </c>
      <c r="C20" s="312">
        <v>0</v>
      </c>
      <c r="D20" s="313">
        <v>0</v>
      </c>
      <c r="E20" s="314">
        <v>0</v>
      </c>
      <c r="F20" s="315">
        <v>0</v>
      </c>
      <c r="G20" s="315">
        <v>0</v>
      </c>
      <c r="H20" s="315">
        <v>0</v>
      </c>
      <c r="I20" s="315">
        <v>0</v>
      </c>
      <c r="J20" s="315">
        <v>1</v>
      </c>
      <c r="K20" s="316">
        <v>1</v>
      </c>
      <c r="L20" s="317">
        <v>1</v>
      </c>
      <c r="M20" s="311">
        <v>0</v>
      </c>
      <c r="N20" s="315">
        <v>0</v>
      </c>
      <c r="O20" s="312">
        <v>0</v>
      </c>
      <c r="P20" s="314">
        <v>0</v>
      </c>
      <c r="Q20" s="315">
        <v>0</v>
      </c>
      <c r="R20" s="315">
        <v>0</v>
      </c>
      <c r="S20" s="315">
        <v>0</v>
      </c>
      <c r="T20" s="315">
        <v>0</v>
      </c>
      <c r="U20" s="315">
        <v>0</v>
      </c>
      <c r="V20" s="312">
        <v>0</v>
      </c>
      <c r="W20" s="317">
        <v>0</v>
      </c>
      <c r="X20" s="311">
        <v>0</v>
      </c>
      <c r="Y20" s="315">
        <v>0</v>
      </c>
      <c r="Z20" s="312">
        <v>0</v>
      </c>
      <c r="AA20" s="314">
        <v>0</v>
      </c>
      <c r="AB20" s="315">
        <v>27</v>
      </c>
      <c r="AC20" s="315">
        <v>20</v>
      </c>
      <c r="AD20" s="315">
        <v>4</v>
      </c>
      <c r="AE20" s="315">
        <v>0</v>
      </c>
      <c r="AF20" s="315">
        <v>0</v>
      </c>
      <c r="AG20" s="312">
        <v>51</v>
      </c>
      <c r="AH20" s="317">
        <v>51</v>
      </c>
      <c r="AI20" s="311">
        <v>0</v>
      </c>
      <c r="AJ20" s="315">
        <v>0</v>
      </c>
      <c r="AK20" s="312">
        <v>0</v>
      </c>
      <c r="AL20" s="314">
        <v>0</v>
      </c>
      <c r="AM20" s="315">
        <v>0</v>
      </c>
      <c r="AN20" s="315">
        <v>0</v>
      </c>
      <c r="AO20" s="315">
        <v>3</v>
      </c>
      <c r="AP20" s="315">
        <v>0</v>
      </c>
      <c r="AQ20" s="315">
        <v>0</v>
      </c>
      <c r="AR20" s="312">
        <v>3</v>
      </c>
      <c r="AS20" s="317">
        <v>3</v>
      </c>
      <c r="AT20" s="311">
        <v>0</v>
      </c>
      <c r="AU20" s="315">
        <v>0</v>
      </c>
      <c r="AV20" s="312">
        <v>0</v>
      </c>
      <c r="AW20" s="314">
        <v>0</v>
      </c>
      <c r="AX20" s="315">
        <v>2</v>
      </c>
      <c r="AY20" s="315">
        <v>3</v>
      </c>
      <c r="AZ20" s="315">
        <v>0</v>
      </c>
      <c r="BA20" s="315">
        <v>1</v>
      </c>
      <c r="BB20" s="315">
        <v>0</v>
      </c>
      <c r="BC20" s="312">
        <v>6</v>
      </c>
      <c r="BD20" s="317">
        <v>6</v>
      </c>
      <c r="BE20" s="311">
        <v>0</v>
      </c>
      <c r="BF20" s="315">
        <v>0</v>
      </c>
      <c r="BG20" s="312">
        <v>0</v>
      </c>
      <c r="BH20" s="314">
        <v>0</v>
      </c>
      <c r="BI20" s="315">
        <v>0</v>
      </c>
      <c r="BJ20" s="315">
        <v>3</v>
      </c>
      <c r="BK20" s="315">
        <v>0</v>
      </c>
      <c r="BL20" s="315">
        <v>0</v>
      </c>
      <c r="BM20" s="315">
        <v>1</v>
      </c>
      <c r="BN20" s="316">
        <v>4</v>
      </c>
      <c r="BO20" s="317">
        <v>4</v>
      </c>
      <c r="BP20" s="311">
        <v>0</v>
      </c>
      <c r="BQ20" s="315">
        <v>0</v>
      </c>
      <c r="BR20" s="312">
        <v>0</v>
      </c>
      <c r="BS20" s="314">
        <v>0</v>
      </c>
      <c r="BT20" s="315">
        <v>0</v>
      </c>
      <c r="BU20" s="315">
        <v>0</v>
      </c>
      <c r="BV20" s="315">
        <v>0</v>
      </c>
      <c r="BW20" s="315">
        <v>0</v>
      </c>
      <c r="BX20" s="315">
        <v>0</v>
      </c>
      <c r="BY20" s="312">
        <v>0</v>
      </c>
      <c r="BZ20" s="317">
        <v>0</v>
      </c>
      <c r="CA20" s="311">
        <v>0</v>
      </c>
      <c r="CB20" s="315">
        <v>0</v>
      </c>
      <c r="CC20" s="312">
        <v>0</v>
      </c>
      <c r="CD20" s="314">
        <v>0</v>
      </c>
      <c r="CE20" s="315">
        <v>0</v>
      </c>
      <c r="CF20" s="315">
        <v>0</v>
      </c>
      <c r="CG20" s="315">
        <v>0</v>
      </c>
      <c r="CH20" s="315">
        <v>0</v>
      </c>
      <c r="CI20" s="315">
        <v>0</v>
      </c>
      <c r="CJ20" s="312">
        <v>0</v>
      </c>
      <c r="CK20" s="317">
        <v>0</v>
      </c>
      <c r="CL20" s="311">
        <v>0</v>
      </c>
      <c r="CM20" s="315">
        <v>0</v>
      </c>
      <c r="CN20" s="312">
        <v>0</v>
      </c>
      <c r="CO20" s="314">
        <v>0</v>
      </c>
      <c r="CP20" s="315">
        <v>0</v>
      </c>
      <c r="CQ20" s="315">
        <v>0</v>
      </c>
      <c r="CR20" s="315">
        <v>1</v>
      </c>
      <c r="CS20" s="315">
        <v>2</v>
      </c>
      <c r="CT20" s="315">
        <v>2</v>
      </c>
      <c r="CU20" s="312">
        <v>5</v>
      </c>
      <c r="CV20" s="317">
        <v>5</v>
      </c>
    </row>
    <row r="21" spans="1:100" ht="21" customHeight="1" x14ac:dyDescent="0.2">
      <c r="A21" s="296" t="s">
        <v>19</v>
      </c>
      <c r="B21" s="311">
        <v>0</v>
      </c>
      <c r="C21" s="312">
        <v>0</v>
      </c>
      <c r="D21" s="313">
        <v>0</v>
      </c>
      <c r="E21" s="314">
        <v>0</v>
      </c>
      <c r="F21" s="315">
        <v>0</v>
      </c>
      <c r="G21" s="315">
        <v>0</v>
      </c>
      <c r="H21" s="315">
        <v>0</v>
      </c>
      <c r="I21" s="315">
        <v>2</v>
      </c>
      <c r="J21" s="315">
        <v>0</v>
      </c>
      <c r="K21" s="316">
        <v>2</v>
      </c>
      <c r="L21" s="317">
        <v>2</v>
      </c>
      <c r="M21" s="311">
        <v>0</v>
      </c>
      <c r="N21" s="315">
        <v>0</v>
      </c>
      <c r="O21" s="312">
        <v>0</v>
      </c>
      <c r="P21" s="314">
        <v>0</v>
      </c>
      <c r="Q21" s="315">
        <v>0</v>
      </c>
      <c r="R21" s="315">
        <v>0</v>
      </c>
      <c r="S21" s="315">
        <v>1</v>
      </c>
      <c r="T21" s="315">
        <v>1</v>
      </c>
      <c r="U21" s="315">
        <v>0</v>
      </c>
      <c r="V21" s="312">
        <v>2</v>
      </c>
      <c r="W21" s="317">
        <v>2</v>
      </c>
      <c r="X21" s="311">
        <v>0</v>
      </c>
      <c r="Y21" s="315">
        <v>0</v>
      </c>
      <c r="Z21" s="312">
        <v>0</v>
      </c>
      <c r="AA21" s="314">
        <v>0</v>
      </c>
      <c r="AB21" s="315">
        <v>9</v>
      </c>
      <c r="AC21" s="315">
        <v>4</v>
      </c>
      <c r="AD21" s="315">
        <v>4</v>
      </c>
      <c r="AE21" s="315">
        <v>1</v>
      </c>
      <c r="AF21" s="315">
        <v>0</v>
      </c>
      <c r="AG21" s="312">
        <v>18</v>
      </c>
      <c r="AH21" s="317">
        <v>18</v>
      </c>
      <c r="AI21" s="311">
        <v>0</v>
      </c>
      <c r="AJ21" s="315">
        <v>0</v>
      </c>
      <c r="AK21" s="312">
        <v>0</v>
      </c>
      <c r="AL21" s="314">
        <v>0</v>
      </c>
      <c r="AM21" s="315">
        <v>1</v>
      </c>
      <c r="AN21" s="315">
        <v>3</v>
      </c>
      <c r="AO21" s="315">
        <v>1</v>
      </c>
      <c r="AP21" s="315">
        <v>0</v>
      </c>
      <c r="AQ21" s="315">
        <v>0</v>
      </c>
      <c r="AR21" s="312">
        <v>5</v>
      </c>
      <c r="AS21" s="317">
        <v>5</v>
      </c>
      <c r="AT21" s="311">
        <v>0</v>
      </c>
      <c r="AU21" s="315">
        <v>0</v>
      </c>
      <c r="AV21" s="312">
        <v>0</v>
      </c>
      <c r="AW21" s="314">
        <v>0</v>
      </c>
      <c r="AX21" s="315">
        <v>1</v>
      </c>
      <c r="AY21" s="315">
        <v>1</v>
      </c>
      <c r="AZ21" s="315">
        <v>1</v>
      </c>
      <c r="BA21" s="315">
        <v>2</v>
      </c>
      <c r="BB21" s="315">
        <v>2</v>
      </c>
      <c r="BC21" s="312">
        <v>7</v>
      </c>
      <c r="BD21" s="317">
        <v>7</v>
      </c>
      <c r="BE21" s="311">
        <v>0</v>
      </c>
      <c r="BF21" s="315">
        <v>0</v>
      </c>
      <c r="BG21" s="312">
        <v>0</v>
      </c>
      <c r="BH21" s="314">
        <v>0</v>
      </c>
      <c r="BI21" s="315">
        <v>1</v>
      </c>
      <c r="BJ21" s="315">
        <v>0</v>
      </c>
      <c r="BK21" s="315">
        <v>0</v>
      </c>
      <c r="BL21" s="315">
        <v>1</v>
      </c>
      <c r="BM21" s="315">
        <v>0</v>
      </c>
      <c r="BN21" s="316">
        <v>2</v>
      </c>
      <c r="BO21" s="317">
        <v>2</v>
      </c>
      <c r="BP21" s="311">
        <v>0</v>
      </c>
      <c r="BQ21" s="315">
        <v>0</v>
      </c>
      <c r="BR21" s="312">
        <v>0</v>
      </c>
      <c r="BS21" s="314">
        <v>0</v>
      </c>
      <c r="BT21" s="315">
        <v>0</v>
      </c>
      <c r="BU21" s="315">
        <v>0</v>
      </c>
      <c r="BV21" s="315">
        <v>0</v>
      </c>
      <c r="BW21" s="315">
        <v>0</v>
      </c>
      <c r="BX21" s="315">
        <v>0</v>
      </c>
      <c r="BY21" s="312">
        <v>0</v>
      </c>
      <c r="BZ21" s="317">
        <v>0</v>
      </c>
      <c r="CA21" s="311">
        <v>0</v>
      </c>
      <c r="CB21" s="315">
        <v>0</v>
      </c>
      <c r="CC21" s="312">
        <v>0</v>
      </c>
      <c r="CD21" s="314">
        <v>0</v>
      </c>
      <c r="CE21" s="315">
        <v>0</v>
      </c>
      <c r="CF21" s="315">
        <v>0</v>
      </c>
      <c r="CG21" s="315">
        <v>0</v>
      </c>
      <c r="CH21" s="315">
        <v>0</v>
      </c>
      <c r="CI21" s="315">
        <v>0</v>
      </c>
      <c r="CJ21" s="312">
        <v>0</v>
      </c>
      <c r="CK21" s="317">
        <v>0</v>
      </c>
      <c r="CL21" s="311">
        <v>0</v>
      </c>
      <c r="CM21" s="315">
        <v>0</v>
      </c>
      <c r="CN21" s="312">
        <v>0</v>
      </c>
      <c r="CO21" s="314">
        <v>0</v>
      </c>
      <c r="CP21" s="315">
        <v>0</v>
      </c>
      <c r="CQ21" s="315">
        <v>0</v>
      </c>
      <c r="CR21" s="315">
        <v>0</v>
      </c>
      <c r="CS21" s="315">
        <v>0</v>
      </c>
      <c r="CT21" s="315">
        <v>0</v>
      </c>
      <c r="CU21" s="312">
        <v>0</v>
      </c>
      <c r="CV21" s="317">
        <v>0</v>
      </c>
    </row>
    <row r="22" spans="1:100" ht="21" customHeight="1" x14ac:dyDescent="0.2">
      <c r="A22" s="296" t="s">
        <v>20</v>
      </c>
      <c r="B22" s="311">
        <v>0</v>
      </c>
      <c r="C22" s="312">
        <v>0</v>
      </c>
      <c r="D22" s="313">
        <v>0</v>
      </c>
      <c r="E22" s="314">
        <v>0</v>
      </c>
      <c r="F22" s="315">
        <v>0</v>
      </c>
      <c r="G22" s="315">
        <v>0</v>
      </c>
      <c r="H22" s="315">
        <v>0</v>
      </c>
      <c r="I22" s="315">
        <v>0</v>
      </c>
      <c r="J22" s="315">
        <v>0</v>
      </c>
      <c r="K22" s="316">
        <v>0</v>
      </c>
      <c r="L22" s="317">
        <v>0</v>
      </c>
      <c r="M22" s="311">
        <v>0</v>
      </c>
      <c r="N22" s="315">
        <v>0</v>
      </c>
      <c r="O22" s="312">
        <v>0</v>
      </c>
      <c r="P22" s="314">
        <v>0</v>
      </c>
      <c r="Q22" s="315">
        <v>0</v>
      </c>
      <c r="R22" s="315">
        <v>0</v>
      </c>
      <c r="S22" s="315">
        <v>0</v>
      </c>
      <c r="T22" s="315">
        <v>0</v>
      </c>
      <c r="U22" s="315">
        <v>0</v>
      </c>
      <c r="V22" s="312">
        <v>0</v>
      </c>
      <c r="W22" s="317">
        <v>0</v>
      </c>
      <c r="X22" s="311">
        <v>0</v>
      </c>
      <c r="Y22" s="315">
        <v>0</v>
      </c>
      <c r="Z22" s="312">
        <v>0</v>
      </c>
      <c r="AA22" s="314">
        <v>0</v>
      </c>
      <c r="AB22" s="315">
        <v>9</v>
      </c>
      <c r="AC22" s="315">
        <v>7</v>
      </c>
      <c r="AD22" s="315">
        <v>0</v>
      </c>
      <c r="AE22" s="315">
        <v>1</v>
      </c>
      <c r="AF22" s="315">
        <v>1</v>
      </c>
      <c r="AG22" s="312">
        <v>18</v>
      </c>
      <c r="AH22" s="317">
        <v>18</v>
      </c>
      <c r="AI22" s="311">
        <v>0</v>
      </c>
      <c r="AJ22" s="315">
        <v>0</v>
      </c>
      <c r="AK22" s="312">
        <v>0</v>
      </c>
      <c r="AL22" s="314">
        <v>0</v>
      </c>
      <c r="AM22" s="315">
        <v>0</v>
      </c>
      <c r="AN22" s="315">
        <v>0</v>
      </c>
      <c r="AO22" s="315">
        <v>0</v>
      </c>
      <c r="AP22" s="315">
        <v>1</v>
      </c>
      <c r="AQ22" s="315">
        <v>0</v>
      </c>
      <c r="AR22" s="312">
        <v>1</v>
      </c>
      <c r="AS22" s="317">
        <v>1</v>
      </c>
      <c r="AT22" s="311">
        <v>0</v>
      </c>
      <c r="AU22" s="315">
        <v>0</v>
      </c>
      <c r="AV22" s="312">
        <v>0</v>
      </c>
      <c r="AW22" s="314">
        <v>0</v>
      </c>
      <c r="AX22" s="315">
        <v>1</v>
      </c>
      <c r="AY22" s="315">
        <v>1</v>
      </c>
      <c r="AZ22" s="315">
        <v>0</v>
      </c>
      <c r="BA22" s="315">
        <v>0</v>
      </c>
      <c r="BB22" s="315">
        <v>0</v>
      </c>
      <c r="BC22" s="312">
        <v>2</v>
      </c>
      <c r="BD22" s="317">
        <v>2</v>
      </c>
      <c r="BE22" s="311">
        <v>0</v>
      </c>
      <c r="BF22" s="315">
        <v>0</v>
      </c>
      <c r="BG22" s="312">
        <v>0</v>
      </c>
      <c r="BH22" s="314">
        <v>0</v>
      </c>
      <c r="BI22" s="315">
        <v>2</v>
      </c>
      <c r="BJ22" s="315">
        <v>1</v>
      </c>
      <c r="BK22" s="315">
        <v>1</v>
      </c>
      <c r="BL22" s="315">
        <v>1</v>
      </c>
      <c r="BM22" s="315">
        <v>0</v>
      </c>
      <c r="BN22" s="316">
        <v>5</v>
      </c>
      <c r="BO22" s="317">
        <v>5</v>
      </c>
      <c r="BP22" s="311">
        <v>0</v>
      </c>
      <c r="BQ22" s="315">
        <v>0</v>
      </c>
      <c r="BR22" s="312">
        <v>0</v>
      </c>
      <c r="BS22" s="314">
        <v>0</v>
      </c>
      <c r="BT22" s="315">
        <v>0</v>
      </c>
      <c r="BU22" s="315">
        <v>0</v>
      </c>
      <c r="BV22" s="315">
        <v>0</v>
      </c>
      <c r="BW22" s="315">
        <v>0</v>
      </c>
      <c r="BX22" s="315">
        <v>0</v>
      </c>
      <c r="BY22" s="312">
        <v>0</v>
      </c>
      <c r="BZ22" s="317">
        <v>0</v>
      </c>
      <c r="CA22" s="311">
        <v>0</v>
      </c>
      <c r="CB22" s="315">
        <v>0</v>
      </c>
      <c r="CC22" s="312">
        <v>0</v>
      </c>
      <c r="CD22" s="314">
        <v>0</v>
      </c>
      <c r="CE22" s="315">
        <v>0</v>
      </c>
      <c r="CF22" s="315">
        <v>0</v>
      </c>
      <c r="CG22" s="315">
        <v>0</v>
      </c>
      <c r="CH22" s="315">
        <v>0</v>
      </c>
      <c r="CI22" s="315">
        <v>0</v>
      </c>
      <c r="CJ22" s="312">
        <v>0</v>
      </c>
      <c r="CK22" s="317">
        <v>0</v>
      </c>
      <c r="CL22" s="311">
        <v>0</v>
      </c>
      <c r="CM22" s="315">
        <v>0</v>
      </c>
      <c r="CN22" s="312">
        <v>0</v>
      </c>
      <c r="CO22" s="314">
        <v>0</v>
      </c>
      <c r="CP22" s="315">
        <v>0</v>
      </c>
      <c r="CQ22" s="315">
        <v>0</v>
      </c>
      <c r="CR22" s="315">
        <v>0</v>
      </c>
      <c r="CS22" s="315">
        <v>0</v>
      </c>
      <c r="CT22" s="315">
        <v>0</v>
      </c>
      <c r="CU22" s="312">
        <v>0</v>
      </c>
      <c r="CV22" s="317">
        <v>0</v>
      </c>
    </row>
    <row r="23" spans="1:100" ht="21" customHeight="1" x14ac:dyDescent="0.2">
      <c r="A23" s="296" t="s">
        <v>21</v>
      </c>
      <c r="B23" s="311">
        <v>0</v>
      </c>
      <c r="C23" s="312">
        <v>0</v>
      </c>
      <c r="D23" s="313">
        <v>0</v>
      </c>
      <c r="E23" s="314">
        <v>0</v>
      </c>
      <c r="F23" s="315">
        <v>0</v>
      </c>
      <c r="G23" s="315">
        <v>0</v>
      </c>
      <c r="H23" s="315">
        <v>0</v>
      </c>
      <c r="I23" s="315">
        <v>0</v>
      </c>
      <c r="J23" s="315">
        <v>0</v>
      </c>
      <c r="K23" s="316">
        <v>0</v>
      </c>
      <c r="L23" s="317">
        <v>0</v>
      </c>
      <c r="M23" s="311">
        <v>0</v>
      </c>
      <c r="N23" s="315">
        <v>0</v>
      </c>
      <c r="O23" s="312">
        <v>0</v>
      </c>
      <c r="P23" s="314">
        <v>0</v>
      </c>
      <c r="Q23" s="315">
        <v>0</v>
      </c>
      <c r="R23" s="315">
        <v>0</v>
      </c>
      <c r="S23" s="315">
        <v>0</v>
      </c>
      <c r="T23" s="315">
        <v>0</v>
      </c>
      <c r="U23" s="315">
        <v>0</v>
      </c>
      <c r="V23" s="312">
        <v>0</v>
      </c>
      <c r="W23" s="317">
        <v>0</v>
      </c>
      <c r="X23" s="311">
        <v>0</v>
      </c>
      <c r="Y23" s="315">
        <v>0</v>
      </c>
      <c r="Z23" s="312">
        <v>0</v>
      </c>
      <c r="AA23" s="314">
        <v>0</v>
      </c>
      <c r="AB23" s="315">
        <v>11</v>
      </c>
      <c r="AC23" s="315">
        <v>5</v>
      </c>
      <c r="AD23" s="315">
        <v>2</v>
      </c>
      <c r="AE23" s="315">
        <v>1</v>
      </c>
      <c r="AF23" s="315">
        <v>0</v>
      </c>
      <c r="AG23" s="312">
        <v>19</v>
      </c>
      <c r="AH23" s="317">
        <v>19</v>
      </c>
      <c r="AI23" s="311">
        <v>0</v>
      </c>
      <c r="AJ23" s="315">
        <v>0</v>
      </c>
      <c r="AK23" s="312">
        <v>0</v>
      </c>
      <c r="AL23" s="314">
        <v>0</v>
      </c>
      <c r="AM23" s="315">
        <v>0</v>
      </c>
      <c r="AN23" s="315">
        <v>0</v>
      </c>
      <c r="AO23" s="315">
        <v>0</v>
      </c>
      <c r="AP23" s="315">
        <v>0</v>
      </c>
      <c r="AQ23" s="315">
        <v>0</v>
      </c>
      <c r="AR23" s="312">
        <v>0</v>
      </c>
      <c r="AS23" s="317">
        <v>0</v>
      </c>
      <c r="AT23" s="311">
        <v>0</v>
      </c>
      <c r="AU23" s="315">
        <v>0</v>
      </c>
      <c r="AV23" s="312">
        <v>0</v>
      </c>
      <c r="AW23" s="314">
        <v>0</v>
      </c>
      <c r="AX23" s="315">
        <v>0</v>
      </c>
      <c r="AY23" s="315">
        <v>0</v>
      </c>
      <c r="AZ23" s="315">
        <v>2</v>
      </c>
      <c r="BA23" s="315">
        <v>0</v>
      </c>
      <c r="BB23" s="315">
        <v>0</v>
      </c>
      <c r="BC23" s="312">
        <v>2</v>
      </c>
      <c r="BD23" s="317">
        <v>2</v>
      </c>
      <c r="BE23" s="311">
        <v>0</v>
      </c>
      <c r="BF23" s="315">
        <v>0</v>
      </c>
      <c r="BG23" s="312">
        <v>0</v>
      </c>
      <c r="BH23" s="314">
        <v>0</v>
      </c>
      <c r="BI23" s="315">
        <v>1</v>
      </c>
      <c r="BJ23" s="315">
        <v>1</v>
      </c>
      <c r="BK23" s="315">
        <v>0</v>
      </c>
      <c r="BL23" s="315">
        <v>1</v>
      </c>
      <c r="BM23" s="315">
        <v>0</v>
      </c>
      <c r="BN23" s="316">
        <v>3</v>
      </c>
      <c r="BO23" s="317">
        <v>3</v>
      </c>
      <c r="BP23" s="311">
        <v>0</v>
      </c>
      <c r="BQ23" s="315">
        <v>0</v>
      </c>
      <c r="BR23" s="312">
        <v>0</v>
      </c>
      <c r="BS23" s="314">
        <v>0</v>
      </c>
      <c r="BT23" s="315">
        <v>0</v>
      </c>
      <c r="BU23" s="315">
        <v>0</v>
      </c>
      <c r="BV23" s="315">
        <v>0</v>
      </c>
      <c r="BW23" s="315">
        <v>0</v>
      </c>
      <c r="BX23" s="315">
        <v>0</v>
      </c>
      <c r="BY23" s="312">
        <v>0</v>
      </c>
      <c r="BZ23" s="317">
        <v>0</v>
      </c>
      <c r="CA23" s="311">
        <v>0</v>
      </c>
      <c r="CB23" s="315">
        <v>0</v>
      </c>
      <c r="CC23" s="312">
        <v>0</v>
      </c>
      <c r="CD23" s="314">
        <v>0</v>
      </c>
      <c r="CE23" s="315">
        <v>0</v>
      </c>
      <c r="CF23" s="315">
        <v>0</v>
      </c>
      <c r="CG23" s="315">
        <v>0</v>
      </c>
      <c r="CH23" s="315">
        <v>0</v>
      </c>
      <c r="CI23" s="315">
        <v>0</v>
      </c>
      <c r="CJ23" s="312">
        <v>0</v>
      </c>
      <c r="CK23" s="317">
        <v>0</v>
      </c>
      <c r="CL23" s="311">
        <v>0</v>
      </c>
      <c r="CM23" s="315">
        <v>0</v>
      </c>
      <c r="CN23" s="312">
        <v>0</v>
      </c>
      <c r="CO23" s="314">
        <v>0</v>
      </c>
      <c r="CP23" s="315">
        <v>0</v>
      </c>
      <c r="CQ23" s="315">
        <v>0</v>
      </c>
      <c r="CR23" s="315">
        <v>0</v>
      </c>
      <c r="CS23" s="315">
        <v>0</v>
      </c>
      <c r="CT23" s="315">
        <v>0</v>
      </c>
      <c r="CU23" s="312">
        <v>0</v>
      </c>
      <c r="CV23" s="317">
        <v>0</v>
      </c>
    </row>
    <row r="24" spans="1:100" ht="21" customHeight="1" x14ac:dyDescent="0.2">
      <c r="A24" s="296" t="s">
        <v>22</v>
      </c>
      <c r="B24" s="311">
        <v>0</v>
      </c>
      <c r="C24" s="312">
        <v>0</v>
      </c>
      <c r="D24" s="313">
        <v>0</v>
      </c>
      <c r="E24" s="314">
        <v>0</v>
      </c>
      <c r="F24" s="315">
        <v>3</v>
      </c>
      <c r="G24" s="315">
        <v>2</v>
      </c>
      <c r="H24" s="315">
        <v>0</v>
      </c>
      <c r="I24" s="315">
        <v>0</v>
      </c>
      <c r="J24" s="315">
        <v>0</v>
      </c>
      <c r="K24" s="316">
        <v>5</v>
      </c>
      <c r="L24" s="317">
        <v>5</v>
      </c>
      <c r="M24" s="311">
        <v>0</v>
      </c>
      <c r="N24" s="315">
        <v>0</v>
      </c>
      <c r="O24" s="312">
        <v>0</v>
      </c>
      <c r="P24" s="314">
        <v>0</v>
      </c>
      <c r="Q24" s="315">
        <v>0</v>
      </c>
      <c r="R24" s="315">
        <v>0</v>
      </c>
      <c r="S24" s="315">
        <v>0</v>
      </c>
      <c r="T24" s="315">
        <v>0</v>
      </c>
      <c r="U24" s="315">
        <v>0</v>
      </c>
      <c r="V24" s="312">
        <v>0</v>
      </c>
      <c r="W24" s="317">
        <v>0</v>
      </c>
      <c r="X24" s="311">
        <v>0</v>
      </c>
      <c r="Y24" s="315">
        <v>0</v>
      </c>
      <c r="Z24" s="312">
        <v>0</v>
      </c>
      <c r="AA24" s="314">
        <v>0</v>
      </c>
      <c r="AB24" s="315">
        <v>9</v>
      </c>
      <c r="AC24" s="315">
        <v>3</v>
      </c>
      <c r="AD24" s="315">
        <v>0</v>
      </c>
      <c r="AE24" s="315">
        <v>1</v>
      </c>
      <c r="AF24" s="315">
        <v>0</v>
      </c>
      <c r="AG24" s="312">
        <v>13</v>
      </c>
      <c r="AH24" s="317">
        <v>13</v>
      </c>
      <c r="AI24" s="311">
        <v>0</v>
      </c>
      <c r="AJ24" s="315">
        <v>0</v>
      </c>
      <c r="AK24" s="312">
        <v>0</v>
      </c>
      <c r="AL24" s="314">
        <v>0</v>
      </c>
      <c r="AM24" s="315">
        <v>0</v>
      </c>
      <c r="AN24" s="315">
        <v>0</v>
      </c>
      <c r="AO24" s="315">
        <v>1</v>
      </c>
      <c r="AP24" s="315">
        <v>0</v>
      </c>
      <c r="AQ24" s="315">
        <v>0</v>
      </c>
      <c r="AR24" s="312">
        <v>1</v>
      </c>
      <c r="AS24" s="317">
        <v>1</v>
      </c>
      <c r="AT24" s="311">
        <v>1</v>
      </c>
      <c r="AU24" s="315">
        <v>0</v>
      </c>
      <c r="AV24" s="312">
        <v>1</v>
      </c>
      <c r="AW24" s="314">
        <v>0</v>
      </c>
      <c r="AX24" s="315">
        <v>0</v>
      </c>
      <c r="AY24" s="315">
        <v>0</v>
      </c>
      <c r="AZ24" s="315">
        <v>0</v>
      </c>
      <c r="BA24" s="315">
        <v>0</v>
      </c>
      <c r="BB24" s="315">
        <v>0</v>
      </c>
      <c r="BC24" s="312">
        <v>0</v>
      </c>
      <c r="BD24" s="317">
        <v>1</v>
      </c>
      <c r="BE24" s="311">
        <v>0</v>
      </c>
      <c r="BF24" s="315">
        <v>0</v>
      </c>
      <c r="BG24" s="312">
        <v>0</v>
      </c>
      <c r="BH24" s="314">
        <v>0</v>
      </c>
      <c r="BI24" s="315">
        <v>0</v>
      </c>
      <c r="BJ24" s="315">
        <v>0</v>
      </c>
      <c r="BK24" s="315">
        <v>1</v>
      </c>
      <c r="BL24" s="315">
        <v>1</v>
      </c>
      <c r="BM24" s="315">
        <v>1</v>
      </c>
      <c r="BN24" s="316">
        <v>3</v>
      </c>
      <c r="BO24" s="317">
        <v>3</v>
      </c>
      <c r="BP24" s="311">
        <v>0</v>
      </c>
      <c r="BQ24" s="315">
        <v>0</v>
      </c>
      <c r="BR24" s="312">
        <v>0</v>
      </c>
      <c r="BS24" s="314">
        <v>0</v>
      </c>
      <c r="BT24" s="315">
        <v>0</v>
      </c>
      <c r="BU24" s="315">
        <v>0</v>
      </c>
      <c r="BV24" s="315">
        <v>0</v>
      </c>
      <c r="BW24" s="315">
        <v>0</v>
      </c>
      <c r="BX24" s="315">
        <v>0</v>
      </c>
      <c r="BY24" s="312">
        <v>0</v>
      </c>
      <c r="BZ24" s="317">
        <v>0</v>
      </c>
      <c r="CA24" s="311">
        <v>0</v>
      </c>
      <c r="CB24" s="315">
        <v>0</v>
      </c>
      <c r="CC24" s="312">
        <v>0</v>
      </c>
      <c r="CD24" s="314">
        <v>0</v>
      </c>
      <c r="CE24" s="315">
        <v>0</v>
      </c>
      <c r="CF24" s="315">
        <v>0</v>
      </c>
      <c r="CG24" s="315">
        <v>0</v>
      </c>
      <c r="CH24" s="315">
        <v>1</v>
      </c>
      <c r="CI24" s="315">
        <v>0</v>
      </c>
      <c r="CJ24" s="312">
        <v>1</v>
      </c>
      <c r="CK24" s="317">
        <v>1</v>
      </c>
      <c r="CL24" s="311">
        <v>0</v>
      </c>
      <c r="CM24" s="315">
        <v>0</v>
      </c>
      <c r="CN24" s="312">
        <v>0</v>
      </c>
      <c r="CO24" s="314">
        <v>0</v>
      </c>
      <c r="CP24" s="315">
        <v>0</v>
      </c>
      <c r="CQ24" s="315">
        <v>0</v>
      </c>
      <c r="CR24" s="315">
        <v>0</v>
      </c>
      <c r="CS24" s="315">
        <v>0</v>
      </c>
      <c r="CT24" s="315">
        <v>0</v>
      </c>
      <c r="CU24" s="312">
        <v>0</v>
      </c>
      <c r="CV24" s="317">
        <v>0</v>
      </c>
    </row>
    <row r="25" spans="1:100" ht="21" customHeight="1" x14ac:dyDescent="0.2">
      <c r="A25" s="296" t="s">
        <v>23</v>
      </c>
      <c r="B25" s="311">
        <v>0</v>
      </c>
      <c r="C25" s="312">
        <v>0</v>
      </c>
      <c r="D25" s="313">
        <v>0</v>
      </c>
      <c r="E25" s="314">
        <v>0</v>
      </c>
      <c r="F25" s="315">
        <v>0</v>
      </c>
      <c r="G25" s="315">
        <v>0</v>
      </c>
      <c r="H25" s="315">
        <v>0</v>
      </c>
      <c r="I25" s="315">
        <v>0</v>
      </c>
      <c r="J25" s="315">
        <v>0</v>
      </c>
      <c r="K25" s="316">
        <v>0</v>
      </c>
      <c r="L25" s="317">
        <v>0</v>
      </c>
      <c r="M25" s="311">
        <v>0</v>
      </c>
      <c r="N25" s="315">
        <v>0</v>
      </c>
      <c r="O25" s="312">
        <v>0</v>
      </c>
      <c r="P25" s="314">
        <v>0</v>
      </c>
      <c r="Q25" s="315">
        <v>0</v>
      </c>
      <c r="R25" s="315">
        <v>0</v>
      </c>
      <c r="S25" s="315">
        <v>0</v>
      </c>
      <c r="T25" s="315">
        <v>0</v>
      </c>
      <c r="U25" s="315">
        <v>0</v>
      </c>
      <c r="V25" s="312">
        <v>0</v>
      </c>
      <c r="W25" s="317">
        <v>0</v>
      </c>
      <c r="X25" s="311">
        <v>0</v>
      </c>
      <c r="Y25" s="315">
        <v>0</v>
      </c>
      <c r="Z25" s="312">
        <v>0</v>
      </c>
      <c r="AA25" s="314">
        <v>0</v>
      </c>
      <c r="AB25" s="315">
        <v>2</v>
      </c>
      <c r="AC25" s="315">
        <v>1</v>
      </c>
      <c r="AD25" s="315">
        <v>1</v>
      </c>
      <c r="AE25" s="315">
        <v>0</v>
      </c>
      <c r="AF25" s="315">
        <v>1</v>
      </c>
      <c r="AG25" s="312">
        <v>5</v>
      </c>
      <c r="AH25" s="317">
        <v>5</v>
      </c>
      <c r="AI25" s="311">
        <v>0</v>
      </c>
      <c r="AJ25" s="315">
        <v>0</v>
      </c>
      <c r="AK25" s="312">
        <v>0</v>
      </c>
      <c r="AL25" s="314">
        <v>0</v>
      </c>
      <c r="AM25" s="315">
        <v>0</v>
      </c>
      <c r="AN25" s="315">
        <v>0</v>
      </c>
      <c r="AO25" s="315">
        <v>0</v>
      </c>
      <c r="AP25" s="315">
        <v>0</v>
      </c>
      <c r="AQ25" s="315">
        <v>0</v>
      </c>
      <c r="AR25" s="312">
        <v>0</v>
      </c>
      <c r="AS25" s="317">
        <v>0</v>
      </c>
      <c r="AT25" s="311">
        <v>0</v>
      </c>
      <c r="AU25" s="315">
        <v>0</v>
      </c>
      <c r="AV25" s="312">
        <v>0</v>
      </c>
      <c r="AW25" s="314">
        <v>0</v>
      </c>
      <c r="AX25" s="315">
        <v>0</v>
      </c>
      <c r="AY25" s="315">
        <v>0</v>
      </c>
      <c r="AZ25" s="315">
        <v>0</v>
      </c>
      <c r="BA25" s="315">
        <v>0</v>
      </c>
      <c r="BB25" s="315">
        <v>0</v>
      </c>
      <c r="BC25" s="312">
        <v>0</v>
      </c>
      <c r="BD25" s="317">
        <v>0</v>
      </c>
      <c r="BE25" s="311">
        <v>0</v>
      </c>
      <c r="BF25" s="315">
        <v>0</v>
      </c>
      <c r="BG25" s="312">
        <v>0</v>
      </c>
      <c r="BH25" s="314">
        <v>0</v>
      </c>
      <c r="BI25" s="315">
        <v>0</v>
      </c>
      <c r="BJ25" s="315">
        <v>0</v>
      </c>
      <c r="BK25" s="315">
        <v>1</v>
      </c>
      <c r="BL25" s="315">
        <v>0</v>
      </c>
      <c r="BM25" s="315">
        <v>0</v>
      </c>
      <c r="BN25" s="316">
        <v>1</v>
      </c>
      <c r="BO25" s="317">
        <v>1</v>
      </c>
      <c r="BP25" s="311">
        <v>0</v>
      </c>
      <c r="BQ25" s="315">
        <v>0</v>
      </c>
      <c r="BR25" s="312">
        <v>0</v>
      </c>
      <c r="BS25" s="314">
        <v>0</v>
      </c>
      <c r="BT25" s="315">
        <v>0</v>
      </c>
      <c r="BU25" s="315">
        <v>0</v>
      </c>
      <c r="BV25" s="315">
        <v>0</v>
      </c>
      <c r="BW25" s="315">
        <v>0</v>
      </c>
      <c r="BX25" s="315">
        <v>0</v>
      </c>
      <c r="BY25" s="312">
        <v>0</v>
      </c>
      <c r="BZ25" s="317">
        <v>0</v>
      </c>
      <c r="CA25" s="311">
        <v>0</v>
      </c>
      <c r="CB25" s="315">
        <v>0</v>
      </c>
      <c r="CC25" s="312">
        <v>0</v>
      </c>
      <c r="CD25" s="314">
        <v>0</v>
      </c>
      <c r="CE25" s="315">
        <v>0</v>
      </c>
      <c r="CF25" s="315">
        <v>0</v>
      </c>
      <c r="CG25" s="315">
        <v>0</v>
      </c>
      <c r="CH25" s="315">
        <v>0</v>
      </c>
      <c r="CI25" s="315">
        <v>0</v>
      </c>
      <c r="CJ25" s="312">
        <v>0</v>
      </c>
      <c r="CK25" s="317">
        <v>0</v>
      </c>
      <c r="CL25" s="311">
        <v>0</v>
      </c>
      <c r="CM25" s="315">
        <v>0</v>
      </c>
      <c r="CN25" s="312">
        <v>0</v>
      </c>
      <c r="CO25" s="314">
        <v>0</v>
      </c>
      <c r="CP25" s="315">
        <v>0</v>
      </c>
      <c r="CQ25" s="315">
        <v>0</v>
      </c>
      <c r="CR25" s="315">
        <v>0</v>
      </c>
      <c r="CS25" s="315">
        <v>0</v>
      </c>
      <c r="CT25" s="315">
        <v>0</v>
      </c>
      <c r="CU25" s="312">
        <v>0</v>
      </c>
      <c r="CV25" s="317">
        <v>0</v>
      </c>
    </row>
    <row r="26" spans="1:100" ht="21" customHeight="1" x14ac:dyDescent="0.2">
      <c r="A26" s="296" t="s">
        <v>24</v>
      </c>
      <c r="B26" s="311">
        <v>0</v>
      </c>
      <c r="C26" s="312">
        <v>0</v>
      </c>
      <c r="D26" s="313">
        <v>0</v>
      </c>
      <c r="E26" s="314">
        <v>0</v>
      </c>
      <c r="F26" s="315">
        <v>0</v>
      </c>
      <c r="G26" s="315">
        <v>0</v>
      </c>
      <c r="H26" s="315">
        <v>0</v>
      </c>
      <c r="I26" s="315">
        <v>1</v>
      </c>
      <c r="J26" s="315">
        <v>0</v>
      </c>
      <c r="K26" s="316">
        <v>1</v>
      </c>
      <c r="L26" s="317">
        <v>1</v>
      </c>
      <c r="M26" s="311">
        <v>0</v>
      </c>
      <c r="N26" s="315">
        <v>0</v>
      </c>
      <c r="O26" s="312">
        <v>0</v>
      </c>
      <c r="P26" s="314">
        <v>0</v>
      </c>
      <c r="Q26" s="315">
        <v>0</v>
      </c>
      <c r="R26" s="315">
        <v>0</v>
      </c>
      <c r="S26" s="315">
        <v>0</v>
      </c>
      <c r="T26" s="315">
        <v>0</v>
      </c>
      <c r="U26" s="315">
        <v>0</v>
      </c>
      <c r="V26" s="312">
        <v>0</v>
      </c>
      <c r="W26" s="317">
        <v>0</v>
      </c>
      <c r="X26" s="311">
        <v>0</v>
      </c>
      <c r="Y26" s="315">
        <v>0</v>
      </c>
      <c r="Z26" s="312">
        <v>0</v>
      </c>
      <c r="AA26" s="314">
        <v>0</v>
      </c>
      <c r="AB26" s="315">
        <v>1</v>
      </c>
      <c r="AC26" s="315">
        <v>2</v>
      </c>
      <c r="AD26" s="315">
        <v>2</v>
      </c>
      <c r="AE26" s="315">
        <v>0</v>
      </c>
      <c r="AF26" s="315">
        <v>0</v>
      </c>
      <c r="AG26" s="312">
        <v>5</v>
      </c>
      <c r="AH26" s="317">
        <v>5</v>
      </c>
      <c r="AI26" s="311">
        <v>0</v>
      </c>
      <c r="AJ26" s="315">
        <v>0</v>
      </c>
      <c r="AK26" s="312">
        <v>0</v>
      </c>
      <c r="AL26" s="314">
        <v>0</v>
      </c>
      <c r="AM26" s="315">
        <v>0</v>
      </c>
      <c r="AN26" s="315">
        <v>1</v>
      </c>
      <c r="AO26" s="315">
        <v>0</v>
      </c>
      <c r="AP26" s="315">
        <v>0</v>
      </c>
      <c r="AQ26" s="315">
        <v>1</v>
      </c>
      <c r="AR26" s="312">
        <v>2</v>
      </c>
      <c r="AS26" s="317">
        <v>2</v>
      </c>
      <c r="AT26" s="311">
        <v>1</v>
      </c>
      <c r="AU26" s="315">
        <v>1</v>
      </c>
      <c r="AV26" s="312">
        <v>2</v>
      </c>
      <c r="AW26" s="314">
        <v>0</v>
      </c>
      <c r="AX26" s="315">
        <v>4</v>
      </c>
      <c r="AY26" s="315">
        <v>0</v>
      </c>
      <c r="AZ26" s="315">
        <v>0</v>
      </c>
      <c r="BA26" s="315">
        <v>0</v>
      </c>
      <c r="BB26" s="315">
        <v>1</v>
      </c>
      <c r="BC26" s="312">
        <v>5</v>
      </c>
      <c r="BD26" s="317">
        <v>7</v>
      </c>
      <c r="BE26" s="311">
        <v>0</v>
      </c>
      <c r="BF26" s="315">
        <v>0</v>
      </c>
      <c r="BG26" s="312">
        <v>0</v>
      </c>
      <c r="BH26" s="314">
        <v>0</v>
      </c>
      <c r="BI26" s="315">
        <v>0</v>
      </c>
      <c r="BJ26" s="315">
        <v>0</v>
      </c>
      <c r="BK26" s="315">
        <v>2</v>
      </c>
      <c r="BL26" s="315">
        <v>1</v>
      </c>
      <c r="BM26" s="315">
        <v>1</v>
      </c>
      <c r="BN26" s="316">
        <v>4</v>
      </c>
      <c r="BO26" s="317">
        <v>4</v>
      </c>
      <c r="BP26" s="311">
        <v>0</v>
      </c>
      <c r="BQ26" s="315">
        <v>0</v>
      </c>
      <c r="BR26" s="312">
        <v>0</v>
      </c>
      <c r="BS26" s="314">
        <v>0</v>
      </c>
      <c r="BT26" s="315">
        <v>0</v>
      </c>
      <c r="BU26" s="315">
        <v>0</v>
      </c>
      <c r="BV26" s="315">
        <v>0</v>
      </c>
      <c r="BW26" s="315">
        <v>0</v>
      </c>
      <c r="BX26" s="315">
        <v>0</v>
      </c>
      <c r="BY26" s="312">
        <v>0</v>
      </c>
      <c r="BZ26" s="317">
        <v>0</v>
      </c>
      <c r="CA26" s="311">
        <v>0</v>
      </c>
      <c r="CB26" s="315">
        <v>0</v>
      </c>
      <c r="CC26" s="312">
        <v>0</v>
      </c>
      <c r="CD26" s="314">
        <v>0</v>
      </c>
      <c r="CE26" s="315">
        <v>0</v>
      </c>
      <c r="CF26" s="315">
        <v>0</v>
      </c>
      <c r="CG26" s="315">
        <v>0</v>
      </c>
      <c r="CH26" s="315">
        <v>0</v>
      </c>
      <c r="CI26" s="315">
        <v>0</v>
      </c>
      <c r="CJ26" s="312">
        <v>0</v>
      </c>
      <c r="CK26" s="317">
        <v>0</v>
      </c>
      <c r="CL26" s="311">
        <v>0</v>
      </c>
      <c r="CM26" s="315">
        <v>0</v>
      </c>
      <c r="CN26" s="312">
        <v>0</v>
      </c>
      <c r="CO26" s="314">
        <v>0</v>
      </c>
      <c r="CP26" s="315">
        <v>0</v>
      </c>
      <c r="CQ26" s="315">
        <v>0</v>
      </c>
      <c r="CR26" s="315">
        <v>0</v>
      </c>
      <c r="CS26" s="315">
        <v>0</v>
      </c>
      <c r="CT26" s="315">
        <v>0</v>
      </c>
      <c r="CU26" s="312">
        <v>0</v>
      </c>
      <c r="CV26" s="317">
        <v>0</v>
      </c>
    </row>
    <row r="27" spans="1:100" ht="21" customHeight="1" x14ac:dyDescent="0.2">
      <c r="A27" s="296" t="s">
        <v>25</v>
      </c>
      <c r="B27" s="311">
        <v>0</v>
      </c>
      <c r="C27" s="312">
        <v>0</v>
      </c>
      <c r="D27" s="313">
        <v>0</v>
      </c>
      <c r="E27" s="314">
        <v>0</v>
      </c>
      <c r="F27" s="315">
        <v>0</v>
      </c>
      <c r="G27" s="315">
        <v>0</v>
      </c>
      <c r="H27" s="315">
        <v>0</v>
      </c>
      <c r="I27" s="315">
        <v>0</v>
      </c>
      <c r="J27" s="315">
        <v>0</v>
      </c>
      <c r="K27" s="316">
        <v>0</v>
      </c>
      <c r="L27" s="317">
        <v>0</v>
      </c>
      <c r="M27" s="311">
        <v>0</v>
      </c>
      <c r="N27" s="315">
        <v>0</v>
      </c>
      <c r="O27" s="312">
        <v>0</v>
      </c>
      <c r="P27" s="314">
        <v>0</v>
      </c>
      <c r="Q27" s="315">
        <v>0</v>
      </c>
      <c r="R27" s="315">
        <v>0</v>
      </c>
      <c r="S27" s="315">
        <v>0</v>
      </c>
      <c r="T27" s="315">
        <v>0</v>
      </c>
      <c r="U27" s="315">
        <v>0</v>
      </c>
      <c r="V27" s="312">
        <v>0</v>
      </c>
      <c r="W27" s="317">
        <v>0</v>
      </c>
      <c r="X27" s="311">
        <v>0</v>
      </c>
      <c r="Y27" s="315">
        <v>0</v>
      </c>
      <c r="Z27" s="312">
        <v>0</v>
      </c>
      <c r="AA27" s="314">
        <v>0</v>
      </c>
      <c r="AB27" s="315">
        <v>3</v>
      </c>
      <c r="AC27" s="315">
        <v>0</v>
      </c>
      <c r="AD27" s="315">
        <v>0</v>
      </c>
      <c r="AE27" s="315">
        <v>0</v>
      </c>
      <c r="AF27" s="315">
        <v>0</v>
      </c>
      <c r="AG27" s="312">
        <v>3</v>
      </c>
      <c r="AH27" s="317">
        <v>3</v>
      </c>
      <c r="AI27" s="311">
        <v>0</v>
      </c>
      <c r="AJ27" s="315">
        <v>0</v>
      </c>
      <c r="AK27" s="312">
        <v>0</v>
      </c>
      <c r="AL27" s="314">
        <v>0</v>
      </c>
      <c r="AM27" s="315">
        <v>0</v>
      </c>
      <c r="AN27" s="315">
        <v>0</v>
      </c>
      <c r="AO27" s="315">
        <v>0</v>
      </c>
      <c r="AP27" s="315">
        <v>0</v>
      </c>
      <c r="AQ27" s="315">
        <v>0</v>
      </c>
      <c r="AR27" s="312">
        <v>0</v>
      </c>
      <c r="AS27" s="317">
        <v>0</v>
      </c>
      <c r="AT27" s="311">
        <v>0</v>
      </c>
      <c r="AU27" s="315">
        <v>0</v>
      </c>
      <c r="AV27" s="312">
        <v>0</v>
      </c>
      <c r="AW27" s="314">
        <v>0</v>
      </c>
      <c r="AX27" s="315">
        <v>0</v>
      </c>
      <c r="AY27" s="315">
        <v>0</v>
      </c>
      <c r="AZ27" s="315">
        <v>0</v>
      </c>
      <c r="BA27" s="315">
        <v>0</v>
      </c>
      <c r="BB27" s="315">
        <v>1</v>
      </c>
      <c r="BC27" s="312">
        <v>1</v>
      </c>
      <c r="BD27" s="317">
        <v>1</v>
      </c>
      <c r="BE27" s="311">
        <v>0</v>
      </c>
      <c r="BF27" s="315">
        <v>0</v>
      </c>
      <c r="BG27" s="312">
        <v>0</v>
      </c>
      <c r="BH27" s="314">
        <v>0</v>
      </c>
      <c r="BI27" s="315">
        <v>2</v>
      </c>
      <c r="BJ27" s="315">
        <v>0</v>
      </c>
      <c r="BK27" s="315">
        <v>1</v>
      </c>
      <c r="BL27" s="315">
        <v>0</v>
      </c>
      <c r="BM27" s="315">
        <v>0</v>
      </c>
      <c r="BN27" s="316">
        <v>3</v>
      </c>
      <c r="BO27" s="317">
        <v>3</v>
      </c>
      <c r="BP27" s="311">
        <v>0</v>
      </c>
      <c r="BQ27" s="315">
        <v>0</v>
      </c>
      <c r="BR27" s="312">
        <v>0</v>
      </c>
      <c r="BS27" s="314">
        <v>0</v>
      </c>
      <c r="BT27" s="315">
        <v>0</v>
      </c>
      <c r="BU27" s="315">
        <v>0</v>
      </c>
      <c r="BV27" s="315">
        <v>0</v>
      </c>
      <c r="BW27" s="315">
        <v>0</v>
      </c>
      <c r="BX27" s="315">
        <v>0</v>
      </c>
      <c r="BY27" s="312">
        <v>0</v>
      </c>
      <c r="BZ27" s="317">
        <v>0</v>
      </c>
      <c r="CA27" s="311">
        <v>0</v>
      </c>
      <c r="CB27" s="315">
        <v>0</v>
      </c>
      <c r="CC27" s="312">
        <v>0</v>
      </c>
      <c r="CD27" s="314">
        <v>0</v>
      </c>
      <c r="CE27" s="315">
        <v>0</v>
      </c>
      <c r="CF27" s="315">
        <v>0</v>
      </c>
      <c r="CG27" s="315">
        <v>0</v>
      </c>
      <c r="CH27" s="315">
        <v>0</v>
      </c>
      <c r="CI27" s="315">
        <v>0</v>
      </c>
      <c r="CJ27" s="312">
        <v>0</v>
      </c>
      <c r="CK27" s="317">
        <v>0</v>
      </c>
      <c r="CL27" s="311">
        <v>0</v>
      </c>
      <c r="CM27" s="315">
        <v>0</v>
      </c>
      <c r="CN27" s="312">
        <v>0</v>
      </c>
      <c r="CO27" s="314">
        <v>0</v>
      </c>
      <c r="CP27" s="315">
        <v>0</v>
      </c>
      <c r="CQ27" s="315">
        <v>0</v>
      </c>
      <c r="CR27" s="315">
        <v>0</v>
      </c>
      <c r="CS27" s="315">
        <v>0</v>
      </c>
      <c r="CT27" s="315">
        <v>0</v>
      </c>
      <c r="CU27" s="312">
        <v>0</v>
      </c>
      <c r="CV27" s="317">
        <v>0</v>
      </c>
    </row>
    <row r="28" spans="1:100" ht="21" customHeight="1" x14ac:dyDescent="0.2">
      <c r="A28" s="296" t="s">
        <v>26</v>
      </c>
      <c r="B28" s="311">
        <v>0</v>
      </c>
      <c r="C28" s="312">
        <v>0</v>
      </c>
      <c r="D28" s="313">
        <v>0</v>
      </c>
      <c r="E28" s="314">
        <v>0</v>
      </c>
      <c r="F28" s="315">
        <v>0</v>
      </c>
      <c r="G28" s="315">
        <v>0</v>
      </c>
      <c r="H28" s="315">
        <v>0</v>
      </c>
      <c r="I28" s="315">
        <v>0</v>
      </c>
      <c r="J28" s="315">
        <v>0</v>
      </c>
      <c r="K28" s="316">
        <v>0</v>
      </c>
      <c r="L28" s="317">
        <v>0</v>
      </c>
      <c r="M28" s="311">
        <v>0</v>
      </c>
      <c r="N28" s="315">
        <v>0</v>
      </c>
      <c r="O28" s="312">
        <v>0</v>
      </c>
      <c r="P28" s="314">
        <v>0</v>
      </c>
      <c r="Q28" s="315">
        <v>0</v>
      </c>
      <c r="R28" s="315">
        <v>0</v>
      </c>
      <c r="S28" s="315">
        <v>0</v>
      </c>
      <c r="T28" s="315">
        <v>0</v>
      </c>
      <c r="U28" s="315">
        <v>0</v>
      </c>
      <c r="V28" s="312">
        <v>0</v>
      </c>
      <c r="W28" s="317">
        <v>0</v>
      </c>
      <c r="X28" s="311">
        <v>0</v>
      </c>
      <c r="Y28" s="315">
        <v>0</v>
      </c>
      <c r="Z28" s="312">
        <v>0</v>
      </c>
      <c r="AA28" s="314">
        <v>0</v>
      </c>
      <c r="AB28" s="315">
        <v>3</v>
      </c>
      <c r="AC28" s="315">
        <v>2</v>
      </c>
      <c r="AD28" s="315">
        <v>2</v>
      </c>
      <c r="AE28" s="315">
        <v>0</v>
      </c>
      <c r="AF28" s="315">
        <v>1</v>
      </c>
      <c r="AG28" s="312">
        <v>8</v>
      </c>
      <c r="AH28" s="317">
        <v>8</v>
      </c>
      <c r="AI28" s="311">
        <v>0</v>
      </c>
      <c r="AJ28" s="315">
        <v>0</v>
      </c>
      <c r="AK28" s="312">
        <v>0</v>
      </c>
      <c r="AL28" s="314">
        <v>0</v>
      </c>
      <c r="AM28" s="315">
        <v>0</v>
      </c>
      <c r="AN28" s="315">
        <v>0</v>
      </c>
      <c r="AO28" s="315">
        <v>1</v>
      </c>
      <c r="AP28" s="315">
        <v>0</v>
      </c>
      <c r="AQ28" s="315">
        <v>0</v>
      </c>
      <c r="AR28" s="312">
        <v>1</v>
      </c>
      <c r="AS28" s="317">
        <v>1</v>
      </c>
      <c r="AT28" s="311">
        <v>0</v>
      </c>
      <c r="AU28" s="315">
        <v>0</v>
      </c>
      <c r="AV28" s="312">
        <v>0</v>
      </c>
      <c r="AW28" s="314">
        <v>0</v>
      </c>
      <c r="AX28" s="315">
        <v>1</v>
      </c>
      <c r="AY28" s="315">
        <v>0</v>
      </c>
      <c r="AZ28" s="315">
        <v>0</v>
      </c>
      <c r="BA28" s="315">
        <v>0</v>
      </c>
      <c r="BB28" s="315">
        <v>0</v>
      </c>
      <c r="BC28" s="312">
        <v>1</v>
      </c>
      <c r="BD28" s="317">
        <v>1</v>
      </c>
      <c r="BE28" s="311">
        <v>0</v>
      </c>
      <c r="BF28" s="315">
        <v>0</v>
      </c>
      <c r="BG28" s="312">
        <v>0</v>
      </c>
      <c r="BH28" s="314">
        <v>0</v>
      </c>
      <c r="BI28" s="315">
        <v>0</v>
      </c>
      <c r="BJ28" s="315">
        <v>0</v>
      </c>
      <c r="BK28" s="315">
        <v>1</v>
      </c>
      <c r="BL28" s="315">
        <v>1</v>
      </c>
      <c r="BM28" s="315">
        <v>2</v>
      </c>
      <c r="BN28" s="316">
        <v>4</v>
      </c>
      <c r="BO28" s="317">
        <v>4</v>
      </c>
      <c r="BP28" s="311">
        <v>0</v>
      </c>
      <c r="BQ28" s="315">
        <v>0</v>
      </c>
      <c r="BR28" s="312">
        <v>0</v>
      </c>
      <c r="BS28" s="314">
        <v>0</v>
      </c>
      <c r="BT28" s="315">
        <v>0</v>
      </c>
      <c r="BU28" s="315">
        <v>0</v>
      </c>
      <c r="BV28" s="315">
        <v>0</v>
      </c>
      <c r="BW28" s="315">
        <v>0</v>
      </c>
      <c r="BX28" s="315">
        <v>0</v>
      </c>
      <c r="BY28" s="312">
        <v>0</v>
      </c>
      <c r="BZ28" s="317">
        <v>0</v>
      </c>
      <c r="CA28" s="311">
        <v>0</v>
      </c>
      <c r="CB28" s="315">
        <v>0</v>
      </c>
      <c r="CC28" s="312">
        <v>0</v>
      </c>
      <c r="CD28" s="314">
        <v>0</v>
      </c>
      <c r="CE28" s="315">
        <v>0</v>
      </c>
      <c r="CF28" s="315">
        <v>0</v>
      </c>
      <c r="CG28" s="315">
        <v>0</v>
      </c>
      <c r="CH28" s="315">
        <v>0</v>
      </c>
      <c r="CI28" s="315">
        <v>0</v>
      </c>
      <c r="CJ28" s="312">
        <v>0</v>
      </c>
      <c r="CK28" s="317">
        <v>0</v>
      </c>
      <c r="CL28" s="311">
        <v>0</v>
      </c>
      <c r="CM28" s="315">
        <v>0</v>
      </c>
      <c r="CN28" s="312">
        <v>0</v>
      </c>
      <c r="CO28" s="314">
        <v>0</v>
      </c>
      <c r="CP28" s="315">
        <v>0</v>
      </c>
      <c r="CQ28" s="315">
        <v>0</v>
      </c>
      <c r="CR28" s="315">
        <v>0</v>
      </c>
      <c r="CS28" s="315">
        <v>0</v>
      </c>
      <c r="CT28" s="315">
        <v>0</v>
      </c>
      <c r="CU28" s="312">
        <v>0</v>
      </c>
      <c r="CV28" s="317">
        <v>0</v>
      </c>
    </row>
    <row r="29" spans="1:100" ht="21" customHeight="1" x14ac:dyDescent="0.2">
      <c r="A29" s="296" t="s">
        <v>27</v>
      </c>
      <c r="B29" s="311">
        <v>0</v>
      </c>
      <c r="C29" s="312">
        <v>0</v>
      </c>
      <c r="D29" s="313">
        <v>0</v>
      </c>
      <c r="E29" s="314">
        <v>0</v>
      </c>
      <c r="F29" s="315">
        <v>0</v>
      </c>
      <c r="G29" s="315">
        <v>0</v>
      </c>
      <c r="H29" s="315">
        <v>0</v>
      </c>
      <c r="I29" s="315">
        <v>0</v>
      </c>
      <c r="J29" s="315">
        <v>0</v>
      </c>
      <c r="K29" s="316">
        <v>0</v>
      </c>
      <c r="L29" s="317">
        <v>0</v>
      </c>
      <c r="M29" s="311">
        <v>0</v>
      </c>
      <c r="N29" s="315">
        <v>0</v>
      </c>
      <c r="O29" s="312">
        <v>0</v>
      </c>
      <c r="P29" s="314">
        <v>0</v>
      </c>
      <c r="Q29" s="315">
        <v>0</v>
      </c>
      <c r="R29" s="315">
        <v>0</v>
      </c>
      <c r="S29" s="315">
        <v>0</v>
      </c>
      <c r="T29" s="315">
        <v>0</v>
      </c>
      <c r="U29" s="315">
        <v>0</v>
      </c>
      <c r="V29" s="312">
        <v>0</v>
      </c>
      <c r="W29" s="317">
        <v>0</v>
      </c>
      <c r="X29" s="311">
        <v>0</v>
      </c>
      <c r="Y29" s="315">
        <v>0</v>
      </c>
      <c r="Z29" s="312">
        <v>0</v>
      </c>
      <c r="AA29" s="314">
        <v>0</v>
      </c>
      <c r="AB29" s="315">
        <v>0</v>
      </c>
      <c r="AC29" s="315">
        <v>0</v>
      </c>
      <c r="AD29" s="315">
        <v>1</v>
      </c>
      <c r="AE29" s="315">
        <v>0</v>
      </c>
      <c r="AF29" s="315">
        <v>0</v>
      </c>
      <c r="AG29" s="312">
        <v>1</v>
      </c>
      <c r="AH29" s="317">
        <v>1</v>
      </c>
      <c r="AI29" s="311">
        <v>0</v>
      </c>
      <c r="AJ29" s="315">
        <v>0</v>
      </c>
      <c r="AK29" s="312">
        <v>0</v>
      </c>
      <c r="AL29" s="314">
        <v>0</v>
      </c>
      <c r="AM29" s="315">
        <v>1</v>
      </c>
      <c r="AN29" s="315">
        <v>0</v>
      </c>
      <c r="AO29" s="315">
        <v>0</v>
      </c>
      <c r="AP29" s="315">
        <v>0</v>
      </c>
      <c r="AQ29" s="315">
        <v>0</v>
      </c>
      <c r="AR29" s="312">
        <v>1</v>
      </c>
      <c r="AS29" s="317">
        <v>1</v>
      </c>
      <c r="AT29" s="311">
        <v>0</v>
      </c>
      <c r="AU29" s="315">
        <v>0</v>
      </c>
      <c r="AV29" s="312">
        <v>0</v>
      </c>
      <c r="AW29" s="314">
        <v>0</v>
      </c>
      <c r="AX29" s="315">
        <v>0</v>
      </c>
      <c r="AY29" s="315">
        <v>0</v>
      </c>
      <c r="AZ29" s="315">
        <v>0</v>
      </c>
      <c r="BA29" s="315">
        <v>0</v>
      </c>
      <c r="BB29" s="315">
        <v>0</v>
      </c>
      <c r="BC29" s="312">
        <v>0</v>
      </c>
      <c r="BD29" s="317">
        <v>0</v>
      </c>
      <c r="BE29" s="311">
        <v>0</v>
      </c>
      <c r="BF29" s="315">
        <v>0</v>
      </c>
      <c r="BG29" s="312">
        <v>0</v>
      </c>
      <c r="BH29" s="314">
        <v>0</v>
      </c>
      <c r="BI29" s="315">
        <v>0</v>
      </c>
      <c r="BJ29" s="315">
        <v>0</v>
      </c>
      <c r="BK29" s="315">
        <v>0</v>
      </c>
      <c r="BL29" s="315">
        <v>0</v>
      </c>
      <c r="BM29" s="315">
        <v>0</v>
      </c>
      <c r="BN29" s="316">
        <v>0</v>
      </c>
      <c r="BO29" s="317">
        <v>0</v>
      </c>
      <c r="BP29" s="311">
        <v>0</v>
      </c>
      <c r="BQ29" s="315">
        <v>0</v>
      </c>
      <c r="BR29" s="312">
        <v>0</v>
      </c>
      <c r="BS29" s="314">
        <v>0</v>
      </c>
      <c r="BT29" s="315">
        <v>0</v>
      </c>
      <c r="BU29" s="315">
        <v>0</v>
      </c>
      <c r="BV29" s="315">
        <v>0</v>
      </c>
      <c r="BW29" s="315">
        <v>0</v>
      </c>
      <c r="BX29" s="315">
        <v>0</v>
      </c>
      <c r="BY29" s="312">
        <v>0</v>
      </c>
      <c r="BZ29" s="317">
        <v>0</v>
      </c>
      <c r="CA29" s="311">
        <v>0</v>
      </c>
      <c r="CB29" s="315">
        <v>0</v>
      </c>
      <c r="CC29" s="312">
        <v>0</v>
      </c>
      <c r="CD29" s="314">
        <v>0</v>
      </c>
      <c r="CE29" s="315">
        <v>0</v>
      </c>
      <c r="CF29" s="315">
        <v>0</v>
      </c>
      <c r="CG29" s="315">
        <v>0</v>
      </c>
      <c r="CH29" s="315">
        <v>0</v>
      </c>
      <c r="CI29" s="315">
        <v>0</v>
      </c>
      <c r="CJ29" s="312">
        <v>0</v>
      </c>
      <c r="CK29" s="317">
        <v>0</v>
      </c>
      <c r="CL29" s="311">
        <v>0</v>
      </c>
      <c r="CM29" s="315">
        <v>0</v>
      </c>
      <c r="CN29" s="312">
        <v>0</v>
      </c>
      <c r="CO29" s="314">
        <v>0</v>
      </c>
      <c r="CP29" s="315">
        <v>0</v>
      </c>
      <c r="CQ29" s="315">
        <v>0</v>
      </c>
      <c r="CR29" s="315">
        <v>0</v>
      </c>
      <c r="CS29" s="315">
        <v>0</v>
      </c>
      <c r="CT29" s="315">
        <v>0</v>
      </c>
      <c r="CU29" s="312">
        <v>0</v>
      </c>
      <c r="CV29" s="317">
        <v>0</v>
      </c>
    </row>
    <row r="30" spans="1:100" ht="21" customHeight="1" x14ac:dyDescent="0.2">
      <c r="A30" s="296" t="s">
        <v>28</v>
      </c>
      <c r="B30" s="311">
        <v>0</v>
      </c>
      <c r="C30" s="312">
        <v>0</v>
      </c>
      <c r="D30" s="313">
        <v>0</v>
      </c>
      <c r="E30" s="314">
        <v>0</v>
      </c>
      <c r="F30" s="315">
        <v>0</v>
      </c>
      <c r="G30" s="315">
        <v>0</v>
      </c>
      <c r="H30" s="315">
        <v>0</v>
      </c>
      <c r="I30" s="315">
        <v>0</v>
      </c>
      <c r="J30" s="315">
        <v>0</v>
      </c>
      <c r="K30" s="316">
        <v>0</v>
      </c>
      <c r="L30" s="317">
        <v>0</v>
      </c>
      <c r="M30" s="311">
        <v>0</v>
      </c>
      <c r="N30" s="315">
        <v>0</v>
      </c>
      <c r="O30" s="312">
        <v>0</v>
      </c>
      <c r="P30" s="314">
        <v>0</v>
      </c>
      <c r="Q30" s="315">
        <v>0</v>
      </c>
      <c r="R30" s="315">
        <v>0</v>
      </c>
      <c r="S30" s="315">
        <v>0</v>
      </c>
      <c r="T30" s="315">
        <v>0</v>
      </c>
      <c r="U30" s="315">
        <v>0</v>
      </c>
      <c r="V30" s="312">
        <v>0</v>
      </c>
      <c r="W30" s="317">
        <v>0</v>
      </c>
      <c r="X30" s="311">
        <v>0</v>
      </c>
      <c r="Y30" s="315">
        <v>0</v>
      </c>
      <c r="Z30" s="312">
        <v>0</v>
      </c>
      <c r="AA30" s="314">
        <v>0</v>
      </c>
      <c r="AB30" s="315">
        <v>4</v>
      </c>
      <c r="AC30" s="315">
        <v>2</v>
      </c>
      <c r="AD30" s="315">
        <v>0</v>
      </c>
      <c r="AE30" s="315">
        <v>0</v>
      </c>
      <c r="AF30" s="315">
        <v>0</v>
      </c>
      <c r="AG30" s="312">
        <v>6</v>
      </c>
      <c r="AH30" s="317">
        <v>6</v>
      </c>
      <c r="AI30" s="311">
        <v>0</v>
      </c>
      <c r="AJ30" s="315">
        <v>0</v>
      </c>
      <c r="AK30" s="312">
        <v>0</v>
      </c>
      <c r="AL30" s="314">
        <v>0</v>
      </c>
      <c r="AM30" s="315">
        <v>0</v>
      </c>
      <c r="AN30" s="315">
        <v>0</v>
      </c>
      <c r="AO30" s="315">
        <v>0</v>
      </c>
      <c r="AP30" s="315">
        <v>0</v>
      </c>
      <c r="AQ30" s="315">
        <v>0</v>
      </c>
      <c r="AR30" s="312">
        <v>0</v>
      </c>
      <c r="AS30" s="317">
        <v>0</v>
      </c>
      <c r="AT30" s="311">
        <v>0</v>
      </c>
      <c r="AU30" s="315">
        <v>0</v>
      </c>
      <c r="AV30" s="312">
        <v>0</v>
      </c>
      <c r="AW30" s="314">
        <v>0</v>
      </c>
      <c r="AX30" s="315">
        <v>0</v>
      </c>
      <c r="AY30" s="315">
        <v>0</v>
      </c>
      <c r="AZ30" s="315">
        <v>0</v>
      </c>
      <c r="BA30" s="315">
        <v>0</v>
      </c>
      <c r="BB30" s="315">
        <v>0</v>
      </c>
      <c r="BC30" s="312">
        <v>0</v>
      </c>
      <c r="BD30" s="317">
        <v>0</v>
      </c>
      <c r="BE30" s="311">
        <v>0</v>
      </c>
      <c r="BF30" s="315">
        <v>0</v>
      </c>
      <c r="BG30" s="312">
        <v>0</v>
      </c>
      <c r="BH30" s="314">
        <v>0</v>
      </c>
      <c r="BI30" s="315">
        <v>0</v>
      </c>
      <c r="BJ30" s="315">
        <v>0</v>
      </c>
      <c r="BK30" s="315">
        <v>0</v>
      </c>
      <c r="BL30" s="315">
        <v>0</v>
      </c>
      <c r="BM30" s="315">
        <v>0</v>
      </c>
      <c r="BN30" s="316">
        <v>0</v>
      </c>
      <c r="BO30" s="317">
        <v>0</v>
      </c>
      <c r="BP30" s="311">
        <v>0</v>
      </c>
      <c r="BQ30" s="315">
        <v>0</v>
      </c>
      <c r="BR30" s="312">
        <v>0</v>
      </c>
      <c r="BS30" s="314">
        <v>0</v>
      </c>
      <c r="BT30" s="315">
        <v>0</v>
      </c>
      <c r="BU30" s="315">
        <v>0</v>
      </c>
      <c r="BV30" s="315">
        <v>0</v>
      </c>
      <c r="BW30" s="315">
        <v>0</v>
      </c>
      <c r="BX30" s="315">
        <v>0</v>
      </c>
      <c r="BY30" s="312">
        <v>0</v>
      </c>
      <c r="BZ30" s="317">
        <v>0</v>
      </c>
      <c r="CA30" s="311">
        <v>0</v>
      </c>
      <c r="CB30" s="315">
        <v>0</v>
      </c>
      <c r="CC30" s="312">
        <v>0</v>
      </c>
      <c r="CD30" s="314">
        <v>0</v>
      </c>
      <c r="CE30" s="315">
        <v>0</v>
      </c>
      <c r="CF30" s="315">
        <v>0</v>
      </c>
      <c r="CG30" s="315">
        <v>0</v>
      </c>
      <c r="CH30" s="315">
        <v>0</v>
      </c>
      <c r="CI30" s="315">
        <v>0</v>
      </c>
      <c r="CJ30" s="312">
        <v>0</v>
      </c>
      <c r="CK30" s="317">
        <v>0</v>
      </c>
      <c r="CL30" s="311">
        <v>0</v>
      </c>
      <c r="CM30" s="315">
        <v>0</v>
      </c>
      <c r="CN30" s="312">
        <v>0</v>
      </c>
      <c r="CO30" s="314">
        <v>0</v>
      </c>
      <c r="CP30" s="315">
        <v>0</v>
      </c>
      <c r="CQ30" s="315">
        <v>0</v>
      </c>
      <c r="CR30" s="315">
        <v>0</v>
      </c>
      <c r="CS30" s="315">
        <v>0</v>
      </c>
      <c r="CT30" s="315">
        <v>0</v>
      </c>
      <c r="CU30" s="312">
        <v>0</v>
      </c>
      <c r="CV30" s="317">
        <v>0</v>
      </c>
    </row>
    <row r="31" spans="1:100" ht="21" customHeight="1" x14ac:dyDescent="0.2">
      <c r="A31" s="296" t="s">
        <v>29</v>
      </c>
      <c r="B31" s="311">
        <v>0</v>
      </c>
      <c r="C31" s="312">
        <v>0</v>
      </c>
      <c r="D31" s="313">
        <v>0</v>
      </c>
      <c r="E31" s="314">
        <v>0</v>
      </c>
      <c r="F31" s="315">
        <v>0</v>
      </c>
      <c r="G31" s="315">
        <v>0</v>
      </c>
      <c r="H31" s="315">
        <v>0</v>
      </c>
      <c r="I31" s="315">
        <v>0</v>
      </c>
      <c r="J31" s="315">
        <v>0</v>
      </c>
      <c r="K31" s="316">
        <v>0</v>
      </c>
      <c r="L31" s="317">
        <v>0</v>
      </c>
      <c r="M31" s="311">
        <v>0</v>
      </c>
      <c r="N31" s="315">
        <v>0</v>
      </c>
      <c r="O31" s="312">
        <v>0</v>
      </c>
      <c r="P31" s="314">
        <v>0</v>
      </c>
      <c r="Q31" s="315">
        <v>0</v>
      </c>
      <c r="R31" s="315">
        <v>0</v>
      </c>
      <c r="S31" s="315">
        <v>0</v>
      </c>
      <c r="T31" s="315">
        <v>0</v>
      </c>
      <c r="U31" s="315">
        <v>0</v>
      </c>
      <c r="V31" s="312">
        <v>0</v>
      </c>
      <c r="W31" s="317">
        <v>0</v>
      </c>
      <c r="X31" s="311">
        <v>0</v>
      </c>
      <c r="Y31" s="315">
        <v>0</v>
      </c>
      <c r="Z31" s="312">
        <v>0</v>
      </c>
      <c r="AA31" s="314">
        <v>0</v>
      </c>
      <c r="AB31" s="315">
        <v>0</v>
      </c>
      <c r="AC31" s="315">
        <v>1</v>
      </c>
      <c r="AD31" s="315">
        <v>0</v>
      </c>
      <c r="AE31" s="315">
        <v>0</v>
      </c>
      <c r="AF31" s="315">
        <v>0</v>
      </c>
      <c r="AG31" s="312">
        <v>1</v>
      </c>
      <c r="AH31" s="317">
        <v>1</v>
      </c>
      <c r="AI31" s="311">
        <v>0</v>
      </c>
      <c r="AJ31" s="315">
        <v>0</v>
      </c>
      <c r="AK31" s="312">
        <v>0</v>
      </c>
      <c r="AL31" s="314">
        <v>0</v>
      </c>
      <c r="AM31" s="315">
        <v>0</v>
      </c>
      <c r="AN31" s="315">
        <v>0</v>
      </c>
      <c r="AO31" s="315">
        <v>1</v>
      </c>
      <c r="AP31" s="315">
        <v>0</v>
      </c>
      <c r="AQ31" s="315">
        <v>0</v>
      </c>
      <c r="AR31" s="312">
        <v>1</v>
      </c>
      <c r="AS31" s="317">
        <v>1</v>
      </c>
      <c r="AT31" s="311">
        <v>0</v>
      </c>
      <c r="AU31" s="315">
        <v>0</v>
      </c>
      <c r="AV31" s="312">
        <v>0</v>
      </c>
      <c r="AW31" s="314">
        <v>0</v>
      </c>
      <c r="AX31" s="315">
        <v>1</v>
      </c>
      <c r="AY31" s="315">
        <v>0</v>
      </c>
      <c r="AZ31" s="315">
        <v>0</v>
      </c>
      <c r="BA31" s="315">
        <v>0</v>
      </c>
      <c r="BB31" s="315">
        <v>0</v>
      </c>
      <c r="BC31" s="312">
        <v>1</v>
      </c>
      <c r="BD31" s="317">
        <v>1</v>
      </c>
      <c r="BE31" s="311">
        <v>0</v>
      </c>
      <c r="BF31" s="315">
        <v>0</v>
      </c>
      <c r="BG31" s="312">
        <v>0</v>
      </c>
      <c r="BH31" s="314">
        <v>0</v>
      </c>
      <c r="BI31" s="315">
        <v>0</v>
      </c>
      <c r="BJ31" s="315">
        <v>0</v>
      </c>
      <c r="BK31" s="315">
        <v>0</v>
      </c>
      <c r="BL31" s="315">
        <v>0</v>
      </c>
      <c r="BM31" s="315">
        <v>0</v>
      </c>
      <c r="BN31" s="316">
        <v>0</v>
      </c>
      <c r="BO31" s="317">
        <v>0</v>
      </c>
      <c r="BP31" s="311">
        <v>0</v>
      </c>
      <c r="BQ31" s="315">
        <v>0</v>
      </c>
      <c r="BR31" s="312">
        <v>0</v>
      </c>
      <c r="BS31" s="314">
        <v>0</v>
      </c>
      <c r="BT31" s="315">
        <v>0</v>
      </c>
      <c r="BU31" s="315">
        <v>0</v>
      </c>
      <c r="BV31" s="315">
        <v>0</v>
      </c>
      <c r="BW31" s="315">
        <v>0</v>
      </c>
      <c r="BX31" s="315">
        <v>0</v>
      </c>
      <c r="BY31" s="312">
        <v>0</v>
      </c>
      <c r="BZ31" s="317">
        <v>0</v>
      </c>
      <c r="CA31" s="311">
        <v>0</v>
      </c>
      <c r="CB31" s="315">
        <v>0</v>
      </c>
      <c r="CC31" s="312">
        <v>0</v>
      </c>
      <c r="CD31" s="314">
        <v>0</v>
      </c>
      <c r="CE31" s="315">
        <v>0</v>
      </c>
      <c r="CF31" s="315">
        <v>0</v>
      </c>
      <c r="CG31" s="315">
        <v>1</v>
      </c>
      <c r="CH31" s="315">
        <v>0</v>
      </c>
      <c r="CI31" s="315">
        <v>0</v>
      </c>
      <c r="CJ31" s="312">
        <v>1</v>
      </c>
      <c r="CK31" s="317">
        <v>1</v>
      </c>
      <c r="CL31" s="311">
        <v>0</v>
      </c>
      <c r="CM31" s="315">
        <v>0</v>
      </c>
      <c r="CN31" s="312">
        <v>0</v>
      </c>
      <c r="CO31" s="314">
        <v>0</v>
      </c>
      <c r="CP31" s="315">
        <v>0</v>
      </c>
      <c r="CQ31" s="315">
        <v>0</v>
      </c>
      <c r="CR31" s="315">
        <v>0</v>
      </c>
      <c r="CS31" s="315">
        <v>0</v>
      </c>
      <c r="CT31" s="315">
        <v>0</v>
      </c>
      <c r="CU31" s="312">
        <v>0</v>
      </c>
      <c r="CV31" s="317">
        <v>0</v>
      </c>
    </row>
    <row r="32" spans="1:100" ht="21" customHeight="1" x14ac:dyDescent="0.2">
      <c r="A32" s="296" t="s">
        <v>30</v>
      </c>
      <c r="B32" s="311">
        <v>0</v>
      </c>
      <c r="C32" s="312">
        <v>0</v>
      </c>
      <c r="D32" s="313">
        <v>0</v>
      </c>
      <c r="E32" s="314">
        <v>0</v>
      </c>
      <c r="F32" s="315">
        <v>0</v>
      </c>
      <c r="G32" s="315">
        <v>0</v>
      </c>
      <c r="H32" s="315">
        <v>0</v>
      </c>
      <c r="I32" s="315">
        <v>0</v>
      </c>
      <c r="J32" s="315">
        <v>0</v>
      </c>
      <c r="K32" s="316">
        <v>0</v>
      </c>
      <c r="L32" s="317">
        <v>0</v>
      </c>
      <c r="M32" s="311">
        <v>0</v>
      </c>
      <c r="N32" s="315">
        <v>0</v>
      </c>
      <c r="O32" s="312">
        <v>0</v>
      </c>
      <c r="P32" s="314">
        <v>0</v>
      </c>
      <c r="Q32" s="315">
        <v>0</v>
      </c>
      <c r="R32" s="315">
        <v>0</v>
      </c>
      <c r="S32" s="315">
        <v>0</v>
      </c>
      <c r="T32" s="315">
        <v>0</v>
      </c>
      <c r="U32" s="315">
        <v>0</v>
      </c>
      <c r="V32" s="312">
        <v>0</v>
      </c>
      <c r="W32" s="317">
        <v>0</v>
      </c>
      <c r="X32" s="311">
        <v>0</v>
      </c>
      <c r="Y32" s="315">
        <v>0</v>
      </c>
      <c r="Z32" s="312">
        <v>0</v>
      </c>
      <c r="AA32" s="314">
        <v>0</v>
      </c>
      <c r="AB32" s="315">
        <v>2</v>
      </c>
      <c r="AC32" s="315">
        <v>0</v>
      </c>
      <c r="AD32" s="315">
        <v>0</v>
      </c>
      <c r="AE32" s="315">
        <v>0</v>
      </c>
      <c r="AF32" s="315">
        <v>0</v>
      </c>
      <c r="AG32" s="312">
        <v>2</v>
      </c>
      <c r="AH32" s="317">
        <v>2</v>
      </c>
      <c r="AI32" s="311">
        <v>0</v>
      </c>
      <c r="AJ32" s="315">
        <v>0</v>
      </c>
      <c r="AK32" s="312">
        <v>0</v>
      </c>
      <c r="AL32" s="314">
        <v>0</v>
      </c>
      <c r="AM32" s="315">
        <v>0</v>
      </c>
      <c r="AN32" s="315">
        <v>1</v>
      </c>
      <c r="AO32" s="315">
        <v>0</v>
      </c>
      <c r="AP32" s="315">
        <v>0</v>
      </c>
      <c r="AQ32" s="315">
        <v>0</v>
      </c>
      <c r="AR32" s="312">
        <v>1</v>
      </c>
      <c r="AS32" s="317">
        <v>1</v>
      </c>
      <c r="AT32" s="311">
        <v>0</v>
      </c>
      <c r="AU32" s="315">
        <v>0</v>
      </c>
      <c r="AV32" s="312">
        <v>0</v>
      </c>
      <c r="AW32" s="314">
        <v>0</v>
      </c>
      <c r="AX32" s="315">
        <v>0</v>
      </c>
      <c r="AY32" s="315">
        <v>0</v>
      </c>
      <c r="AZ32" s="315">
        <v>0</v>
      </c>
      <c r="BA32" s="315">
        <v>0</v>
      </c>
      <c r="BB32" s="315">
        <v>0</v>
      </c>
      <c r="BC32" s="312">
        <v>0</v>
      </c>
      <c r="BD32" s="317">
        <v>0</v>
      </c>
      <c r="BE32" s="311">
        <v>0</v>
      </c>
      <c r="BF32" s="315">
        <v>0</v>
      </c>
      <c r="BG32" s="312">
        <v>0</v>
      </c>
      <c r="BH32" s="314">
        <v>0</v>
      </c>
      <c r="BI32" s="315">
        <v>1</v>
      </c>
      <c r="BJ32" s="315">
        <v>0</v>
      </c>
      <c r="BK32" s="315">
        <v>0</v>
      </c>
      <c r="BL32" s="315">
        <v>0</v>
      </c>
      <c r="BM32" s="315">
        <v>0</v>
      </c>
      <c r="BN32" s="316">
        <v>1</v>
      </c>
      <c r="BO32" s="317">
        <v>1</v>
      </c>
      <c r="BP32" s="311">
        <v>0</v>
      </c>
      <c r="BQ32" s="315">
        <v>0</v>
      </c>
      <c r="BR32" s="312">
        <v>0</v>
      </c>
      <c r="BS32" s="314">
        <v>0</v>
      </c>
      <c r="BT32" s="315">
        <v>0</v>
      </c>
      <c r="BU32" s="315">
        <v>0</v>
      </c>
      <c r="BV32" s="315">
        <v>0</v>
      </c>
      <c r="BW32" s="315">
        <v>0</v>
      </c>
      <c r="BX32" s="315">
        <v>0</v>
      </c>
      <c r="BY32" s="312">
        <v>0</v>
      </c>
      <c r="BZ32" s="317">
        <v>0</v>
      </c>
      <c r="CA32" s="311">
        <v>0</v>
      </c>
      <c r="CB32" s="315">
        <v>0</v>
      </c>
      <c r="CC32" s="312">
        <v>0</v>
      </c>
      <c r="CD32" s="314">
        <v>0</v>
      </c>
      <c r="CE32" s="315">
        <v>0</v>
      </c>
      <c r="CF32" s="315">
        <v>0</v>
      </c>
      <c r="CG32" s="315">
        <v>0</v>
      </c>
      <c r="CH32" s="315">
        <v>0</v>
      </c>
      <c r="CI32" s="315">
        <v>0</v>
      </c>
      <c r="CJ32" s="312">
        <v>0</v>
      </c>
      <c r="CK32" s="317">
        <v>0</v>
      </c>
      <c r="CL32" s="311">
        <v>0</v>
      </c>
      <c r="CM32" s="315">
        <v>0</v>
      </c>
      <c r="CN32" s="312">
        <v>0</v>
      </c>
      <c r="CO32" s="314">
        <v>0</v>
      </c>
      <c r="CP32" s="315">
        <v>0</v>
      </c>
      <c r="CQ32" s="315">
        <v>0</v>
      </c>
      <c r="CR32" s="315">
        <v>0</v>
      </c>
      <c r="CS32" s="315">
        <v>0</v>
      </c>
      <c r="CT32" s="315">
        <v>0</v>
      </c>
      <c r="CU32" s="312">
        <v>0</v>
      </c>
      <c r="CV32" s="317">
        <v>0</v>
      </c>
    </row>
    <row r="33" spans="1:100" ht="21" customHeight="1" x14ac:dyDescent="0.2">
      <c r="A33" s="296" t="s">
        <v>31</v>
      </c>
      <c r="B33" s="311">
        <v>0</v>
      </c>
      <c r="C33" s="312">
        <v>0</v>
      </c>
      <c r="D33" s="313">
        <v>0</v>
      </c>
      <c r="E33" s="314">
        <v>0</v>
      </c>
      <c r="F33" s="315">
        <v>0</v>
      </c>
      <c r="G33" s="315">
        <v>1</v>
      </c>
      <c r="H33" s="315">
        <v>0</v>
      </c>
      <c r="I33" s="315">
        <v>0</v>
      </c>
      <c r="J33" s="315">
        <v>0</v>
      </c>
      <c r="K33" s="316">
        <v>1</v>
      </c>
      <c r="L33" s="317">
        <v>1</v>
      </c>
      <c r="M33" s="311">
        <v>0</v>
      </c>
      <c r="N33" s="315">
        <v>0</v>
      </c>
      <c r="O33" s="312">
        <v>0</v>
      </c>
      <c r="P33" s="314">
        <v>0</v>
      </c>
      <c r="Q33" s="315">
        <v>0</v>
      </c>
      <c r="R33" s="315">
        <v>0</v>
      </c>
      <c r="S33" s="315">
        <v>0</v>
      </c>
      <c r="T33" s="315">
        <v>0</v>
      </c>
      <c r="U33" s="315">
        <v>0</v>
      </c>
      <c r="V33" s="312">
        <v>0</v>
      </c>
      <c r="W33" s="317">
        <v>0</v>
      </c>
      <c r="X33" s="311">
        <v>0</v>
      </c>
      <c r="Y33" s="315">
        <v>0</v>
      </c>
      <c r="Z33" s="312">
        <v>0</v>
      </c>
      <c r="AA33" s="314">
        <v>0</v>
      </c>
      <c r="AB33" s="315">
        <v>3</v>
      </c>
      <c r="AC33" s="315">
        <v>2</v>
      </c>
      <c r="AD33" s="315">
        <v>1</v>
      </c>
      <c r="AE33" s="315">
        <v>0</v>
      </c>
      <c r="AF33" s="315">
        <v>0</v>
      </c>
      <c r="AG33" s="312">
        <v>6</v>
      </c>
      <c r="AH33" s="317">
        <v>6</v>
      </c>
      <c r="AI33" s="311">
        <v>0</v>
      </c>
      <c r="AJ33" s="315">
        <v>0</v>
      </c>
      <c r="AK33" s="312">
        <v>0</v>
      </c>
      <c r="AL33" s="314">
        <v>0</v>
      </c>
      <c r="AM33" s="315">
        <v>0</v>
      </c>
      <c r="AN33" s="315">
        <v>0</v>
      </c>
      <c r="AO33" s="315">
        <v>0</v>
      </c>
      <c r="AP33" s="315">
        <v>0</v>
      </c>
      <c r="AQ33" s="315">
        <v>0</v>
      </c>
      <c r="AR33" s="312">
        <v>0</v>
      </c>
      <c r="AS33" s="317">
        <v>0</v>
      </c>
      <c r="AT33" s="311">
        <v>0</v>
      </c>
      <c r="AU33" s="315">
        <v>0</v>
      </c>
      <c r="AV33" s="312">
        <v>0</v>
      </c>
      <c r="AW33" s="314">
        <v>0</v>
      </c>
      <c r="AX33" s="315">
        <v>1</v>
      </c>
      <c r="AY33" s="315">
        <v>0</v>
      </c>
      <c r="AZ33" s="315">
        <v>0</v>
      </c>
      <c r="BA33" s="315">
        <v>0</v>
      </c>
      <c r="BB33" s="315">
        <v>0</v>
      </c>
      <c r="BC33" s="312">
        <v>1</v>
      </c>
      <c r="BD33" s="317">
        <v>1</v>
      </c>
      <c r="BE33" s="311">
        <v>0</v>
      </c>
      <c r="BF33" s="315">
        <v>0</v>
      </c>
      <c r="BG33" s="312">
        <v>0</v>
      </c>
      <c r="BH33" s="314">
        <v>0</v>
      </c>
      <c r="BI33" s="315">
        <v>0</v>
      </c>
      <c r="BJ33" s="315">
        <v>0</v>
      </c>
      <c r="BK33" s="315">
        <v>0</v>
      </c>
      <c r="BL33" s="315">
        <v>0</v>
      </c>
      <c r="BM33" s="315">
        <v>1</v>
      </c>
      <c r="BN33" s="316">
        <v>1</v>
      </c>
      <c r="BO33" s="317">
        <v>1</v>
      </c>
      <c r="BP33" s="311">
        <v>0</v>
      </c>
      <c r="BQ33" s="315">
        <v>0</v>
      </c>
      <c r="BR33" s="312">
        <v>0</v>
      </c>
      <c r="BS33" s="314">
        <v>0</v>
      </c>
      <c r="BT33" s="315">
        <v>0</v>
      </c>
      <c r="BU33" s="315">
        <v>0</v>
      </c>
      <c r="BV33" s="315">
        <v>0</v>
      </c>
      <c r="BW33" s="315">
        <v>0</v>
      </c>
      <c r="BX33" s="315">
        <v>0</v>
      </c>
      <c r="BY33" s="312">
        <v>0</v>
      </c>
      <c r="BZ33" s="317">
        <v>0</v>
      </c>
      <c r="CA33" s="311">
        <v>0</v>
      </c>
      <c r="CB33" s="315">
        <v>0</v>
      </c>
      <c r="CC33" s="312">
        <v>0</v>
      </c>
      <c r="CD33" s="314">
        <v>0</v>
      </c>
      <c r="CE33" s="315">
        <v>0</v>
      </c>
      <c r="CF33" s="315">
        <v>0</v>
      </c>
      <c r="CG33" s="315">
        <v>0</v>
      </c>
      <c r="CH33" s="315">
        <v>0</v>
      </c>
      <c r="CI33" s="315">
        <v>0</v>
      </c>
      <c r="CJ33" s="312">
        <v>0</v>
      </c>
      <c r="CK33" s="317">
        <v>0</v>
      </c>
      <c r="CL33" s="311">
        <v>0</v>
      </c>
      <c r="CM33" s="315">
        <v>0</v>
      </c>
      <c r="CN33" s="312">
        <v>0</v>
      </c>
      <c r="CO33" s="314">
        <v>0</v>
      </c>
      <c r="CP33" s="315">
        <v>0</v>
      </c>
      <c r="CQ33" s="315">
        <v>0</v>
      </c>
      <c r="CR33" s="315">
        <v>0</v>
      </c>
      <c r="CS33" s="315">
        <v>0</v>
      </c>
      <c r="CT33" s="315">
        <v>0</v>
      </c>
      <c r="CU33" s="312">
        <v>0</v>
      </c>
      <c r="CV33" s="317">
        <v>0</v>
      </c>
    </row>
    <row r="34" spans="1:100" ht="21" customHeight="1" x14ac:dyDescent="0.2">
      <c r="A34" s="296" t="s">
        <v>32</v>
      </c>
      <c r="B34" s="311">
        <v>0</v>
      </c>
      <c r="C34" s="312">
        <v>0</v>
      </c>
      <c r="D34" s="313">
        <v>0</v>
      </c>
      <c r="E34" s="314">
        <v>0</v>
      </c>
      <c r="F34" s="315">
        <v>0</v>
      </c>
      <c r="G34" s="315">
        <v>1</v>
      </c>
      <c r="H34" s="315">
        <v>0</v>
      </c>
      <c r="I34" s="315">
        <v>0</v>
      </c>
      <c r="J34" s="315">
        <v>0</v>
      </c>
      <c r="K34" s="316">
        <v>1</v>
      </c>
      <c r="L34" s="317">
        <v>1</v>
      </c>
      <c r="M34" s="311">
        <v>0</v>
      </c>
      <c r="N34" s="315">
        <v>0</v>
      </c>
      <c r="O34" s="312">
        <v>0</v>
      </c>
      <c r="P34" s="314">
        <v>0</v>
      </c>
      <c r="Q34" s="315">
        <v>0</v>
      </c>
      <c r="R34" s="315">
        <v>0</v>
      </c>
      <c r="S34" s="315">
        <v>0</v>
      </c>
      <c r="T34" s="315">
        <v>0</v>
      </c>
      <c r="U34" s="315">
        <v>0</v>
      </c>
      <c r="V34" s="312">
        <v>0</v>
      </c>
      <c r="W34" s="317">
        <v>0</v>
      </c>
      <c r="X34" s="311">
        <v>0</v>
      </c>
      <c r="Y34" s="315">
        <v>0</v>
      </c>
      <c r="Z34" s="312">
        <v>0</v>
      </c>
      <c r="AA34" s="314">
        <v>0</v>
      </c>
      <c r="AB34" s="315">
        <v>2</v>
      </c>
      <c r="AC34" s="315">
        <v>3</v>
      </c>
      <c r="AD34" s="315">
        <v>1</v>
      </c>
      <c r="AE34" s="315">
        <v>0</v>
      </c>
      <c r="AF34" s="315">
        <v>0</v>
      </c>
      <c r="AG34" s="312">
        <v>6</v>
      </c>
      <c r="AH34" s="317">
        <v>6</v>
      </c>
      <c r="AI34" s="311">
        <v>0</v>
      </c>
      <c r="AJ34" s="315">
        <v>0</v>
      </c>
      <c r="AK34" s="312">
        <v>0</v>
      </c>
      <c r="AL34" s="314">
        <v>0</v>
      </c>
      <c r="AM34" s="315">
        <v>0</v>
      </c>
      <c r="AN34" s="315">
        <v>0</v>
      </c>
      <c r="AO34" s="315">
        <v>0</v>
      </c>
      <c r="AP34" s="315">
        <v>0</v>
      </c>
      <c r="AQ34" s="315">
        <v>0</v>
      </c>
      <c r="AR34" s="312">
        <v>0</v>
      </c>
      <c r="AS34" s="317">
        <v>0</v>
      </c>
      <c r="AT34" s="311">
        <v>0</v>
      </c>
      <c r="AU34" s="315">
        <v>0</v>
      </c>
      <c r="AV34" s="312">
        <v>0</v>
      </c>
      <c r="AW34" s="314">
        <v>0</v>
      </c>
      <c r="AX34" s="315">
        <v>0</v>
      </c>
      <c r="AY34" s="315">
        <v>0</v>
      </c>
      <c r="AZ34" s="315">
        <v>0</v>
      </c>
      <c r="BA34" s="315">
        <v>0</v>
      </c>
      <c r="BB34" s="315">
        <v>0</v>
      </c>
      <c r="BC34" s="312">
        <v>0</v>
      </c>
      <c r="BD34" s="317">
        <v>0</v>
      </c>
      <c r="BE34" s="311">
        <v>0</v>
      </c>
      <c r="BF34" s="315">
        <v>0</v>
      </c>
      <c r="BG34" s="312">
        <v>0</v>
      </c>
      <c r="BH34" s="314">
        <v>0</v>
      </c>
      <c r="BI34" s="315">
        <v>0</v>
      </c>
      <c r="BJ34" s="315">
        <v>0</v>
      </c>
      <c r="BK34" s="315">
        <v>1</v>
      </c>
      <c r="BL34" s="315">
        <v>0</v>
      </c>
      <c r="BM34" s="315">
        <v>1</v>
      </c>
      <c r="BN34" s="316">
        <v>2</v>
      </c>
      <c r="BO34" s="317">
        <v>2</v>
      </c>
      <c r="BP34" s="311">
        <v>0</v>
      </c>
      <c r="BQ34" s="315">
        <v>0</v>
      </c>
      <c r="BR34" s="312">
        <v>0</v>
      </c>
      <c r="BS34" s="314">
        <v>0</v>
      </c>
      <c r="BT34" s="315">
        <v>0</v>
      </c>
      <c r="BU34" s="315">
        <v>0</v>
      </c>
      <c r="BV34" s="315">
        <v>0</v>
      </c>
      <c r="BW34" s="315">
        <v>0</v>
      </c>
      <c r="BX34" s="315">
        <v>0</v>
      </c>
      <c r="BY34" s="312">
        <v>0</v>
      </c>
      <c r="BZ34" s="317">
        <v>0</v>
      </c>
      <c r="CA34" s="311">
        <v>0</v>
      </c>
      <c r="CB34" s="315">
        <v>0</v>
      </c>
      <c r="CC34" s="312">
        <v>0</v>
      </c>
      <c r="CD34" s="314">
        <v>0</v>
      </c>
      <c r="CE34" s="315">
        <v>0</v>
      </c>
      <c r="CF34" s="315">
        <v>1</v>
      </c>
      <c r="CG34" s="315">
        <v>0</v>
      </c>
      <c r="CH34" s="315">
        <v>0</v>
      </c>
      <c r="CI34" s="315">
        <v>0</v>
      </c>
      <c r="CJ34" s="312">
        <v>1</v>
      </c>
      <c r="CK34" s="317">
        <v>1</v>
      </c>
      <c r="CL34" s="311">
        <v>0</v>
      </c>
      <c r="CM34" s="315">
        <v>0</v>
      </c>
      <c r="CN34" s="312">
        <v>0</v>
      </c>
      <c r="CO34" s="314">
        <v>0</v>
      </c>
      <c r="CP34" s="315">
        <v>0</v>
      </c>
      <c r="CQ34" s="315">
        <v>0</v>
      </c>
      <c r="CR34" s="315">
        <v>0</v>
      </c>
      <c r="CS34" s="315">
        <v>0</v>
      </c>
      <c r="CT34" s="315">
        <v>0</v>
      </c>
      <c r="CU34" s="312">
        <v>0</v>
      </c>
      <c r="CV34" s="317">
        <v>0</v>
      </c>
    </row>
    <row r="35" spans="1:100" ht="21" customHeight="1" x14ac:dyDescent="0.2">
      <c r="A35" s="296" t="s">
        <v>33</v>
      </c>
      <c r="B35" s="311">
        <v>0</v>
      </c>
      <c r="C35" s="312">
        <v>0</v>
      </c>
      <c r="D35" s="313">
        <v>0</v>
      </c>
      <c r="E35" s="314">
        <v>0</v>
      </c>
      <c r="F35" s="315">
        <v>0</v>
      </c>
      <c r="G35" s="315">
        <v>0</v>
      </c>
      <c r="H35" s="315">
        <v>0</v>
      </c>
      <c r="I35" s="315">
        <v>0</v>
      </c>
      <c r="J35" s="315">
        <v>0</v>
      </c>
      <c r="K35" s="316">
        <v>0</v>
      </c>
      <c r="L35" s="317">
        <v>0</v>
      </c>
      <c r="M35" s="311">
        <v>0</v>
      </c>
      <c r="N35" s="315">
        <v>0</v>
      </c>
      <c r="O35" s="312">
        <v>0</v>
      </c>
      <c r="P35" s="314">
        <v>0</v>
      </c>
      <c r="Q35" s="315">
        <v>0</v>
      </c>
      <c r="R35" s="315">
        <v>0</v>
      </c>
      <c r="S35" s="315">
        <v>0</v>
      </c>
      <c r="T35" s="315">
        <v>0</v>
      </c>
      <c r="U35" s="315">
        <v>0</v>
      </c>
      <c r="V35" s="312">
        <v>0</v>
      </c>
      <c r="W35" s="317">
        <v>0</v>
      </c>
      <c r="X35" s="311">
        <v>0</v>
      </c>
      <c r="Y35" s="315">
        <v>0</v>
      </c>
      <c r="Z35" s="312">
        <v>0</v>
      </c>
      <c r="AA35" s="314">
        <v>0</v>
      </c>
      <c r="AB35" s="315">
        <v>2</v>
      </c>
      <c r="AC35" s="315">
        <v>0</v>
      </c>
      <c r="AD35" s="315">
        <v>2</v>
      </c>
      <c r="AE35" s="315">
        <v>0</v>
      </c>
      <c r="AF35" s="315">
        <v>0</v>
      </c>
      <c r="AG35" s="312">
        <v>4</v>
      </c>
      <c r="AH35" s="317">
        <v>4</v>
      </c>
      <c r="AI35" s="311">
        <v>0</v>
      </c>
      <c r="AJ35" s="315">
        <v>0</v>
      </c>
      <c r="AK35" s="312">
        <v>0</v>
      </c>
      <c r="AL35" s="314">
        <v>0</v>
      </c>
      <c r="AM35" s="315">
        <v>0</v>
      </c>
      <c r="AN35" s="315">
        <v>0</v>
      </c>
      <c r="AO35" s="315">
        <v>0</v>
      </c>
      <c r="AP35" s="315">
        <v>0</v>
      </c>
      <c r="AQ35" s="315">
        <v>0</v>
      </c>
      <c r="AR35" s="312">
        <v>0</v>
      </c>
      <c r="AS35" s="317">
        <v>0</v>
      </c>
      <c r="AT35" s="311">
        <v>0</v>
      </c>
      <c r="AU35" s="315">
        <v>0</v>
      </c>
      <c r="AV35" s="312">
        <v>0</v>
      </c>
      <c r="AW35" s="314">
        <v>0</v>
      </c>
      <c r="AX35" s="315">
        <v>0</v>
      </c>
      <c r="AY35" s="315">
        <v>0</v>
      </c>
      <c r="AZ35" s="315">
        <v>0</v>
      </c>
      <c r="BA35" s="315">
        <v>0</v>
      </c>
      <c r="BB35" s="315">
        <v>0</v>
      </c>
      <c r="BC35" s="312">
        <v>0</v>
      </c>
      <c r="BD35" s="317">
        <v>0</v>
      </c>
      <c r="BE35" s="311">
        <v>0</v>
      </c>
      <c r="BF35" s="315">
        <v>0</v>
      </c>
      <c r="BG35" s="312">
        <v>0</v>
      </c>
      <c r="BH35" s="314">
        <v>0</v>
      </c>
      <c r="BI35" s="315">
        <v>0</v>
      </c>
      <c r="BJ35" s="315">
        <v>0</v>
      </c>
      <c r="BK35" s="315">
        <v>0</v>
      </c>
      <c r="BL35" s="315">
        <v>0</v>
      </c>
      <c r="BM35" s="315">
        <v>0</v>
      </c>
      <c r="BN35" s="316">
        <v>0</v>
      </c>
      <c r="BO35" s="317">
        <v>0</v>
      </c>
      <c r="BP35" s="311">
        <v>0</v>
      </c>
      <c r="BQ35" s="315">
        <v>0</v>
      </c>
      <c r="BR35" s="312">
        <v>0</v>
      </c>
      <c r="BS35" s="314">
        <v>0</v>
      </c>
      <c r="BT35" s="315">
        <v>0</v>
      </c>
      <c r="BU35" s="315">
        <v>0</v>
      </c>
      <c r="BV35" s="315">
        <v>0</v>
      </c>
      <c r="BW35" s="315">
        <v>0</v>
      </c>
      <c r="BX35" s="315">
        <v>0</v>
      </c>
      <c r="BY35" s="312">
        <v>0</v>
      </c>
      <c r="BZ35" s="317">
        <v>0</v>
      </c>
      <c r="CA35" s="311">
        <v>0</v>
      </c>
      <c r="CB35" s="315">
        <v>0</v>
      </c>
      <c r="CC35" s="312">
        <v>0</v>
      </c>
      <c r="CD35" s="314">
        <v>0</v>
      </c>
      <c r="CE35" s="315">
        <v>0</v>
      </c>
      <c r="CF35" s="315">
        <v>0</v>
      </c>
      <c r="CG35" s="315">
        <v>0</v>
      </c>
      <c r="CH35" s="315">
        <v>0</v>
      </c>
      <c r="CI35" s="315">
        <v>0</v>
      </c>
      <c r="CJ35" s="312">
        <v>0</v>
      </c>
      <c r="CK35" s="317">
        <v>0</v>
      </c>
      <c r="CL35" s="311">
        <v>0</v>
      </c>
      <c r="CM35" s="315">
        <v>0</v>
      </c>
      <c r="CN35" s="312">
        <v>0</v>
      </c>
      <c r="CO35" s="314">
        <v>0</v>
      </c>
      <c r="CP35" s="315">
        <v>0</v>
      </c>
      <c r="CQ35" s="315">
        <v>0</v>
      </c>
      <c r="CR35" s="315">
        <v>1</v>
      </c>
      <c r="CS35" s="315">
        <v>0</v>
      </c>
      <c r="CT35" s="315">
        <v>0</v>
      </c>
      <c r="CU35" s="312">
        <v>1</v>
      </c>
      <c r="CV35" s="317">
        <v>1</v>
      </c>
    </row>
    <row r="36" spans="1:100" ht="21" customHeight="1" x14ac:dyDescent="0.2">
      <c r="A36" s="296" t="s">
        <v>34</v>
      </c>
      <c r="B36" s="311">
        <v>0</v>
      </c>
      <c r="C36" s="312">
        <v>0</v>
      </c>
      <c r="D36" s="313">
        <v>0</v>
      </c>
      <c r="E36" s="314">
        <v>0</v>
      </c>
      <c r="F36" s="315">
        <v>0</v>
      </c>
      <c r="G36" s="315">
        <v>0</v>
      </c>
      <c r="H36" s="315">
        <v>0</v>
      </c>
      <c r="I36" s="315">
        <v>0</v>
      </c>
      <c r="J36" s="315">
        <v>0</v>
      </c>
      <c r="K36" s="316">
        <v>0</v>
      </c>
      <c r="L36" s="317">
        <v>0</v>
      </c>
      <c r="M36" s="311">
        <v>0</v>
      </c>
      <c r="N36" s="315">
        <v>0</v>
      </c>
      <c r="O36" s="312">
        <v>0</v>
      </c>
      <c r="P36" s="314">
        <v>0</v>
      </c>
      <c r="Q36" s="315">
        <v>0</v>
      </c>
      <c r="R36" s="315">
        <v>0</v>
      </c>
      <c r="S36" s="315">
        <v>0</v>
      </c>
      <c r="T36" s="315">
        <v>0</v>
      </c>
      <c r="U36" s="315">
        <v>0</v>
      </c>
      <c r="V36" s="312">
        <v>0</v>
      </c>
      <c r="W36" s="317">
        <v>0</v>
      </c>
      <c r="X36" s="311">
        <v>0</v>
      </c>
      <c r="Y36" s="315">
        <v>0</v>
      </c>
      <c r="Z36" s="312">
        <v>0</v>
      </c>
      <c r="AA36" s="314">
        <v>0</v>
      </c>
      <c r="AB36" s="315">
        <v>0</v>
      </c>
      <c r="AC36" s="315">
        <v>0</v>
      </c>
      <c r="AD36" s="315">
        <v>0</v>
      </c>
      <c r="AE36" s="315">
        <v>0</v>
      </c>
      <c r="AF36" s="315">
        <v>0</v>
      </c>
      <c r="AG36" s="312">
        <v>0</v>
      </c>
      <c r="AH36" s="317">
        <v>0</v>
      </c>
      <c r="AI36" s="311">
        <v>0</v>
      </c>
      <c r="AJ36" s="315">
        <v>0</v>
      </c>
      <c r="AK36" s="312">
        <v>0</v>
      </c>
      <c r="AL36" s="314">
        <v>0</v>
      </c>
      <c r="AM36" s="315">
        <v>0</v>
      </c>
      <c r="AN36" s="315">
        <v>0</v>
      </c>
      <c r="AO36" s="315">
        <v>0</v>
      </c>
      <c r="AP36" s="315">
        <v>0</v>
      </c>
      <c r="AQ36" s="315">
        <v>0</v>
      </c>
      <c r="AR36" s="312">
        <v>0</v>
      </c>
      <c r="AS36" s="317">
        <v>0</v>
      </c>
      <c r="AT36" s="311">
        <v>0</v>
      </c>
      <c r="AU36" s="315">
        <v>0</v>
      </c>
      <c r="AV36" s="312">
        <v>0</v>
      </c>
      <c r="AW36" s="314">
        <v>0</v>
      </c>
      <c r="AX36" s="315">
        <v>1</v>
      </c>
      <c r="AY36" s="315">
        <v>0</v>
      </c>
      <c r="AZ36" s="315">
        <v>0</v>
      </c>
      <c r="BA36" s="315">
        <v>0</v>
      </c>
      <c r="BB36" s="315">
        <v>0</v>
      </c>
      <c r="BC36" s="312">
        <v>1</v>
      </c>
      <c r="BD36" s="317">
        <v>1</v>
      </c>
      <c r="BE36" s="311">
        <v>0</v>
      </c>
      <c r="BF36" s="315">
        <v>0</v>
      </c>
      <c r="BG36" s="312">
        <v>0</v>
      </c>
      <c r="BH36" s="314">
        <v>0</v>
      </c>
      <c r="BI36" s="315">
        <v>0</v>
      </c>
      <c r="BJ36" s="315">
        <v>0</v>
      </c>
      <c r="BK36" s="315">
        <v>0</v>
      </c>
      <c r="BL36" s="315">
        <v>0</v>
      </c>
      <c r="BM36" s="315">
        <v>0</v>
      </c>
      <c r="BN36" s="316">
        <v>0</v>
      </c>
      <c r="BO36" s="317">
        <v>0</v>
      </c>
      <c r="BP36" s="311">
        <v>0</v>
      </c>
      <c r="BQ36" s="315">
        <v>0</v>
      </c>
      <c r="BR36" s="312">
        <v>0</v>
      </c>
      <c r="BS36" s="314">
        <v>0</v>
      </c>
      <c r="BT36" s="315">
        <v>0</v>
      </c>
      <c r="BU36" s="315">
        <v>0</v>
      </c>
      <c r="BV36" s="315">
        <v>0</v>
      </c>
      <c r="BW36" s="315">
        <v>0</v>
      </c>
      <c r="BX36" s="315">
        <v>0</v>
      </c>
      <c r="BY36" s="312">
        <v>0</v>
      </c>
      <c r="BZ36" s="317">
        <v>0</v>
      </c>
      <c r="CA36" s="311">
        <v>0</v>
      </c>
      <c r="CB36" s="315">
        <v>0</v>
      </c>
      <c r="CC36" s="312">
        <v>0</v>
      </c>
      <c r="CD36" s="314">
        <v>0</v>
      </c>
      <c r="CE36" s="315">
        <v>0</v>
      </c>
      <c r="CF36" s="315">
        <v>0</v>
      </c>
      <c r="CG36" s="315">
        <v>0</v>
      </c>
      <c r="CH36" s="315">
        <v>0</v>
      </c>
      <c r="CI36" s="315">
        <v>0</v>
      </c>
      <c r="CJ36" s="312">
        <v>0</v>
      </c>
      <c r="CK36" s="317">
        <v>0</v>
      </c>
      <c r="CL36" s="311">
        <v>0</v>
      </c>
      <c r="CM36" s="315">
        <v>0</v>
      </c>
      <c r="CN36" s="312">
        <v>0</v>
      </c>
      <c r="CO36" s="314">
        <v>0</v>
      </c>
      <c r="CP36" s="315">
        <v>0</v>
      </c>
      <c r="CQ36" s="315">
        <v>1</v>
      </c>
      <c r="CR36" s="315">
        <v>0</v>
      </c>
      <c r="CS36" s="315">
        <v>1</v>
      </c>
      <c r="CT36" s="315">
        <v>0</v>
      </c>
      <c r="CU36" s="312">
        <v>2</v>
      </c>
      <c r="CV36" s="317">
        <v>2</v>
      </c>
    </row>
    <row r="37" spans="1:100" ht="21" customHeight="1" x14ac:dyDescent="0.2">
      <c r="A37" s="296" t="s">
        <v>35</v>
      </c>
      <c r="B37" s="311">
        <v>0</v>
      </c>
      <c r="C37" s="312">
        <v>0</v>
      </c>
      <c r="D37" s="313">
        <v>0</v>
      </c>
      <c r="E37" s="314">
        <v>0</v>
      </c>
      <c r="F37" s="315">
        <v>0</v>
      </c>
      <c r="G37" s="315">
        <v>0</v>
      </c>
      <c r="H37" s="315">
        <v>0</v>
      </c>
      <c r="I37" s="315">
        <v>0</v>
      </c>
      <c r="J37" s="315">
        <v>0</v>
      </c>
      <c r="K37" s="316">
        <v>0</v>
      </c>
      <c r="L37" s="317">
        <v>0</v>
      </c>
      <c r="M37" s="311">
        <v>0</v>
      </c>
      <c r="N37" s="315">
        <v>0</v>
      </c>
      <c r="O37" s="312">
        <v>0</v>
      </c>
      <c r="P37" s="314">
        <v>0</v>
      </c>
      <c r="Q37" s="315">
        <v>0</v>
      </c>
      <c r="R37" s="315">
        <v>0</v>
      </c>
      <c r="S37" s="315">
        <v>0</v>
      </c>
      <c r="T37" s="315">
        <v>0</v>
      </c>
      <c r="U37" s="315">
        <v>0</v>
      </c>
      <c r="V37" s="312">
        <v>0</v>
      </c>
      <c r="W37" s="317">
        <v>0</v>
      </c>
      <c r="X37" s="311">
        <v>0</v>
      </c>
      <c r="Y37" s="315">
        <v>0</v>
      </c>
      <c r="Z37" s="312">
        <v>0</v>
      </c>
      <c r="AA37" s="314">
        <v>0</v>
      </c>
      <c r="AB37" s="315">
        <v>1</v>
      </c>
      <c r="AC37" s="315">
        <v>0</v>
      </c>
      <c r="AD37" s="315">
        <v>0</v>
      </c>
      <c r="AE37" s="315">
        <v>0</v>
      </c>
      <c r="AF37" s="315">
        <v>0</v>
      </c>
      <c r="AG37" s="312">
        <v>1</v>
      </c>
      <c r="AH37" s="317">
        <v>1</v>
      </c>
      <c r="AI37" s="311">
        <v>0</v>
      </c>
      <c r="AJ37" s="315">
        <v>0</v>
      </c>
      <c r="AK37" s="312">
        <v>0</v>
      </c>
      <c r="AL37" s="314">
        <v>0</v>
      </c>
      <c r="AM37" s="315">
        <v>0</v>
      </c>
      <c r="AN37" s="315">
        <v>0</v>
      </c>
      <c r="AO37" s="315">
        <v>0</v>
      </c>
      <c r="AP37" s="315">
        <v>0</v>
      </c>
      <c r="AQ37" s="315">
        <v>0</v>
      </c>
      <c r="AR37" s="312">
        <v>0</v>
      </c>
      <c r="AS37" s="317">
        <v>0</v>
      </c>
      <c r="AT37" s="311">
        <v>0</v>
      </c>
      <c r="AU37" s="315">
        <v>0</v>
      </c>
      <c r="AV37" s="312">
        <v>0</v>
      </c>
      <c r="AW37" s="314">
        <v>0</v>
      </c>
      <c r="AX37" s="315">
        <v>0</v>
      </c>
      <c r="AY37" s="315">
        <v>0</v>
      </c>
      <c r="AZ37" s="315">
        <v>1</v>
      </c>
      <c r="BA37" s="315">
        <v>0</v>
      </c>
      <c r="BB37" s="315">
        <v>0</v>
      </c>
      <c r="BC37" s="312">
        <v>1</v>
      </c>
      <c r="BD37" s="317">
        <v>1</v>
      </c>
      <c r="BE37" s="311">
        <v>0</v>
      </c>
      <c r="BF37" s="315">
        <v>0</v>
      </c>
      <c r="BG37" s="312">
        <v>0</v>
      </c>
      <c r="BH37" s="314">
        <v>0</v>
      </c>
      <c r="BI37" s="315">
        <v>0</v>
      </c>
      <c r="BJ37" s="315">
        <v>0</v>
      </c>
      <c r="BK37" s="315">
        <v>1</v>
      </c>
      <c r="BL37" s="315">
        <v>0</v>
      </c>
      <c r="BM37" s="315">
        <v>0</v>
      </c>
      <c r="BN37" s="316">
        <v>1</v>
      </c>
      <c r="BO37" s="317">
        <v>1</v>
      </c>
      <c r="BP37" s="311">
        <v>0</v>
      </c>
      <c r="BQ37" s="315">
        <v>0</v>
      </c>
      <c r="BR37" s="312">
        <v>0</v>
      </c>
      <c r="BS37" s="314">
        <v>0</v>
      </c>
      <c r="BT37" s="315">
        <v>0</v>
      </c>
      <c r="BU37" s="315">
        <v>0</v>
      </c>
      <c r="BV37" s="315">
        <v>0</v>
      </c>
      <c r="BW37" s="315">
        <v>0</v>
      </c>
      <c r="BX37" s="315">
        <v>0</v>
      </c>
      <c r="BY37" s="312">
        <v>0</v>
      </c>
      <c r="BZ37" s="317">
        <v>0</v>
      </c>
      <c r="CA37" s="311">
        <v>0</v>
      </c>
      <c r="CB37" s="315">
        <v>0</v>
      </c>
      <c r="CC37" s="312">
        <v>0</v>
      </c>
      <c r="CD37" s="314">
        <v>0</v>
      </c>
      <c r="CE37" s="315">
        <v>0</v>
      </c>
      <c r="CF37" s="315">
        <v>0</v>
      </c>
      <c r="CG37" s="315">
        <v>0</v>
      </c>
      <c r="CH37" s="315">
        <v>0</v>
      </c>
      <c r="CI37" s="315">
        <v>0</v>
      </c>
      <c r="CJ37" s="312">
        <v>0</v>
      </c>
      <c r="CK37" s="317">
        <v>0</v>
      </c>
      <c r="CL37" s="311">
        <v>0</v>
      </c>
      <c r="CM37" s="315">
        <v>0</v>
      </c>
      <c r="CN37" s="312">
        <v>0</v>
      </c>
      <c r="CO37" s="314">
        <v>0</v>
      </c>
      <c r="CP37" s="315">
        <v>0</v>
      </c>
      <c r="CQ37" s="315">
        <v>0</v>
      </c>
      <c r="CR37" s="315">
        <v>0</v>
      </c>
      <c r="CS37" s="315">
        <v>0</v>
      </c>
      <c r="CT37" s="315">
        <v>0</v>
      </c>
      <c r="CU37" s="312">
        <v>0</v>
      </c>
      <c r="CV37" s="317">
        <v>0</v>
      </c>
    </row>
    <row r="38" spans="1:100" ht="21" customHeight="1" x14ac:dyDescent="0.2">
      <c r="A38" s="296" t="s">
        <v>36</v>
      </c>
      <c r="B38" s="311">
        <v>0</v>
      </c>
      <c r="C38" s="312">
        <v>0</v>
      </c>
      <c r="D38" s="313">
        <v>0</v>
      </c>
      <c r="E38" s="314">
        <v>0</v>
      </c>
      <c r="F38" s="315">
        <v>0</v>
      </c>
      <c r="G38" s="315">
        <v>0</v>
      </c>
      <c r="H38" s="315">
        <v>0</v>
      </c>
      <c r="I38" s="315">
        <v>0</v>
      </c>
      <c r="J38" s="315">
        <v>0</v>
      </c>
      <c r="K38" s="316">
        <v>0</v>
      </c>
      <c r="L38" s="317">
        <v>0</v>
      </c>
      <c r="M38" s="311">
        <v>0</v>
      </c>
      <c r="N38" s="315">
        <v>0</v>
      </c>
      <c r="O38" s="312">
        <v>0</v>
      </c>
      <c r="P38" s="314">
        <v>0</v>
      </c>
      <c r="Q38" s="315">
        <v>0</v>
      </c>
      <c r="R38" s="315">
        <v>0</v>
      </c>
      <c r="S38" s="315">
        <v>0</v>
      </c>
      <c r="T38" s="315">
        <v>0</v>
      </c>
      <c r="U38" s="315">
        <v>0</v>
      </c>
      <c r="V38" s="312">
        <v>0</v>
      </c>
      <c r="W38" s="317">
        <v>0</v>
      </c>
      <c r="X38" s="311">
        <v>0</v>
      </c>
      <c r="Y38" s="315">
        <v>0</v>
      </c>
      <c r="Z38" s="312">
        <v>0</v>
      </c>
      <c r="AA38" s="314">
        <v>0</v>
      </c>
      <c r="AB38" s="315">
        <v>0</v>
      </c>
      <c r="AC38" s="315">
        <v>2</v>
      </c>
      <c r="AD38" s="315">
        <v>0</v>
      </c>
      <c r="AE38" s="315">
        <v>1</v>
      </c>
      <c r="AF38" s="315">
        <v>1</v>
      </c>
      <c r="AG38" s="312">
        <v>4</v>
      </c>
      <c r="AH38" s="317">
        <v>4</v>
      </c>
      <c r="AI38" s="311">
        <v>0</v>
      </c>
      <c r="AJ38" s="315">
        <v>0</v>
      </c>
      <c r="AK38" s="312">
        <v>0</v>
      </c>
      <c r="AL38" s="314">
        <v>0</v>
      </c>
      <c r="AM38" s="315">
        <v>0</v>
      </c>
      <c r="AN38" s="315">
        <v>0</v>
      </c>
      <c r="AO38" s="315">
        <v>0</v>
      </c>
      <c r="AP38" s="315">
        <v>0</v>
      </c>
      <c r="AQ38" s="315">
        <v>0</v>
      </c>
      <c r="AR38" s="312">
        <v>0</v>
      </c>
      <c r="AS38" s="317">
        <v>0</v>
      </c>
      <c r="AT38" s="311">
        <v>0</v>
      </c>
      <c r="AU38" s="315">
        <v>0</v>
      </c>
      <c r="AV38" s="312">
        <v>0</v>
      </c>
      <c r="AW38" s="314">
        <v>0</v>
      </c>
      <c r="AX38" s="315">
        <v>0</v>
      </c>
      <c r="AY38" s="315">
        <v>0</v>
      </c>
      <c r="AZ38" s="315">
        <v>0</v>
      </c>
      <c r="BA38" s="315">
        <v>0</v>
      </c>
      <c r="BB38" s="315">
        <v>0</v>
      </c>
      <c r="BC38" s="312">
        <v>0</v>
      </c>
      <c r="BD38" s="317">
        <v>0</v>
      </c>
      <c r="BE38" s="311">
        <v>0</v>
      </c>
      <c r="BF38" s="315">
        <v>0</v>
      </c>
      <c r="BG38" s="312">
        <v>0</v>
      </c>
      <c r="BH38" s="314">
        <v>0</v>
      </c>
      <c r="BI38" s="315">
        <v>0</v>
      </c>
      <c r="BJ38" s="315">
        <v>0</v>
      </c>
      <c r="BK38" s="315">
        <v>1</v>
      </c>
      <c r="BL38" s="315">
        <v>1</v>
      </c>
      <c r="BM38" s="315">
        <v>0</v>
      </c>
      <c r="BN38" s="316">
        <v>2</v>
      </c>
      <c r="BO38" s="317">
        <v>2</v>
      </c>
      <c r="BP38" s="311">
        <v>0</v>
      </c>
      <c r="BQ38" s="315">
        <v>0</v>
      </c>
      <c r="BR38" s="312">
        <v>0</v>
      </c>
      <c r="BS38" s="314">
        <v>0</v>
      </c>
      <c r="BT38" s="315">
        <v>0</v>
      </c>
      <c r="BU38" s="315">
        <v>0</v>
      </c>
      <c r="BV38" s="315">
        <v>0</v>
      </c>
      <c r="BW38" s="315">
        <v>0</v>
      </c>
      <c r="BX38" s="315">
        <v>0</v>
      </c>
      <c r="BY38" s="312">
        <v>0</v>
      </c>
      <c r="BZ38" s="317">
        <v>0</v>
      </c>
      <c r="CA38" s="311">
        <v>0</v>
      </c>
      <c r="CB38" s="315">
        <v>0</v>
      </c>
      <c r="CC38" s="312">
        <v>0</v>
      </c>
      <c r="CD38" s="314">
        <v>0</v>
      </c>
      <c r="CE38" s="315">
        <v>0</v>
      </c>
      <c r="CF38" s="315">
        <v>0</v>
      </c>
      <c r="CG38" s="315">
        <v>0</v>
      </c>
      <c r="CH38" s="315">
        <v>0</v>
      </c>
      <c r="CI38" s="315">
        <v>0</v>
      </c>
      <c r="CJ38" s="312">
        <v>0</v>
      </c>
      <c r="CK38" s="317">
        <v>0</v>
      </c>
      <c r="CL38" s="311">
        <v>0</v>
      </c>
      <c r="CM38" s="315">
        <v>0</v>
      </c>
      <c r="CN38" s="312">
        <v>0</v>
      </c>
      <c r="CO38" s="314">
        <v>0</v>
      </c>
      <c r="CP38" s="315">
        <v>0</v>
      </c>
      <c r="CQ38" s="315">
        <v>0</v>
      </c>
      <c r="CR38" s="315">
        <v>0</v>
      </c>
      <c r="CS38" s="315">
        <v>0</v>
      </c>
      <c r="CT38" s="315">
        <v>0</v>
      </c>
      <c r="CU38" s="312">
        <v>0</v>
      </c>
      <c r="CV38" s="317">
        <v>0</v>
      </c>
    </row>
    <row r="39" spans="1:100" ht="21" customHeight="1" thickBot="1" x14ac:dyDescent="0.25">
      <c r="A39" s="297" t="s">
        <v>37</v>
      </c>
      <c r="B39" s="318">
        <v>0</v>
      </c>
      <c r="C39" s="319">
        <v>0</v>
      </c>
      <c r="D39" s="320">
        <v>0</v>
      </c>
      <c r="E39" s="321">
        <v>0</v>
      </c>
      <c r="F39" s="322">
        <v>0</v>
      </c>
      <c r="G39" s="322">
        <v>0</v>
      </c>
      <c r="H39" s="322">
        <v>0</v>
      </c>
      <c r="I39" s="322">
        <v>0</v>
      </c>
      <c r="J39" s="322">
        <v>0</v>
      </c>
      <c r="K39" s="323">
        <v>0</v>
      </c>
      <c r="L39" s="324">
        <v>0</v>
      </c>
      <c r="M39" s="318">
        <v>0</v>
      </c>
      <c r="N39" s="322">
        <v>0</v>
      </c>
      <c r="O39" s="319">
        <v>0</v>
      </c>
      <c r="P39" s="321">
        <v>0</v>
      </c>
      <c r="Q39" s="322">
        <v>0</v>
      </c>
      <c r="R39" s="322">
        <v>0</v>
      </c>
      <c r="S39" s="322">
        <v>0</v>
      </c>
      <c r="T39" s="322">
        <v>0</v>
      </c>
      <c r="U39" s="322">
        <v>0</v>
      </c>
      <c r="V39" s="319">
        <v>0</v>
      </c>
      <c r="W39" s="324">
        <v>0</v>
      </c>
      <c r="X39" s="318">
        <v>0</v>
      </c>
      <c r="Y39" s="322">
        <v>0</v>
      </c>
      <c r="Z39" s="319">
        <v>0</v>
      </c>
      <c r="AA39" s="321">
        <v>0</v>
      </c>
      <c r="AB39" s="322">
        <v>0</v>
      </c>
      <c r="AC39" s="322">
        <v>0</v>
      </c>
      <c r="AD39" s="322">
        <v>0</v>
      </c>
      <c r="AE39" s="322">
        <v>0</v>
      </c>
      <c r="AF39" s="322">
        <v>1</v>
      </c>
      <c r="AG39" s="319">
        <v>1</v>
      </c>
      <c r="AH39" s="324">
        <v>1</v>
      </c>
      <c r="AI39" s="318">
        <v>0</v>
      </c>
      <c r="AJ39" s="322">
        <v>0</v>
      </c>
      <c r="AK39" s="319">
        <v>0</v>
      </c>
      <c r="AL39" s="321">
        <v>0</v>
      </c>
      <c r="AM39" s="322">
        <v>0</v>
      </c>
      <c r="AN39" s="322">
        <v>0</v>
      </c>
      <c r="AO39" s="322">
        <v>0</v>
      </c>
      <c r="AP39" s="322">
        <v>0</v>
      </c>
      <c r="AQ39" s="322">
        <v>0</v>
      </c>
      <c r="AR39" s="319">
        <v>0</v>
      </c>
      <c r="AS39" s="324">
        <v>0</v>
      </c>
      <c r="AT39" s="318">
        <v>0</v>
      </c>
      <c r="AU39" s="322">
        <v>0</v>
      </c>
      <c r="AV39" s="319">
        <v>0</v>
      </c>
      <c r="AW39" s="321">
        <v>0</v>
      </c>
      <c r="AX39" s="322">
        <v>0</v>
      </c>
      <c r="AY39" s="322">
        <v>0</v>
      </c>
      <c r="AZ39" s="322">
        <v>0</v>
      </c>
      <c r="BA39" s="322">
        <v>0</v>
      </c>
      <c r="BB39" s="322">
        <v>0</v>
      </c>
      <c r="BC39" s="319">
        <v>0</v>
      </c>
      <c r="BD39" s="324">
        <v>0</v>
      </c>
      <c r="BE39" s="318">
        <v>0</v>
      </c>
      <c r="BF39" s="322">
        <v>0</v>
      </c>
      <c r="BG39" s="319">
        <v>0</v>
      </c>
      <c r="BH39" s="321">
        <v>0</v>
      </c>
      <c r="BI39" s="322">
        <v>0</v>
      </c>
      <c r="BJ39" s="322">
        <v>0</v>
      </c>
      <c r="BK39" s="322">
        <v>0</v>
      </c>
      <c r="BL39" s="322">
        <v>0</v>
      </c>
      <c r="BM39" s="322">
        <v>0</v>
      </c>
      <c r="BN39" s="323">
        <v>0</v>
      </c>
      <c r="BO39" s="324">
        <v>0</v>
      </c>
      <c r="BP39" s="318">
        <v>0</v>
      </c>
      <c r="BQ39" s="322">
        <v>0</v>
      </c>
      <c r="BR39" s="319">
        <v>0</v>
      </c>
      <c r="BS39" s="321">
        <v>0</v>
      </c>
      <c r="BT39" s="322">
        <v>0</v>
      </c>
      <c r="BU39" s="322">
        <v>0</v>
      </c>
      <c r="BV39" s="322">
        <v>0</v>
      </c>
      <c r="BW39" s="322">
        <v>0</v>
      </c>
      <c r="BX39" s="322">
        <v>0</v>
      </c>
      <c r="BY39" s="319">
        <v>0</v>
      </c>
      <c r="BZ39" s="324">
        <v>0</v>
      </c>
      <c r="CA39" s="318">
        <v>0</v>
      </c>
      <c r="CB39" s="322">
        <v>0</v>
      </c>
      <c r="CC39" s="319">
        <v>0</v>
      </c>
      <c r="CD39" s="321">
        <v>0</v>
      </c>
      <c r="CE39" s="322">
        <v>0</v>
      </c>
      <c r="CF39" s="322">
        <v>0</v>
      </c>
      <c r="CG39" s="322">
        <v>0</v>
      </c>
      <c r="CH39" s="322">
        <v>0</v>
      </c>
      <c r="CI39" s="322">
        <v>0</v>
      </c>
      <c r="CJ39" s="319">
        <v>0</v>
      </c>
      <c r="CK39" s="324">
        <v>0</v>
      </c>
      <c r="CL39" s="318">
        <v>0</v>
      </c>
      <c r="CM39" s="322">
        <v>0</v>
      </c>
      <c r="CN39" s="319">
        <v>0</v>
      </c>
      <c r="CO39" s="321">
        <v>0</v>
      </c>
      <c r="CP39" s="322">
        <v>0</v>
      </c>
      <c r="CQ39" s="322">
        <v>0</v>
      </c>
      <c r="CR39" s="322">
        <v>0</v>
      </c>
      <c r="CS39" s="322">
        <v>0</v>
      </c>
      <c r="CT39" s="322">
        <v>0</v>
      </c>
      <c r="CU39" s="319">
        <v>0</v>
      </c>
      <c r="CV39" s="324">
        <v>0</v>
      </c>
    </row>
  </sheetData>
  <mergeCells count="39">
    <mergeCell ref="CL4:CN4"/>
    <mergeCell ref="AW4:BC4"/>
    <mergeCell ref="BE4:BG4"/>
    <mergeCell ref="BH4:BN4"/>
    <mergeCell ref="BZ4:BZ5"/>
    <mergeCell ref="CK4:CK5"/>
    <mergeCell ref="BP4:BR4"/>
    <mergeCell ref="BS4:BY4"/>
    <mergeCell ref="CA4:CC4"/>
    <mergeCell ref="CD4:CJ4"/>
    <mergeCell ref="A3:A5"/>
    <mergeCell ref="B3:L3"/>
    <mergeCell ref="M3:W3"/>
    <mergeCell ref="X3:AH3"/>
    <mergeCell ref="B4:D4"/>
    <mergeCell ref="E4:K4"/>
    <mergeCell ref="L4:L5"/>
    <mergeCell ref="M4:O4"/>
    <mergeCell ref="P4:V4"/>
    <mergeCell ref="W4:W5"/>
    <mergeCell ref="X4:Z4"/>
    <mergeCell ref="AA4:AG4"/>
    <mergeCell ref="AH4:AH5"/>
    <mergeCell ref="CV4:CV5"/>
    <mergeCell ref="CA3:CK3"/>
    <mergeCell ref="CL3:CV3"/>
    <mergeCell ref="H1:I1"/>
    <mergeCell ref="K1:L1"/>
    <mergeCell ref="BD4:BD5"/>
    <mergeCell ref="BE3:BO3"/>
    <mergeCell ref="BO4:BO5"/>
    <mergeCell ref="BP3:BZ3"/>
    <mergeCell ref="AI4:AK4"/>
    <mergeCell ref="AI3:AS3"/>
    <mergeCell ref="AT3:BD3"/>
    <mergeCell ref="CO4:CU4"/>
    <mergeCell ref="AL4:AR4"/>
    <mergeCell ref="AS4:AS5"/>
    <mergeCell ref="AT4:AV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3" max="1048575" man="1"/>
    <brk id="45" max="1048575" man="1"/>
    <brk id="67"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W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0"/>
    <col min="4" max="4" width="10" style="290" customWidth="1"/>
    <col min="5" max="5" width="7.77734375" style="290" customWidth="1"/>
    <col min="6" max="6" width="10.77734375" style="290" customWidth="1"/>
    <col min="7" max="15" width="9" style="290"/>
    <col min="16" max="16" width="8" style="290" customWidth="1"/>
    <col min="17" max="16384" width="9" style="290"/>
  </cols>
  <sheetData>
    <row r="1" spans="1:23" ht="21" customHeight="1" x14ac:dyDescent="0.2">
      <c r="A1" s="325" t="s">
        <v>125</v>
      </c>
      <c r="G1" s="545">
        <f>第１表!F2</f>
        <v>4</v>
      </c>
      <c r="H1" s="545"/>
      <c r="I1" s="282">
        <f>第１表!G2</f>
        <v>4</v>
      </c>
      <c r="J1" s="549">
        <f>IF(I1&lt;3,I1+12-2,I1-2)</f>
        <v>2</v>
      </c>
      <c r="K1" s="549"/>
    </row>
    <row r="2" spans="1:23" ht="18.75" customHeight="1" thickBot="1" x14ac:dyDescent="0.25">
      <c r="A2" s="325" t="s">
        <v>133</v>
      </c>
    </row>
    <row r="3" spans="1:23" ht="21.75" customHeight="1" x14ac:dyDescent="0.2">
      <c r="A3" s="561"/>
      <c r="B3" s="557" t="s">
        <v>143</v>
      </c>
      <c r="C3" s="557"/>
      <c r="D3" s="557"/>
      <c r="E3" s="557"/>
      <c r="F3" s="557"/>
      <c r="G3" s="557"/>
      <c r="H3" s="557"/>
      <c r="I3" s="557"/>
      <c r="J3" s="557"/>
      <c r="K3" s="557"/>
      <c r="L3" s="587"/>
      <c r="M3" s="557" t="s">
        <v>113</v>
      </c>
      <c r="N3" s="557"/>
      <c r="O3" s="557"/>
      <c r="P3" s="557"/>
      <c r="Q3" s="557"/>
      <c r="R3" s="557"/>
      <c r="S3" s="557"/>
      <c r="T3" s="557"/>
      <c r="U3" s="557"/>
      <c r="V3" s="557"/>
      <c r="W3" s="587"/>
    </row>
    <row r="4" spans="1:23" ht="20.25" customHeight="1" x14ac:dyDescent="0.2">
      <c r="A4" s="585"/>
      <c r="B4" s="588" t="s">
        <v>61</v>
      </c>
      <c r="C4" s="588"/>
      <c r="D4" s="589"/>
      <c r="E4" s="590" t="s">
        <v>62</v>
      </c>
      <c r="F4" s="588"/>
      <c r="G4" s="588"/>
      <c r="H4" s="588"/>
      <c r="I4" s="588"/>
      <c r="J4" s="588"/>
      <c r="K4" s="591"/>
      <c r="L4" s="592" t="s">
        <v>52</v>
      </c>
      <c r="M4" s="588" t="s">
        <v>61</v>
      </c>
      <c r="N4" s="588"/>
      <c r="O4" s="589"/>
      <c r="P4" s="590" t="s">
        <v>62</v>
      </c>
      <c r="Q4" s="588"/>
      <c r="R4" s="588"/>
      <c r="S4" s="588"/>
      <c r="T4" s="588"/>
      <c r="U4" s="588"/>
      <c r="V4" s="591"/>
      <c r="W4" s="592" t="s">
        <v>52</v>
      </c>
    </row>
    <row r="5" spans="1:23" ht="28.5" customHeight="1" thickBot="1" x14ac:dyDescent="0.25">
      <c r="A5" s="586"/>
      <c r="B5" s="294" t="s">
        <v>43</v>
      </c>
      <c r="C5" s="294" t="s">
        <v>44</v>
      </c>
      <c r="D5" s="300" t="s">
        <v>45</v>
      </c>
      <c r="E5" s="302" t="s">
        <v>83</v>
      </c>
      <c r="F5" s="294" t="s">
        <v>47</v>
      </c>
      <c r="G5" s="294" t="s">
        <v>48</v>
      </c>
      <c r="H5" s="294" t="s">
        <v>49</v>
      </c>
      <c r="I5" s="294" t="s">
        <v>50</v>
      </c>
      <c r="J5" s="294" t="s">
        <v>51</v>
      </c>
      <c r="K5" s="300" t="s">
        <v>45</v>
      </c>
      <c r="L5" s="560"/>
      <c r="M5" s="294" t="s">
        <v>43</v>
      </c>
      <c r="N5" s="294" t="s">
        <v>44</v>
      </c>
      <c r="O5" s="300" t="s">
        <v>45</v>
      </c>
      <c r="P5" s="302" t="s">
        <v>83</v>
      </c>
      <c r="Q5" s="294" t="s">
        <v>47</v>
      </c>
      <c r="R5" s="294" t="s">
        <v>48</v>
      </c>
      <c r="S5" s="294" t="s">
        <v>49</v>
      </c>
      <c r="T5" s="294" t="s">
        <v>50</v>
      </c>
      <c r="U5" s="294" t="s">
        <v>51</v>
      </c>
      <c r="V5" s="300" t="s">
        <v>45</v>
      </c>
      <c r="W5" s="560"/>
    </row>
    <row r="6" spans="1:23" ht="21" customHeight="1" x14ac:dyDescent="0.2">
      <c r="A6" s="293" t="s">
        <v>4</v>
      </c>
      <c r="B6" s="308">
        <v>0</v>
      </c>
      <c r="C6" s="308">
        <v>6</v>
      </c>
      <c r="D6" s="305">
        <v>6</v>
      </c>
      <c r="E6" s="307">
        <v>0</v>
      </c>
      <c r="F6" s="308">
        <v>85909</v>
      </c>
      <c r="G6" s="308">
        <v>84842</v>
      </c>
      <c r="H6" s="308">
        <v>50918</v>
      </c>
      <c r="I6" s="308">
        <v>27406</v>
      </c>
      <c r="J6" s="308">
        <v>12712</v>
      </c>
      <c r="K6" s="305">
        <v>261787</v>
      </c>
      <c r="L6" s="310">
        <v>261793</v>
      </c>
      <c r="M6" s="308">
        <v>33</v>
      </c>
      <c r="N6" s="308">
        <v>43</v>
      </c>
      <c r="O6" s="305">
        <v>76</v>
      </c>
      <c r="P6" s="307">
        <v>0</v>
      </c>
      <c r="Q6" s="308">
        <v>5508</v>
      </c>
      <c r="R6" s="308">
        <v>7679</v>
      </c>
      <c r="S6" s="308">
        <v>9980</v>
      </c>
      <c r="T6" s="308">
        <v>5110</v>
      </c>
      <c r="U6" s="308">
        <v>4549</v>
      </c>
      <c r="V6" s="305">
        <v>32826</v>
      </c>
      <c r="W6" s="310">
        <v>32902</v>
      </c>
    </row>
    <row r="7" spans="1:23" ht="21" customHeight="1" x14ac:dyDescent="0.2">
      <c r="A7" s="291" t="s">
        <v>5</v>
      </c>
      <c r="B7" s="315">
        <v>0</v>
      </c>
      <c r="C7" s="315">
        <v>6</v>
      </c>
      <c r="D7" s="312">
        <v>6</v>
      </c>
      <c r="E7" s="314">
        <v>0</v>
      </c>
      <c r="F7" s="315">
        <v>27811</v>
      </c>
      <c r="G7" s="315">
        <v>37731</v>
      </c>
      <c r="H7" s="315">
        <v>22513</v>
      </c>
      <c r="I7" s="315">
        <v>12542</v>
      </c>
      <c r="J7" s="315">
        <v>5675</v>
      </c>
      <c r="K7" s="312">
        <v>106272</v>
      </c>
      <c r="L7" s="317">
        <v>106278</v>
      </c>
      <c r="M7" s="315">
        <v>15</v>
      </c>
      <c r="N7" s="315">
        <v>12</v>
      </c>
      <c r="O7" s="312">
        <v>27</v>
      </c>
      <c r="P7" s="314">
        <v>0</v>
      </c>
      <c r="Q7" s="315">
        <v>2544</v>
      </c>
      <c r="R7" s="315">
        <v>3720</v>
      </c>
      <c r="S7" s="315">
        <v>5166</v>
      </c>
      <c r="T7" s="315">
        <v>2623</v>
      </c>
      <c r="U7" s="315">
        <v>2658</v>
      </c>
      <c r="V7" s="312">
        <v>16711</v>
      </c>
      <c r="W7" s="317">
        <v>16738</v>
      </c>
    </row>
    <row r="8" spans="1:23" ht="21" customHeight="1" x14ac:dyDescent="0.2">
      <c r="A8" s="291" t="s">
        <v>6</v>
      </c>
      <c r="B8" s="315">
        <v>0</v>
      </c>
      <c r="C8" s="315">
        <v>0</v>
      </c>
      <c r="D8" s="312">
        <v>0</v>
      </c>
      <c r="E8" s="314">
        <v>0</v>
      </c>
      <c r="F8" s="315">
        <v>12753</v>
      </c>
      <c r="G8" s="315">
        <v>9524</v>
      </c>
      <c r="H8" s="315">
        <v>6011</v>
      </c>
      <c r="I8" s="315">
        <v>3608</v>
      </c>
      <c r="J8" s="315">
        <v>1815</v>
      </c>
      <c r="K8" s="312">
        <v>33711</v>
      </c>
      <c r="L8" s="317">
        <v>33711</v>
      </c>
      <c r="M8" s="315">
        <v>10</v>
      </c>
      <c r="N8" s="315">
        <v>3</v>
      </c>
      <c r="O8" s="312">
        <v>13</v>
      </c>
      <c r="P8" s="314">
        <v>0</v>
      </c>
      <c r="Q8" s="315">
        <v>1222</v>
      </c>
      <c r="R8" s="315">
        <v>1666</v>
      </c>
      <c r="S8" s="315">
        <v>2119</v>
      </c>
      <c r="T8" s="315">
        <v>1311</v>
      </c>
      <c r="U8" s="315">
        <v>877</v>
      </c>
      <c r="V8" s="312">
        <v>7195</v>
      </c>
      <c r="W8" s="317">
        <v>7208</v>
      </c>
    </row>
    <row r="9" spans="1:23" ht="21" customHeight="1" x14ac:dyDescent="0.2">
      <c r="A9" s="291" t="s">
        <v>14</v>
      </c>
      <c r="B9" s="315">
        <v>0</v>
      </c>
      <c r="C9" s="315">
        <v>0</v>
      </c>
      <c r="D9" s="312">
        <v>0</v>
      </c>
      <c r="E9" s="314">
        <v>0</v>
      </c>
      <c r="F9" s="315">
        <v>7326</v>
      </c>
      <c r="G9" s="315">
        <v>7860</v>
      </c>
      <c r="H9" s="315">
        <v>5065</v>
      </c>
      <c r="I9" s="315">
        <v>2585</v>
      </c>
      <c r="J9" s="315">
        <v>1040</v>
      </c>
      <c r="K9" s="312">
        <v>23876</v>
      </c>
      <c r="L9" s="317">
        <v>23876</v>
      </c>
      <c r="M9" s="315">
        <v>0</v>
      </c>
      <c r="N9" s="315">
        <v>0</v>
      </c>
      <c r="O9" s="312">
        <v>0</v>
      </c>
      <c r="P9" s="314">
        <v>0</v>
      </c>
      <c r="Q9" s="315">
        <v>69</v>
      </c>
      <c r="R9" s="315">
        <v>118</v>
      </c>
      <c r="S9" s="315">
        <v>303</v>
      </c>
      <c r="T9" s="315">
        <v>207</v>
      </c>
      <c r="U9" s="315">
        <v>197</v>
      </c>
      <c r="V9" s="312">
        <v>894</v>
      </c>
      <c r="W9" s="317">
        <v>894</v>
      </c>
    </row>
    <row r="10" spans="1:23" ht="21" customHeight="1" x14ac:dyDescent="0.2">
      <c r="A10" s="291" t="s">
        <v>7</v>
      </c>
      <c r="B10" s="315">
        <v>0</v>
      </c>
      <c r="C10" s="315">
        <v>0</v>
      </c>
      <c r="D10" s="312">
        <v>0</v>
      </c>
      <c r="E10" s="314">
        <v>0</v>
      </c>
      <c r="F10" s="315">
        <v>6334</v>
      </c>
      <c r="G10" s="315">
        <v>4221</v>
      </c>
      <c r="H10" s="315">
        <v>2378</v>
      </c>
      <c r="I10" s="315">
        <v>949</v>
      </c>
      <c r="J10" s="315">
        <v>393</v>
      </c>
      <c r="K10" s="312">
        <v>14275</v>
      </c>
      <c r="L10" s="317">
        <v>14275</v>
      </c>
      <c r="M10" s="315">
        <v>4</v>
      </c>
      <c r="N10" s="315">
        <v>0</v>
      </c>
      <c r="O10" s="312">
        <v>4</v>
      </c>
      <c r="P10" s="314">
        <v>0</v>
      </c>
      <c r="Q10" s="315">
        <v>640</v>
      </c>
      <c r="R10" s="315">
        <v>784</v>
      </c>
      <c r="S10" s="315">
        <v>933</v>
      </c>
      <c r="T10" s="315">
        <v>322</v>
      </c>
      <c r="U10" s="315">
        <v>129</v>
      </c>
      <c r="V10" s="312">
        <v>2808</v>
      </c>
      <c r="W10" s="317">
        <v>2812</v>
      </c>
    </row>
    <row r="11" spans="1:23" ht="21" customHeight="1" x14ac:dyDescent="0.2">
      <c r="A11" s="291" t="s">
        <v>8</v>
      </c>
      <c r="B11" s="315">
        <v>0</v>
      </c>
      <c r="C11" s="315">
        <v>0</v>
      </c>
      <c r="D11" s="312">
        <v>0</v>
      </c>
      <c r="E11" s="314">
        <v>0</v>
      </c>
      <c r="F11" s="315">
        <v>4047</v>
      </c>
      <c r="G11" s="315">
        <v>3831</v>
      </c>
      <c r="H11" s="315">
        <v>2132</v>
      </c>
      <c r="I11" s="315">
        <v>1118</v>
      </c>
      <c r="J11" s="315">
        <v>439</v>
      </c>
      <c r="K11" s="312">
        <v>11567</v>
      </c>
      <c r="L11" s="317">
        <v>11567</v>
      </c>
      <c r="M11" s="315">
        <v>0</v>
      </c>
      <c r="N11" s="315">
        <v>0</v>
      </c>
      <c r="O11" s="312">
        <v>0</v>
      </c>
      <c r="P11" s="314">
        <v>0</v>
      </c>
      <c r="Q11" s="315">
        <v>63</v>
      </c>
      <c r="R11" s="315">
        <v>141</v>
      </c>
      <c r="S11" s="315">
        <v>90</v>
      </c>
      <c r="T11" s="315">
        <v>45</v>
      </c>
      <c r="U11" s="315">
        <v>54</v>
      </c>
      <c r="V11" s="312">
        <v>393</v>
      </c>
      <c r="W11" s="317">
        <v>393</v>
      </c>
    </row>
    <row r="12" spans="1:23" ht="21" customHeight="1" x14ac:dyDescent="0.2">
      <c r="A12" s="291" t="s">
        <v>9</v>
      </c>
      <c r="B12" s="315">
        <v>0</v>
      </c>
      <c r="C12" s="315">
        <v>0</v>
      </c>
      <c r="D12" s="312">
        <v>0</v>
      </c>
      <c r="E12" s="314">
        <v>0</v>
      </c>
      <c r="F12" s="315">
        <v>2513</v>
      </c>
      <c r="G12" s="315">
        <v>2052</v>
      </c>
      <c r="H12" s="315">
        <v>1494</v>
      </c>
      <c r="I12" s="315">
        <v>726</v>
      </c>
      <c r="J12" s="315">
        <v>272</v>
      </c>
      <c r="K12" s="312">
        <v>7057</v>
      </c>
      <c r="L12" s="317">
        <v>7057</v>
      </c>
      <c r="M12" s="315">
        <v>0</v>
      </c>
      <c r="N12" s="315">
        <v>0</v>
      </c>
      <c r="O12" s="312">
        <v>0</v>
      </c>
      <c r="P12" s="314">
        <v>0</v>
      </c>
      <c r="Q12" s="315">
        <v>36</v>
      </c>
      <c r="R12" s="315">
        <v>30</v>
      </c>
      <c r="S12" s="315">
        <v>45</v>
      </c>
      <c r="T12" s="315">
        <v>57</v>
      </c>
      <c r="U12" s="315">
        <v>37</v>
      </c>
      <c r="V12" s="312">
        <v>205</v>
      </c>
      <c r="W12" s="317">
        <v>205</v>
      </c>
    </row>
    <row r="13" spans="1:23" ht="21" customHeight="1" x14ac:dyDescent="0.2">
      <c r="A13" s="291" t="s">
        <v>10</v>
      </c>
      <c r="B13" s="315">
        <v>0</v>
      </c>
      <c r="C13" s="315">
        <v>0</v>
      </c>
      <c r="D13" s="312">
        <v>0</v>
      </c>
      <c r="E13" s="314">
        <v>0</v>
      </c>
      <c r="F13" s="315">
        <v>3747</v>
      </c>
      <c r="G13" s="315">
        <v>1908</v>
      </c>
      <c r="H13" s="315">
        <v>1111</v>
      </c>
      <c r="I13" s="315">
        <v>527</v>
      </c>
      <c r="J13" s="315">
        <v>251</v>
      </c>
      <c r="K13" s="312">
        <v>7544</v>
      </c>
      <c r="L13" s="317">
        <v>7544</v>
      </c>
      <c r="M13" s="315">
        <v>0</v>
      </c>
      <c r="N13" s="315">
        <v>4</v>
      </c>
      <c r="O13" s="312">
        <v>4</v>
      </c>
      <c r="P13" s="314">
        <v>0</v>
      </c>
      <c r="Q13" s="315">
        <v>104</v>
      </c>
      <c r="R13" s="315">
        <v>155</v>
      </c>
      <c r="S13" s="315">
        <v>159</v>
      </c>
      <c r="T13" s="315">
        <v>103</v>
      </c>
      <c r="U13" s="315">
        <v>72</v>
      </c>
      <c r="V13" s="312">
        <v>593</v>
      </c>
      <c r="W13" s="317">
        <v>597</v>
      </c>
    </row>
    <row r="14" spans="1:23" ht="21" customHeight="1" x14ac:dyDescent="0.2">
      <c r="A14" s="291" t="s">
        <v>11</v>
      </c>
      <c r="B14" s="315">
        <v>0</v>
      </c>
      <c r="C14" s="315">
        <v>0</v>
      </c>
      <c r="D14" s="312">
        <v>0</v>
      </c>
      <c r="E14" s="314">
        <v>0</v>
      </c>
      <c r="F14" s="315">
        <v>3922</v>
      </c>
      <c r="G14" s="315">
        <v>2431</v>
      </c>
      <c r="H14" s="315">
        <v>1512</v>
      </c>
      <c r="I14" s="315">
        <v>783</v>
      </c>
      <c r="J14" s="315">
        <v>279</v>
      </c>
      <c r="K14" s="312">
        <v>8927</v>
      </c>
      <c r="L14" s="317">
        <v>8927</v>
      </c>
      <c r="M14" s="315">
        <v>0</v>
      </c>
      <c r="N14" s="315">
        <v>16</v>
      </c>
      <c r="O14" s="312">
        <v>16</v>
      </c>
      <c r="P14" s="314">
        <v>0</v>
      </c>
      <c r="Q14" s="315">
        <v>146</v>
      </c>
      <c r="R14" s="315">
        <v>126</v>
      </c>
      <c r="S14" s="315">
        <v>44</v>
      </c>
      <c r="T14" s="315">
        <v>8</v>
      </c>
      <c r="U14" s="315">
        <v>12</v>
      </c>
      <c r="V14" s="312">
        <v>336</v>
      </c>
      <c r="W14" s="317">
        <v>352</v>
      </c>
    </row>
    <row r="15" spans="1:23" ht="21" customHeight="1" x14ac:dyDescent="0.2">
      <c r="A15" s="291" t="s">
        <v>12</v>
      </c>
      <c r="B15" s="315">
        <v>0</v>
      </c>
      <c r="C15" s="315">
        <v>0</v>
      </c>
      <c r="D15" s="312">
        <v>0</v>
      </c>
      <c r="E15" s="314">
        <v>0</v>
      </c>
      <c r="F15" s="315">
        <v>2803</v>
      </c>
      <c r="G15" s="315">
        <v>1669</v>
      </c>
      <c r="H15" s="315">
        <v>1143</v>
      </c>
      <c r="I15" s="315">
        <v>438</v>
      </c>
      <c r="J15" s="315">
        <v>313</v>
      </c>
      <c r="K15" s="312">
        <v>6366</v>
      </c>
      <c r="L15" s="317">
        <v>6366</v>
      </c>
      <c r="M15" s="315">
        <v>0</v>
      </c>
      <c r="N15" s="315">
        <v>0</v>
      </c>
      <c r="O15" s="312">
        <v>0</v>
      </c>
      <c r="P15" s="314">
        <v>0</v>
      </c>
      <c r="Q15" s="315">
        <v>29</v>
      </c>
      <c r="R15" s="315">
        <v>36</v>
      </c>
      <c r="S15" s="315">
        <v>0</v>
      </c>
      <c r="T15" s="315">
        <v>0</v>
      </c>
      <c r="U15" s="315">
        <v>17</v>
      </c>
      <c r="V15" s="312">
        <v>82</v>
      </c>
      <c r="W15" s="317">
        <v>82</v>
      </c>
    </row>
    <row r="16" spans="1:23" ht="21" customHeight="1" x14ac:dyDescent="0.2">
      <c r="A16" s="291" t="s">
        <v>13</v>
      </c>
      <c r="B16" s="315">
        <v>0</v>
      </c>
      <c r="C16" s="315">
        <v>0</v>
      </c>
      <c r="D16" s="312">
        <v>0</v>
      </c>
      <c r="E16" s="314">
        <v>0</v>
      </c>
      <c r="F16" s="315">
        <v>761</v>
      </c>
      <c r="G16" s="315">
        <v>789</v>
      </c>
      <c r="H16" s="315">
        <v>331</v>
      </c>
      <c r="I16" s="315">
        <v>206</v>
      </c>
      <c r="J16" s="315">
        <v>96</v>
      </c>
      <c r="K16" s="312">
        <v>2183</v>
      </c>
      <c r="L16" s="317">
        <v>2183</v>
      </c>
      <c r="M16" s="315">
        <v>0</v>
      </c>
      <c r="N16" s="315">
        <v>0</v>
      </c>
      <c r="O16" s="312">
        <v>0</v>
      </c>
      <c r="P16" s="314">
        <v>0</v>
      </c>
      <c r="Q16" s="315">
        <v>14</v>
      </c>
      <c r="R16" s="315">
        <v>12</v>
      </c>
      <c r="S16" s="315">
        <v>65</v>
      </c>
      <c r="T16" s="315">
        <v>39</v>
      </c>
      <c r="U16" s="315">
        <v>84</v>
      </c>
      <c r="V16" s="312">
        <v>214</v>
      </c>
      <c r="W16" s="317">
        <v>214</v>
      </c>
    </row>
    <row r="17" spans="1:23" ht="21" customHeight="1" x14ac:dyDescent="0.2">
      <c r="A17" s="291" t="s">
        <v>15</v>
      </c>
      <c r="B17" s="315">
        <v>0</v>
      </c>
      <c r="C17" s="315">
        <v>0</v>
      </c>
      <c r="D17" s="312">
        <v>0</v>
      </c>
      <c r="E17" s="314">
        <v>0</v>
      </c>
      <c r="F17" s="315">
        <v>949</v>
      </c>
      <c r="G17" s="315">
        <v>1238</v>
      </c>
      <c r="H17" s="315">
        <v>528</v>
      </c>
      <c r="I17" s="315">
        <v>294</v>
      </c>
      <c r="J17" s="315">
        <v>80</v>
      </c>
      <c r="K17" s="312">
        <v>3089</v>
      </c>
      <c r="L17" s="317">
        <v>3089</v>
      </c>
      <c r="M17" s="315">
        <v>0</v>
      </c>
      <c r="N17" s="315">
        <v>0</v>
      </c>
      <c r="O17" s="312">
        <v>0</v>
      </c>
      <c r="P17" s="314">
        <v>0</v>
      </c>
      <c r="Q17" s="315">
        <v>29</v>
      </c>
      <c r="R17" s="315">
        <v>59</v>
      </c>
      <c r="S17" s="315">
        <v>80</v>
      </c>
      <c r="T17" s="315">
        <v>28</v>
      </c>
      <c r="U17" s="315">
        <v>4</v>
      </c>
      <c r="V17" s="312">
        <v>200</v>
      </c>
      <c r="W17" s="317">
        <v>200</v>
      </c>
    </row>
    <row r="18" spans="1:23" ht="21" customHeight="1" x14ac:dyDescent="0.2">
      <c r="A18" s="291" t="s">
        <v>16</v>
      </c>
      <c r="B18" s="315">
        <v>0</v>
      </c>
      <c r="C18" s="315">
        <v>0</v>
      </c>
      <c r="D18" s="312">
        <v>0</v>
      </c>
      <c r="E18" s="314">
        <v>0</v>
      </c>
      <c r="F18" s="315">
        <v>1212</v>
      </c>
      <c r="G18" s="315">
        <v>1430</v>
      </c>
      <c r="H18" s="315">
        <v>879</v>
      </c>
      <c r="I18" s="315">
        <v>435</v>
      </c>
      <c r="J18" s="315">
        <v>198</v>
      </c>
      <c r="K18" s="312">
        <v>4154</v>
      </c>
      <c r="L18" s="317">
        <v>4154</v>
      </c>
      <c r="M18" s="315">
        <v>0</v>
      </c>
      <c r="N18" s="315">
        <v>0</v>
      </c>
      <c r="O18" s="312">
        <v>0</v>
      </c>
      <c r="P18" s="314">
        <v>0</v>
      </c>
      <c r="Q18" s="315">
        <v>56</v>
      </c>
      <c r="R18" s="315">
        <v>113</v>
      </c>
      <c r="S18" s="315">
        <v>96</v>
      </c>
      <c r="T18" s="315">
        <v>50</v>
      </c>
      <c r="U18" s="315">
        <v>63</v>
      </c>
      <c r="V18" s="312">
        <v>378</v>
      </c>
      <c r="W18" s="317">
        <v>378</v>
      </c>
    </row>
    <row r="19" spans="1:23" ht="21" customHeight="1" x14ac:dyDescent="0.2">
      <c r="A19" s="291" t="s">
        <v>17</v>
      </c>
      <c r="B19" s="315">
        <v>0</v>
      </c>
      <c r="C19" s="315">
        <v>0</v>
      </c>
      <c r="D19" s="312">
        <v>0</v>
      </c>
      <c r="E19" s="314">
        <v>0</v>
      </c>
      <c r="F19" s="315">
        <v>1825</v>
      </c>
      <c r="G19" s="315">
        <v>2033</v>
      </c>
      <c r="H19" s="315">
        <v>1406</v>
      </c>
      <c r="I19" s="315">
        <v>954</v>
      </c>
      <c r="J19" s="315">
        <v>749</v>
      </c>
      <c r="K19" s="312">
        <v>6967</v>
      </c>
      <c r="L19" s="317">
        <v>6967</v>
      </c>
      <c r="M19" s="315">
        <v>0</v>
      </c>
      <c r="N19" s="315">
        <v>6</v>
      </c>
      <c r="O19" s="312">
        <v>6</v>
      </c>
      <c r="P19" s="314">
        <v>0</v>
      </c>
      <c r="Q19" s="315">
        <v>162</v>
      </c>
      <c r="R19" s="315">
        <v>215</v>
      </c>
      <c r="S19" s="315">
        <v>224</v>
      </c>
      <c r="T19" s="315">
        <v>97</v>
      </c>
      <c r="U19" s="315">
        <v>61</v>
      </c>
      <c r="V19" s="312">
        <v>759</v>
      </c>
      <c r="W19" s="317">
        <v>765</v>
      </c>
    </row>
    <row r="20" spans="1:23" ht="21" customHeight="1" x14ac:dyDescent="0.2">
      <c r="A20" s="291" t="s">
        <v>18</v>
      </c>
      <c r="B20" s="315">
        <v>0</v>
      </c>
      <c r="C20" s="315">
        <v>0</v>
      </c>
      <c r="D20" s="312">
        <v>0</v>
      </c>
      <c r="E20" s="314">
        <v>0</v>
      </c>
      <c r="F20" s="315">
        <v>1999</v>
      </c>
      <c r="G20" s="315">
        <v>1771</v>
      </c>
      <c r="H20" s="315">
        <v>908</v>
      </c>
      <c r="I20" s="315">
        <v>346</v>
      </c>
      <c r="J20" s="315">
        <v>112</v>
      </c>
      <c r="K20" s="312">
        <v>5136</v>
      </c>
      <c r="L20" s="317">
        <v>5136</v>
      </c>
      <c r="M20" s="315">
        <v>0</v>
      </c>
      <c r="N20" s="315">
        <v>2</v>
      </c>
      <c r="O20" s="312">
        <v>2</v>
      </c>
      <c r="P20" s="314">
        <v>0</v>
      </c>
      <c r="Q20" s="315">
        <v>57</v>
      </c>
      <c r="R20" s="315">
        <v>77</v>
      </c>
      <c r="S20" s="315">
        <v>110</v>
      </c>
      <c r="T20" s="315">
        <v>68</v>
      </c>
      <c r="U20" s="315">
        <v>110</v>
      </c>
      <c r="V20" s="312">
        <v>422</v>
      </c>
      <c r="W20" s="317">
        <v>424</v>
      </c>
    </row>
    <row r="21" spans="1:23" ht="21" customHeight="1" x14ac:dyDescent="0.2">
      <c r="A21" s="291" t="s">
        <v>19</v>
      </c>
      <c r="B21" s="315">
        <v>0</v>
      </c>
      <c r="C21" s="315">
        <v>0</v>
      </c>
      <c r="D21" s="312">
        <v>0</v>
      </c>
      <c r="E21" s="314">
        <v>0</v>
      </c>
      <c r="F21" s="315">
        <v>954</v>
      </c>
      <c r="G21" s="315">
        <v>835</v>
      </c>
      <c r="H21" s="315">
        <v>514</v>
      </c>
      <c r="I21" s="315">
        <v>188</v>
      </c>
      <c r="J21" s="315">
        <v>103</v>
      </c>
      <c r="K21" s="312">
        <v>2594</v>
      </c>
      <c r="L21" s="317">
        <v>2594</v>
      </c>
      <c r="M21" s="315">
        <v>0</v>
      </c>
      <c r="N21" s="315">
        <v>0</v>
      </c>
      <c r="O21" s="312">
        <v>0</v>
      </c>
      <c r="P21" s="314">
        <v>0</v>
      </c>
      <c r="Q21" s="315">
        <v>104</v>
      </c>
      <c r="R21" s="315">
        <v>204</v>
      </c>
      <c r="S21" s="315">
        <v>159</v>
      </c>
      <c r="T21" s="315">
        <v>16</v>
      </c>
      <c r="U21" s="315">
        <v>31</v>
      </c>
      <c r="V21" s="312">
        <v>514</v>
      </c>
      <c r="W21" s="317">
        <v>514</v>
      </c>
    </row>
    <row r="22" spans="1:23" ht="21" customHeight="1" x14ac:dyDescent="0.2">
      <c r="A22" s="291" t="s">
        <v>20</v>
      </c>
      <c r="B22" s="315">
        <v>0</v>
      </c>
      <c r="C22" s="315">
        <v>0</v>
      </c>
      <c r="D22" s="312">
        <v>0</v>
      </c>
      <c r="E22" s="314">
        <v>0</v>
      </c>
      <c r="F22" s="315">
        <v>1126</v>
      </c>
      <c r="G22" s="315">
        <v>643</v>
      </c>
      <c r="H22" s="315">
        <v>412</v>
      </c>
      <c r="I22" s="315">
        <v>301</v>
      </c>
      <c r="J22" s="315">
        <v>68</v>
      </c>
      <c r="K22" s="312">
        <v>2550</v>
      </c>
      <c r="L22" s="317">
        <v>2550</v>
      </c>
      <c r="M22" s="315">
        <v>0</v>
      </c>
      <c r="N22" s="315">
        <v>0</v>
      </c>
      <c r="O22" s="312">
        <v>0</v>
      </c>
      <c r="P22" s="314">
        <v>0</v>
      </c>
      <c r="Q22" s="315">
        <v>0</v>
      </c>
      <c r="R22" s="315">
        <v>25</v>
      </c>
      <c r="S22" s="315">
        <v>41</v>
      </c>
      <c r="T22" s="315">
        <v>26</v>
      </c>
      <c r="U22" s="315">
        <v>31</v>
      </c>
      <c r="V22" s="312">
        <v>123</v>
      </c>
      <c r="W22" s="317">
        <v>123</v>
      </c>
    </row>
    <row r="23" spans="1:23" ht="21" customHeight="1" x14ac:dyDescent="0.2">
      <c r="A23" s="291" t="s">
        <v>21</v>
      </c>
      <c r="B23" s="315">
        <v>0</v>
      </c>
      <c r="C23" s="315">
        <v>0</v>
      </c>
      <c r="D23" s="312">
        <v>0</v>
      </c>
      <c r="E23" s="314">
        <v>0</v>
      </c>
      <c r="F23" s="315">
        <v>1129</v>
      </c>
      <c r="G23" s="315">
        <v>1453</v>
      </c>
      <c r="H23" s="315">
        <v>639</v>
      </c>
      <c r="I23" s="315">
        <v>282</v>
      </c>
      <c r="J23" s="315">
        <v>138</v>
      </c>
      <c r="K23" s="312">
        <v>3641</v>
      </c>
      <c r="L23" s="317">
        <v>3641</v>
      </c>
      <c r="M23" s="315">
        <v>0</v>
      </c>
      <c r="N23" s="315">
        <v>0</v>
      </c>
      <c r="O23" s="312">
        <v>0</v>
      </c>
      <c r="P23" s="314">
        <v>0</v>
      </c>
      <c r="Q23" s="315">
        <v>0</v>
      </c>
      <c r="R23" s="315">
        <v>0</v>
      </c>
      <c r="S23" s="315">
        <v>0</v>
      </c>
      <c r="T23" s="315">
        <v>0</v>
      </c>
      <c r="U23" s="315">
        <v>0</v>
      </c>
      <c r="V23" s="312">
        <v>0</v>
      </c>
      <c r="W23" s="317">
        <v>0</v>
      </c>
    </row>
    <row r="24" spans="1:23" ht="21" customHeight="1" x14ac:dyDescent="0.2">
      <c r="A24" s="291" t="s">
        <v>22</v>
      </c>
      <c r="B24" s="315">
        <v>0</v>
      </c>
      <c r="C24" s="315">
        <v>0</v>
      </c>
      <c r="D24" s="312">
        <v>0</v>
      </c>
      <c r="E24" s="314">
        <v>0</v>
      </c>
      <c r="F24" s="315">
        <v>899</v>
      </c>
      <c r="G24" s="315">
        <v>687</v>
      </c>
      <c r="H24" s="315">
        <v>360</v>
      </c>
      <c r="I24" s="315">
        <v>264</v>
      </c>
      <c r="J24" s="315">
        <v>91</v>
      </c>
      <c r="K24" s="312">
        <v>2301</v>
      </c>
      <c r="L24" s="317">
        <v>2301</v>
      </c>
      <c r="M24" s="315">
        <v>0</v>
      </c>
      <c r="N24" s="315">
        <v>0</v>
      </c>
      <c r="O24" s="312">
        <v>0</v>
      </c>
      <c r="P24" s="314">
        <v>0</v>
      </c>
      <c r="Q24" s="315">
        <v>71</v>
      </c>
      <c r="R24" s="315">
        <v>73</v>
      </c>
      <c r="S24" s="315">
        <v>51</v>
      </c>
      <c r="T24" s="315">
        <v>21</v>
      </c>
      <c r="U24" s="315">
        <v>16</v>
      </c>
      <c r="V24" s="312">
        <v>232</v>
      </c>
      <c r="W24" s="317">
        <v>232</v>
      </c>
    </row>
    <row r="25" spans="1:23" ht="21" customHeight="1" x14ac:dyDescent="0.2">
      <c r="A25" s="291" t="s">
        <v>23</v>
      </c>
      <c r="B25" s="315">
        <v>0</v>
      </c>
      <c r="C25" s="315">
        <v>0</v>
      </c>
      <c r="D25" s="312">
        <v>0</v>
      </c>
      <c r="E25" s="314">
        <v>0</v>
      </c>
      <c r="F25" s="315">
        <v>370</v>
      </c>
      <c r="G25" s="315">
        <v>323</v>
      </c>
      <c r="H25" s="315">
        <v>130</v>
      </c>
      <c r="I25" s="315">
        <v>109</v>
      </c>
      <c r="J25" s="315">
        <v>73</v>
      </c>
      <c r="K25" s="312">
        <v>1005</v>
      </c>
      <c r="L25" s="317">
        <v>1005</v>
      </c>
      <c r="M25" s="315">
        <v>0</v>
      </c>
      <c r="N25" s="315">
        <v>0</v>
      </c>
      <c r="O25" s="312">
        <v>0</v>
      </c>
      <c r="P25" s="314">
        <v>0</v>
      </c>
      <c r="Q25" s="315">
        <v>0</v>
      </c>
      <c r="R25" s="315">
        <v>0</v>
      </c>
      <c r="S25" s="315">
        <v>8</v>
      </c>
      <c r="T25" s="315">
        <v>0</v>
      </c>
      <c r="U25" s="315">
        <v>0</v>
      </c>
      <c r="V25" s="312">
        <v>8</v>
      </c>
      <c r="W25" s="317">
        <v>8</v>
      </c>
    </row>
    <row r="26" spans="1:23" ht="21" customHeight="1" x14ac:dyDescent="0.2">
      <c r="A26" s="291" t="s">
        <v>24</v>
      </c>
      <c r="B26" s="315">
        <v>0</v>
      </c>
      <c r="C26" s="315">
        <v>0</v>
      </c>
      <c r="D26" s="312">
        <v>0</v>
      </c>
      <c r="E26" s="314">
        <v>0</v>
      </c>
      <c r="F26" s="315">
        <v>398</v>
      </c>
      <c r="G26" s="315">
        <v>177</v>
      </c>
      <c r="H26" s="315">
        <v>145</v>
      </c>
      <c r="I26" s="315">
        <v>72</v>
      </c>
      <c r="J26" s="315">
        <v>67</v>
      </c>
      <c r="K26" s="312">
        <v>859</v>
      </c>
      <c r="L26" s="317">
        <v>859</v>
      </c>
      <c r="M26" s="315">
        <v>0</v>
      </c>
      <c r="N26" s="315">
        <v>0</v>
      </c>
      <c r="O26" s="312">
        <v>0</v>
      </c>
      <c r="P26" s="314">
        <v>0</v>
      </c>
      <c r="Q26" s="315">
        <v>59</v>
      </c>
      <c r="R26" s="315">
        <v>48</v>
      </c>
      <c r="S26" s="315">
        <v>30</v>
      </c>
      <c r="T26" s="315">
        <v>15</v>
      </c>
      <c r="U26" s="315">
        <v>20</v>
      </c>
      <c r="V26" s="312">
        <v>172</v>
      </c>
      <c r="W26" s="317">
        <v>172</v>
      </c>
    </row>
    <row r="27" spans="1:23" ht="21" customHeight="1" x14ac:dyDescent="0.2">
      <c r="A27" s="291" t="s">
        <v>25</v>
      </c>
      <c r="B27" s="315">
        <v>0</v>
      </c>
      <c r="C27" s="315">
        <v>0</v>
      </c>
      <c r="D27" s="312">
        <v>0</v>
      </c>
      <c r="E27" s="314">
        <v>0</v>
      </c>
      <c r="F27" s="315">
        <v>661</v>
      </c>
      <c r="G27" s="315">
        <v>277</v>
      </c>
      <c r="H27" s="315">
        <v>128</v>
      </c>
      <c r="I27" s="315">
        <v>86</v>
      </c>
      <c r="J27" s="315">
        <v>10</v>
      </c>
      <c r="K27" s="312">
        <v>1162</v>
      </c>
      <c r="L27" s="317">
        <v>1162</v>
      </c>
      <c r="M27" s="315">
        <v>0</v>
      </c>
      <c r="N27" s="315">
        <v>0</v>
      </c>
      <c r="O27" s="312">
        <v>0</v>
      </c>
      <c r="P27" s="314">
        <v>0</v>
      </c>
      <c r="Q27" s="315">
        <v>36</v>
      </c>
      <c r="R27" s="315">
        <v>22</v>
      </c>
      <c r="S27" s="315">
        <v>14</v>
      </c>
      <c r="T27" s="315">
        <v>0</v>
      </c>
      <c r="U27" s="315">
        <v>10</v>
      </c>
      <c r="V27" s="312">
        <v>82</v>
      </c>
      <c r="W27" s="317">
        <v>82</v>
      </c>
    </row>
    <row r="28" spans="1:23" ht="21" customHeight="1" x14ac:dyDescent="0.2">
      <c r="A28" s="291" t="s">
        <v>26</v>
      </c>
      <c r="B28" s="315">
        <v>0</v>
      </c>
      <c r="C28" s="315">
        <v>0</v>
      </c>
      <c r="D28" s="312">
        <v>0</v>
      </c>
      <c r="E28" s="314">
        <v>0</v>
      </c>
      <c r="F28" s="315">
        <v>321</v>
      </c>
      <c r="G28" s="315">
        <v>319</v>
      </c>
      <c r="H28" s="315">
        <v>164</v>
      </c>
      <c r="I28" s="315">
        <v>90</v>
      </c>
      <c r="J28" s="315">
        <v>99</v>
      </c>
      <c r="K28" s="312">
        <v>993</v>
      </c>
      <c r="L28" s="317">
        <v>993</v>
      </c>
      <c r="M28" s="315">
        <v>0</v>
      </c>
      <c r="N28" s="315">
        <v>0</v>
      </c>
      <c r="O28" s="312">
        <v>0</v>
      </c>
      <c r="P28" s="314">
        <v>0</v>
      </c>
      <c r="Q28" s="315">
        <v>8</v>
      </c>
      <c r="R28" s="315">
        <v>24</v>
      </c>
      <c r="S28" s="315">
        <v>102</v>
      </c>
      <c r="T28" s="315">
        <v>6</v>
      </c>
      <c r="U28" s="315">
        <v>44</v>
      </c>
      <c r="V28" s="312">
        <v>184</v>
      </c>
      <c r="W28" s="317">
        <v>184</v>
      </c>
    </row>
    <row r="29" spans="1:23" ht="21" customHeight="1" x14ac:dyDescent="0.2">
      <c r="A29" s="291" t="s">
        <v>27</v>
      </c>
      <c r="B29" s="315">
        <v>0</v>
      </c>
      <c r="C29" s="315">
        <v>0</v>
      </c>
      <c r="D29" s="312">
        <v>0</v>
      </c>
      <c r="E29" s="314">
        <v>0</v>
      </c>
      <c r="F29" s="315">
        <v>179</v>
      </c>
      <c r="G29" s="315">
        <v>143</v>
      </c>
      <c r="H29" s="315">
        <v>57</v>
      </c>
      <c r="I29" s="315">
        <v>4</v>
      </c>
      <c r="J29" s="315">
        <v>0</v>
      </c>
      <c r="K29" s="312">
        <v>383</v>
      </c>
      <c r="L29" s="317">
        <v>383</v>
      </c>
      <c r="M29" s="315">
        <v>0</v>
      </c>
      <c r="N29" s="315">
        <v>0</v>
      </c>
      <c r="O29" s="312">
        <v>0</v>
      </c>
      <c r="P29" s="314">
        <v>0</v>
      </c>
      <c r="Q29" s="315">
        <v>26</v>
      </c>
      <c r="R29" s="315">
        <v>10</v>
      </c>
      <c r="S29" s="315">
        <v>6</v>
      </c>
      <c r="T29" s="315">
        <v>17</v>
      </c>
      <c r="U29" s="315">
        <v>3</v>
      </c>
      <c r="V29" s="312">
        <v>62</v>
      </c>
      <c r="W29" s="317">
        <v>62</v>
      </c>
    </row>
    <row r="30" spans="1:23" ht="21" customHeight="1" x14ac:dyDescent="0.2">
      <c r="A30" s="291" t="s">
        <v>28</v>
      </c>
      <c r="B30" s="315">
        <v>0</v>
      </c>
      <c r="C30" s="315">
        <v>0</v>
      </c>
      <c r="D30" s="312">
        <v>0</v>
      </c>
      <c r="E30" s="314">
        <v>0</v>
      </c>
      <c r="F30" s="315">
        <v>153</v>
      </c>
      <c r="G30" s="315">
        <v>122</v>
      </c>
      <c r="H30" s="315">
        <v>11</v>
      </c>
      <c r="I30" s="315">
        <v>18</v>
      </c>
      <c r="J30" s="315">
        <v>2</v>
      </c>
      <c r="K30" s="312">
        <v>306</v>
      </c>
      <c r="L30" s="317">
        <v>306</v>
      </c>
      <c r="M30" s="315">
        <v>0</v>
      </c>
      <c r="N30" s="315">
        <v>0</v>
      </c>
      <c r="O30" s="312">
        <v>0</v>
      </c>
      <c r="P30" s="314">
        <v>0</v>
      </c>
      <c r="Q30" s="315">
        <v>10</v>
      </c>
      <c r="R30" s="315">
        <v>3</v>
      </c>
      <c r="S30" s="315">
        <v>20</v>
      </c>
      <c r="T30" s="315">
        <v>0</v>
      </c>
      <c r="U30" s="315">
        <v>3</v>
      </c>
      <c r="V30" s="312">
        <v>36</v>
      </c>
      <c r="W30" s="317">
        <v>36</v>
      </c>
    </row>
    <row r="31" spans="1:23" ht="21" customHeight="1" x14ac:dyDescent="0.2">
      <c r="A31" s="291" t="s">
        <v>29</v>
      </c>
      <c r="B31" s="315">
        <v>0</v>
      </c>
      <c r="C31" s="315">
        <v>0</v>
      </c>
      <c r="D31" s="312">
        <v>0</v>
      </c>
      <c r="E31" s="314">
        <v>0</v>
      </c>
      <c r="F31" s="315">
        <v>135</v>
      </c>
      <c r="G31" s="315">
        <v>115</v>
      </c>
      <c r="H31" s="315">
        <v>34</v>
      </c>
      <c r="I31" s="315">
        <v>8</v>
      </c>
      <c r="J31" s="315">
        <v>0</v>
      </c>
      <c r="K31" s="312">
        <v>292</v>
      </c>
      <c r="L31" s="317">
        <v>292</v>
      </c>
      <c r="M31" s="315">
        <v>0</v>
      </c>
      <c r="N31" s="315">
        <v>0</v>
      </c>
      <c r="O31" s="312">
        <v>0</v>
      </c>
      <c r="P31" s="314">
        <v>0</v>
      </c>
      <c r="Q31" s="315">
        <v>4</v>
      </c>
      <c r="R31" s="315">
        <v>7</v>
      </c>
      <c r="S31" s="315">
        <v>27</v>
      </c>
      <c r="T31" s="315">
        <v>3</v>
      </c>
      <c r="U31" s="315">
        <v>0</v>
      </c>
      <c r="V31" s="312">
        <v>41</v>
      </c>
      <c r="W31" s="317">
        <v>41</v>
      </c>
    </row>
    <row r="32" spans="1:23" ht="21" customHeight="1" x14ac:dyDescent="0.2">
      <c r="A32" s="291" t="s">
        <v>30</v>
      </c>
      <c r="B32" s="315">
        <v>0</v>
      </c>
      <c r="C32" s="315">
        <v>0</v>
      </c>
      <c r="D32" s="312">
        <v>0</v>
      </c>
      <c r="E32" s="314">
        <v>0</v>
      </c>
      <c r="F32" s="315">
        <v>164</v>
      </c>
      <c r="G32" s="315">
        <v>156</v>
      </c>
      <c r="H32" s="315">
        <v>53</v>
      </c>
      <c r="I32" s="315">
        <v>33</v>
      </c>
      <c r="J32" s="315">
        <v>7</v>
      </c>
      <c r="K32" s="312">
        <v>413</v>
      </c>
      <c r="L32" s="317">
        <v>413</v>
      </c>
      <c r="M32" s="315">
        <v>4</v>
      </c>
      <c r="N32" s="315">
        <v>0</v>
      </c>
      <c r="O32" s="312">
        <v>4</v>
      </c>
      <c r="P32" s="314">
        <v>0</v>
      </c>
      <c r="Q32" s="315">
        <v>0</v>
      </c>
      <c r="R32" s="315">
        <v>1</v>
      </c>
      <c r="S32" s="315">
        <v>15</v>
      </c>
      <c r="T32" s="315">
        <v>0</v>
      </c>
      <c r="U32" s="315">
        <v>0</v>
      </c>
      <c r="V32" s="312">
        <v>16</v>
      </c>
      <c r="W32" s="317">
        <v>20</v>
      </c>
    </row>
    <row r="33" spans="1:23" ht="21" customHeight="1" x14ac:dyDescent="0.2">
      <c r="A33" s="291" t="s">
        <v>31</v>
      </c>
      <c r="B33" s="315">
        <v>0</v>
      </c>
      <c r="C33" s="315">
        <v>0</v>
      </c>
      <c r="D33" s="312">
        <v>0</v>
      </c>
      <c r="E33" s="314">
        <v>0</v>
      </c>
      <c r="F33" s="315">
        <v>146</v>
      </c>
      <c r="G33" s="315">
        <v>87</v>
      </c>
      <c r="H33" s="315">
        <v>156</v>
      </c>
      <c r="I33" s="315">
        <v>2</v>
      </c>
      <c r="J33" s="315">
        <v>27</v>
      </c>
      <c r="K33" s="312">
        <v>418</v>
      </c>
      <c r="L33" s="317">
        <v>418</v>
      </c>
      <c r="M33" s="315">
        <v>0</v>
      </c>
      <c r="N33" s="315">
        <v>0</v>
      </c>
      <c r="O33" s="312">
        <v>0</v>
      </c>
      <c r="P33" s="314">
        <v>0</v>
      </c>
      <c r="Q33" s="315">
        <v>0</v>
      </c>
      <c r="R33" s="315">
        <v>10</v>
      </c>
      <c r="S33" s="315">
        <v>30</v>
      </c>
      <c r="T33" s="315">
        <v>0</v>
      </c>
      <c r="U33" s="315">
        <v>0</v>
      </c>
      <c r="V33" s="312">
        <v>40</v>
      </c>
      <c r="W33" s="317">
        <v>40</v>
      </c>
    </row>
    <row r="34" spans="1:23" ht="21" customHeight="1" x14ac:dyDescent="0.2">
      <c r="A34" s="291" t="s">
        <v>32</v>
      </c>
      <c r="B34" s="315">
        <v>0</v>
      </c>
      <c r="C34" s="315">
        <v>0</v>
      </c>
      <c r="D34" s="312">
        <v>0</v>
      </c>
      <c r="E34" s="314">
        <v>0</v>
      </c>
      <c r="F34" s="315">
        <v>316</v>
      </c>
      <c r="G34" s="315">
        <v>198</v>
      </c>
      <c r="H34" s="315">
        <v>64</v>
      </c>
      <c r="I34" s="315">
        <v>37</v>
      </c>
      <c r="J34" s="315">
        <v>11</v>
      </c>
      <c r="K34" s="312">
        <v>626</v>
      </c>
      <c r="L34" s="317">
        <v>626</v>
      </c>
      <c r="M34" s="315">
        <v>0</v>
      </c>
      <c r="N34" s="315">
        <v>0</v>
      </c>
      <c r="O34" s="312">
        <v>0</v>
      </c>
      <c r="P34" s="314">
        <v>0</v>
      </c>
      <c r="Q34" s="315">
        <v>5</v>
      </c>
      <c r="R34" s="315">
        <v>0</v>
      </c>
      <c r="S34" s="315">
        <v>25</v>
      </c>
      <c r="T34" s="315">
        <v>10</v>
      </c>
      <c r="U34" s="315">
        <v>16</v>
      </c>
      <c r="V34" s="312">
        <v>56</v>
      </c>
      <c r="W34" s="317">
        <v>56</v>
      </c>
    </row>
    <row r="35" spans="1:23" ht="21" customHeight="1" x14ac:dyDescent="0.2">
      <c r="A35" s="291" t="s">
        <v>33</v>
      </c>
      <c r="B35" s="315">
        <v>0</v>
      </c>
      <c r="C35" s="315">
        <v>0</v>
      </c>
      <c r="D35" s="312">
        <v>0</v>
      </c>
      <c r="E35" s="314">
        <v>0</v>
      </c>
      <c r="F35" s="315">
        <v>193</v>
      </c>
      <c r="G35" s="315">
        <v>96</v>
      </c>
      <c r="H35" s="315">
        <v>32</v>
      </c>
      <c r="I35" s="315">
        <v>25</v>
      </c>
      <c r="J35" s="315">
        <v>8</v>
      </c>
      <c r="K35" s="312">
        <v>354</v>
      </c>
      <c r="L35" s="317">
        <v>354</v>
      </c>
      <c r="M35" s="315">
        <v>0</v>
      </c>
      <c r="N35" s="315">
        <v>0</v>
      </c>
      <c r="O35" s="312">
        <v>0</v>
      </c>
      <c r="P35" s="314">
        <v>0</v>
      </c>
      <c r="Q35" s="315">
        <v>10</v>
      </c>
      <c r="R35" s="315">
        <v>0</v>
      </c>
      <c r="S35" s="315">
        <v>0</v>
      </c>
      <c r="T35" s="315">
        <v>0</v>
      </c>
      <c r="U35" s="315">
        <v>0</v>
      </c>
      <c r="V35" s="312">
        <v>10</v>
      </c>
      <c r="W35" s="317">
        <v>10</v>
      </c>
    </row>
    <row r="36" spans="1:23" ht="21" customHeight="1" x14ac:dyDescent="0.2">
      <c r="A36" s="291" t="s">
        <v>34</v>
      </c>
      <c r="B36" s="315">
        <v>0</v>
      </c>
      <c r="C36" s="315">
        <v>0</v>
      </c>
      <c r="D36" s="312">
        <v>0</v>
      </c>
      <c r="E36" s="314">
        <v>0</v>
      </c>
      <c r="F36" s="315">
        <v>151</v>
      </c>
      <c r="G36" s="315">
        <v>29</v>
      </c>
      <c r="H36" s="315">
        <v>40</v>
      </c>
      <c r="I36" s="315">
        <v>8</v>
      </c>
      <c r="J36" s="315">
        <v>43</v>
      </c>
      <c r="K36" s="312">
        <v>271</v>
      </c>
      <c r="L36" s="317">
        <v>271</v>
      </c>
      <c r="M36" s="315">
        <v>0</v>
      </c>
      <c r="N36" s="315">
        <v>0</v>
      </c>
      <c r="O36" s="312">
        <v>0</v>
      </c>
      <c r="P36" s="314">
        <v>0</v>
      </c>
      <c r="Q36" s="315">
        <v>0</v>
      </c>
      <c r="R36" s="315">
        <v>0</v>
      </c>
      <c r="S36" s="315">
        <v>0</v>
      </c>
      <c r="T36" s="315">
        <v>7</v>
      </c>
      <c r="U36" s="315">
        <v>0</v>
      </c>
      <c r="V36" s="312">
        <v>7</v>
      </c>
      <c r="W36" s="317">
        <v>7</v>
      </c>
    </row>
    <row r="37" spans="1:23" ht="21" customHeight="1" x14ac:dyDescent="0.2">
      <c r="A37" s="291" t="s">
        <v>35</v>
      </c>
      <c r="B37" s="315">
        <v>0</v>
      </c>
      <c r="C37" s="315">
        <v>0</v>
      </c>
      <c r="D37" s="312">
        <v>0</v>
      </c>
      <c r="E37" s="314">
        <v>0</v>
      </c>
      <c r="F37" s="315">
        <v>156</v>
      </c>
      <c r="G37" s="315">
        <v>156</v>
      </c>
      <c r="H37" s="315">
        <v>185</v>
      </c>
      <c r="I37" s="315">
        <v>175</v>
      </c>
      <c r="J37" s="315">
        <v>16</v>
      </c>
      <c r="K37" s="312">
        <v>688</v>
      </c>
      <c r="L37" s="317">
        <v>688</v>
      </c>
      <c r="M37" s="315">
        <v>0</v>
      </c>
      <c r="N37" s="315">
        <v>0</v>
      </c>
      <c r="O37" s="312">
        <v>0</v>
      </c>
      <c r="P37" s="314">
        <v>0</v>
      </c>
      <c r="Q37" s="315">
        <v>0</v>
      </c>
      <c r="R37" s="315">
        <v>0</v>
      </c>
      <c r="S37" s="315">
        <v>0</v>
      </c>
      <c r="T37" s="315">
        <v>0</v>
      </c>
      <c r="U37" s="315">
        <v>0</v>
      </c>
      <c r="V37" s="312">
        <v>0</v>
      </c>
      <c r="W37" s="317">
        <v>0</v>
      </c>
    </row>
    <row r="38" spans="1:23" ht="21" customHeight="1" x14ac:dyDescent="0.2">
      <c r="A38" s="291" t="s">
        <v>36</v>
      </c>
      <c r="B38" s="315">
        <v>0</v>
      </c>
      <c r="C38" s="315">
        <v>0</v>
      </c>
      <c r="D38" s="312">
        <v>0</v>
      </c>
      <c r="E38" s="314">
        <v>0</v>
      </c>
      <c r="F38" s="315">
        <v>317</v>
      </c>
      <c r="G38" s="315">
        <v>458</v>
      </c>
      <c r="H38" s="315">
        <v>337</v>
      </c>
      <c r="I38" s="315">
        <v>193</v>
      </c>
      <c r="J38" s="315">
        <v>225</v>
      </c>
      <c r="K38" s="312">
        <v>1530</v>
      </c>
      <c r="L38" s="317">
        <v>1530</v>
      </c>
      <c r="M38" s="315">
        <v>0</v>
      </c>
      <c r="N38" s="315">
        <v>0</v>
      </c>
      <c r="O38" s="312">
        <v>0</v>
      </c>
      <c r="P38" s="314">
        <v>0</v>
      </c>
      <c r="Q38" s="315">
        <v>0</v>
      </c>
      <c r="R38" s="315">
        <v>0</v>
      </c>
      <c r="S38" s="315">
        <v>0</v>
      </c>
      <c r="T38" s="315">
        <v>0</v>
      </c>
      <c r="U38" s="315">
        <v>0</v>
      </c>
      <c r="V38" s="312">
        <v>0</v>
      </c>
      <c r="W38" s="317">
        <v>0</v>
      </c>
    </row>
    <row r="39" spans="1:23" ht="21" customHeight="1" thickBot="1" x14ac:dyDescent="0.25">
      <c r="A39" s="292" t="s">
        <v>37</v>
      </c>
      <c r="B39" s="322">
        <v>0</v>
      </c>
      <c r="C39" s="322">
        <v>0</v>
      </c>
      <c r="D39" s="319">
        <v>0</v>
      </c>
      <c r="E39" s="321">
        <v>0</v>
      </c>
      <c r="F39" s="322">
        <v>139</v>
      </c>
      <c r="G39" s="322">
        <v>80</v>
      </c>
      <c r="H39" s="322">
        <v>46</v>
      </c>
      <c r="I39" s="322">
        <v>0</v>
      </c>
      <c r="J39" s="322">
        <v>12</v>
      </c>
      <c r="K39" s="319">
        <v>277</v>
      </c>
      <c r="L39" s="324">
        <v>277</v>
      </c>
      <c r="M39" s="322">
        <v>0</v>
      </c>
      <c r="N39" s="322">
        <v>0</v>
      </c>
      <c r="O39" s="319">
        <v>0</v>
      </c>
      <c r="P39" s="321">
        <v>0</v>
      </c>
      <c r="Q39" s="322">
        <v>4</v>
      </c>
      <c r="R39" s="322">
        <v>0</v>
      </c>
      <c r="S39" s="322">
        <v>18</v>
      </c>
      <c r="T39" s="322">
        <v>31</v>
      </c>
      <c r="U39" s="322">
        <v>0</v>
      </c>
      <c r="V39" s="319">
        <v>53</v>
      </c>
      <c r="W39" s="324">
        <v>53</v>
      </c>
    </row>
  </sheetData>
  <mergeCells count="11">
    <mergeCell ref="M3:W3"/>
    <mergeCell ref="M4:O4"/>
    <mergeCell ref="P4:V4"/>
    <mergeCell ref="W4:W5"/>
    <mergeCell ref="G1:H1"/>
    <mergeCell ref="J1:K1"/>
    <mergeCell ref="A3:A5"/>
    <mergeCell ref="B3:L3"/>
    <mergeCell ref="B4:D4"/>
    <mergeCell ref="E4:K4"/>
    <mergeCell ref="L4:L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W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0"/>
    <col min="4" max="4" width="10" style="290" customWidth="1"/>
    <col min="5" max="5" width="7.77734375" style="290" customWidth="1"/>
    <col min="6" max="6" width="10.77734375" style="290" customWidth="1"/>
    <col min="7" max="15" width="9" style="290"/>
    <col min="16" max="16" width="7.6640625" style="290" customWidth="1"/>
    <col min="17" max="16384" width="9" style="290"/>
  </cols>
  <sheetData>
    <row r="1" spans="1:23" ht="17.25" customHeight="1" x14ac:dyDescent="0.2">
      <c r="A1" s="325" t="s">
        <v>125</v>
      </c>
      <c r="G1" s="545">
        <f>第１表!F2</f>
        <v>4</v>
      </c>
      <c r="H1" s="545"/>
      <c r="I1" s="282">
        <f>第１表!G2</f>
        <v>4</v>
      </c>
      <c r="J1" s="549">
        <f>IF(I1&lt;3,I1+12-2,I1-2)</f>
        <v>2</v>
      </c>
      <c r="K1" s="549"/>
    </row>
    <row r="2" spans="1:23" ht="21" customHeight="1" thickBot="1" x14ac:dyDescent="0.25">
      <c r="A2" s="325" t="s">
        <v>135</v>
      </c>
    </row>
    <row r="3" spans="1:23" ht="18.75" customHeight="1" x14ac:dyDescent="0.2">
      <c r="A3" s="561"/>
      <c r="B3" s="557" t="s">
        <v>143</v>
      </c>
      <c r="C3" s="557"/>
      <c r="D3" s="557"/>
      <c r="E3" s="557"/>
      <c r="F3" s="557"/>
      <c r="G3" s="557"/>
      <c r="H3" s="557"/>
      <c r="I3" s="557"/>
      <c r="J3" s="557"/>
      <c r="K3" s="557"/>
      <c r="L3" s="587"/>
      <c r="M3" s="557" t="s">
        <v>113</v>
      </c>
      <c r="N3" s="557"/>
      <c r="O3" s="557"/>
      <c r="P3" s="557"/>
      <c r="Q3" s="557"/>
      <c r="R3" s="557"/>
      <c r="S3" s="557"/>
      <c r="T3" s="557"/>
      <c r="U3" s="557"/>
      <c r="V3" s="557"/>
      <c r="W3" s="587"/>
    </row>
    <row r="4" spans="1:23" ht="18.75" customHeight="1" x14ac:dyDescent="0.2">
      <c r="A4" s="585"/>
      <c r="B4" s="588" t="s">
        <v>61</v>
      </c>
      <c r="C4" s="588"/>
      <c r="D4" s="589"/>
      <c r="E4" s="590" t="s">
        <v>62</v>
      </c>
      <c r="F4" s="588"/>
      <c r="G4" s="588"/>
      <c r="H4" s="588"/>
      <c r="I4" s="588"/>
      <c r="J4" s="588"/>
      <c r="K4" s="591"/>
      <c r="L4" s="592" t="s">
        <v>52</v>
      </c>
      <c r="M4" s="588" t="s">
        <v>61</v>
      </c>
      <c r="N4" s="588"/>
      <c r="O4" s="589"/>
      <c r="P4" s="590" t="s">
        <v>62</v>
      </c>
      <c r="Q4" s="588"/>
      <c r="R4" s="588"/>
      <c r="S4" s="588"/>
      <c r="T4" s="588"/>
      <c r="U4" s="588"/>
      <c r="V4" s="591"/>
      <c r="W4" s="592" t="s">
        <v>52</v>
      </c>
    </row>
    <row r="5" spans="1:23" ht="27" thickBot="1" x14ac:dyDescent="0.25">
      <c r="A5" s="586"/>
      <c r="B5" s="294" t="s">
        <v>43</v>
      </c>
      <c r="C5" s="294" t="s">
        <v>44</v>
      </c>
      <c r="D5" s="300" t="s">
        <v>45</v>
      </c>
      <c r="E5" s="302" t="s">
        <v>83</v>
      </c>
      <c r="F5" s="294" t="s">
        <v>47</v>
      </c>
      <c r="G5" s="294" t="s">
        <v>48</v>
      </c>
      <c r="H5" s="294" t="s">
        <v>49</v>
      </c>
      <c r="I5" s="294" t="s">
        <v>50</v>
      </c>
      <c r="J5" s="294" t="s">
        <v>51</v>
      </c>
      <c r="K5" s="300" t="s">
        <v>45</v>
      </c>
      <c r="L5" s="560"/>
      <c r="M5" s="294" t="s">
        <v>43</v>
      </c>
      <c r="N5" s="294" t="s">
        <v>44</v>
      </c>
      <c r="O5" s="300" t="s">
        <v>45</v>
      </c>
      <c r="P5" s="302" t="s">
        <v>83</v>
      </c>
      <c r="Q5" s="294" t="s">
        <v>47</v>
      </c>
      <c r="R5" s="294" t="s">
        <v>48</v>
      </c>
      <c r="S5" s="294" t="s">
        <v>49</v>
      </c>
      <c r="T5" s="294" t="s">
        <v>50</v>
      </c>
      <c r="U5" s="294" t="s">
        <v>51</v>
      </c>
      <c r="V5" s="300" t="s">
        <v>45</v>
      </c>
      <c r="W5" s="560"/>
    </row>
    <row r="6" spans="1:23" ht="21" customHeight="1" x14ac:dyDescent="0.2">
      <c r="A6" s="293" t="s">
        <v>4</v>
      </c>
      <c r="B6" s="308">
        <v>0</v>
      </c>
      <c r="C6" s="308">
        <v>0</v>
      </c>
      <c r="D6" s="305">
        <v>0</v>
      </c>
      <c r="E6" s="307">
        <v>0</v>
      </c>
      <c r="F6" s="308">
        <v>5997</v>
      </c>
      <c r="G6" s="308">
        <v>5060</v>
      </c>
      <c r="H6" s="308">
        <v>3092</v>
      </c>
      <c r="I6" s="308">
        <v>1530</v>
      </c>
      <c r="J6" s="308">
        <v>496</v>
      </c>
      <c r="K6" s="305">
        <v>16175</v>
      </c>
      <c r="L6" s="310">
        <v>16175</v>
      </c>
      <c r="M6" s="308">
        <v>8</v>
      </c>
      <c r="N6" s="308">
        <v>14</v>
      </c>
      <c r="O6" s="305">
        <v>22</v>
      </c>
      <c r="P6" s="307">
        <v>0</v>
      </c>
      <c r="Q6" s="308">
        <v>498</v>
      </c>
      <c r="R6" s="308">
        <v>591</v>
      </c>
      <c r="S6" s="308">
        <v>623</v>
      </c>
      <c r="T6" s="308">
        <v>319</v>
      </c>
      <c r="U6" s="308">
        <v>142</v>
      </c>
      <c r="V6" s="305">
        <v>2173</v>
      </c>
      <c r="W6" s="310">
        <v>2195</v>
      </c>
    </row>
    <row r="7" spans="1:23" ht="21" customHeight="1" x14ac:dyDescent="0.2">
      <c r="A7" s="291" t="s">
        <v>5</v>
      </c>
      <c r="B7" s="315">
        <v>0</v>
      </c>
      <c r="C7" s="315">
        <v>0</v>
      </c>
      <c r="D7" s="312">
        <v>0</v>
      </c>
      <c r="E7" s="314">
        <v>0</v>
      </c>
      <c r="F7" s="315">
        <v>2101</v>
      </c>
      <c r="G7" s="315">
        <v>2283</v>
      </c>
      <c r="H7" s="315">
        <v>1507</v>
      </c>
      <c r="I7" s="315">
        <v>721</v>
      </c>
      <c r="J7" s="315">
        <v>276</v>
      </c>
      <c r="K7" s="312">
        <v>6888</v>
      </c>
      <c r="L7" s="317">
        <v>6888</v>
      </c>
      <c r="M7" s="315">
        <v>4</v>
      </c>
      <c r="N7" s="315">
        <v>12</v>
      </c>
      <c r="O7" s="312">
        <v>16</v>
      </c>
      <c r="P7" s="314">
        <v>0</v>
      </c>
      <c r="Q7" s="315">
        <v>197</v>
      </c>
      <c r="R7" s="315">
        <v>325</v>
      </c>
      <c r="S7" s="315">
        <v>277</v>
      </c>
      <c r="T7" s="315">
        <v>204</v>
      </c>
      <c r="U7" s="315">
        <v>103</v>
      </c>
      <c r="V7" s="312">
        <v>1106</v>
      </c>
      <c r="W7" s="317">
        <v>1122</v>
      </c>
    </row>
    <row r="8" spans="1:23" ht="21" customHeight="1" x14ac:dyDescent="0.2">
      <c r="A8" s="291" t="s">
        <v>6</v>
      </c>
      <c r="B8" s="315">
        <v>0</v>
      </c>
      <c r="C8" s="315">
        <v>0</v>
      </c>
      <c r="D8" s="312">
        <v>0</v>
      </c>
      <c r="E8" s="314">
        <v>0</v>
      </c>
      <c r="F8" s="315">
        <v>808</v>
      </c>
      <c r="G8" s="315">
        <v>489</v>
      </c>
      <c r="H8" s="315">
        <v>351</v>
      </c>
      <c r="I8" s="315">
        <v>230</v>
      </c>
      <c r="J8" s="315">
        <v>33</v>
      </c>
      <c r="K8" s="312">
        <v>1911</v>
      </c>
      <c r="L8" s="317">
        <v>1911</v>
      </c>
      <c r="M8" s="315">
        <v>0</v>
      </c>
      <c r="N8" s="315">
        <v>0</v>
      </c>
      <c r="O8" s="312">
        <v>0</v>
      </c>
      <c r="P8" s="314">
        <v>0</v>
      </c>
      <c r="Q8" s="315">
        <v>118</v>
      </c>
      <c r="R8" s="315">
        <v>83</v>
      </c>
      <c r="S8" s="315">
        <v>156</v>
      </c>
      <c r="T8" s="315">
        <v>62</v>
      </c>
      <c r="U8" s="315">
        <v>32</v>
      </c>
      <c r="V8" s="312">
        <v>451</v>
      </c>
      <c r="W8" s="317">
        <v>451</v>
      </c>
    </row>
    <row r="9" spans="1:23" ht="21" customHeight="1" x14ac:dyDescent="0.2">
      <c r="A9" s="291" t="s">
        <v>14</v>
      </c>
      <c r="B9" s="315">
        <v>0</v>
      </c>
      <c r="C9" s="315">
        <v>0</v>
      </c>
      <c r="D9" s="312">
        <v>0</v>
      </c>
      <c r="E9" s="314">
        <v>0</v>
      </c>
      <c r="F9" s="315">
        <v>525</v>
      </c>
      <c r="G9" s="315">
        <v>579</v>
      </c>
      <c r="H9" s="315">
        <v>315</v>
      </c>
      <c r="I9" s="315">
        <v>97</v>
      </c>
      <c r="J9" s="315">
        <v>8</v>
      </c>
      <c r="K9" s="312">
        <v>1524</v>
      </c>
      <c r="L9" s="317">
        <v>1524</v>
      </c>
      <c r="M9" s="315">
        <v>0</v>
      </c>
      <c r="N9" s="315">
        <v>0</v>
      </c>
      <c r="O9" s="312">
        <v>0</v>
      </c>
      <c r="P9" s="314">
        <v>0</v>
      </c>
      <c r="Q9" s="315">
        <v>8</v>
      </c>
      <c r="R9" s="315">
        <v>5</v>
      </c>
      <c r="S9" s="315">
        <v>4</v>
      </c>
      <c r="T9" s="315">
        <v>11</v>
      </c>
      <c r="U9" s="315">
        <v>0</v>
      </c>
      <c r="V9" s="312">
        <v>28</v>
      </c>
      <c r="W9" s="317">
        <v>28</v>
      </c>
    </row>
    <row r="10" spans="1:23" ht="21" customHeight="1" x14ac:dyDescent="0.2">
      <c r="A10" s="291" t="s">
        <v>7</v>
      </c>
      <c r="B10" s="315">
        <v>0</v>
      </c>
      <c r="C10" s="315">
        <v>0</v>
      </c>
      <c r="D10" s="312">
        <v>0</v>
      </c>
      <c r="E10" s="314">
        <v>0</v>
      </c>
      <c r="F10" s="315">
        <v>579</v>
      </c>
      <c r="G10" s="315">
        <v>312</v>
      </c>
      <c r="H10" s="315">
        <v>100</v>
      </c>
      <c r="I10" s="315">
        <v>73</v>
      </c>
      <c r="J10" s="315">
        <v>22</v>
      </c>
      <c r="K10" s="312">
        <v>1086</v>
      </c>
      <c r="L10" s="317">
        <v>1086</v>
      </c>
      <c r="M10" s="315">
        <v>0</v>
      </c>
      <c r="N10" s="315">
        <v>0</v>
      </c>
      <c r="O10" s="312">
        <v>0</v>
      </c>
      <c r="P10" s="314">
        <v>0</v>
      </c>
      <c r="Q10" s="315">
        <v>68</v>
      </c>
      <c r="R10" s="315">
        <v>80</v>
      </c>
      <c r="S10" s="315">
        <v>45</v>
      </c>
      <c r="T10" s="315">
        <v>11</v>
      </c>
      <c r="U10" s="315">
        <v>0</v>
      </c>
      <c r="V10" s="312">
        <v>204</v>
      </c>
      <c r="W10" s="317">
        <v>204</v>
      </c>
    </row>
    <row r="11" spans="1:23" ht="21" customHeight="1" x14ac:dyDescent="0.2">
      <c r="A11" s="291" t="s">
        <v>8</v>
      </c>
      <c r="B11" s="315">
        <v>0</v>
      </c>
      <c r="C11" s="315">
        <v>0</v>
      </c>
      <c r="D11" s="312">
        <v>0</v>
      </c>
      <c r="E11" s="314">
        <v>0</v>
      </c>
      <c r="F11" s="315">
        <v>222</v>
      </c>
      <c r="G11" s="315">
        <v>203</v>
      </c>
      <c r="H11" s="315">
        <v>78</v>
      </c>
      <c r="I11" s="315">
        <v>53</v>
      </c>
      <c r="J11" s="315">
        <v>4</v>
      </c>
      <c r="K11" s="312">
        <v>560</v>
      </c>
      <c r="L11" s="317">
        <v>560</v>
      </c>
      <c r="M11" s="315">
        <v>0</v>
      </c>
      <c r="N11" s="315">
        <v>0</v>
      </c>
      <c r="O11" s="312">
        <v>0</v>
      </c>
      <c r="P11" s="314">
        <v>0</v>
      </c>
      <c r="Q11" s="315">
        <v>4</v>
      </c>
      <c r="R11" s="315">
        <v>0</v>
      </c>
      <c r="S11" s="315">
        <v>0</v>
      </c>
      <c r="T11" s="315">
        <v>0</v>
      </c>
      <c r="U11" s="315">
        <v>0</v>
      </c>
      <c r="V11" s="312">
        <v>4</v>
      </c>
      <c r="W11" s="317">
        <v>4</v>
      </c>
    </row>
    <row r="12" spans="1:23" ht="21" customHeight="1" x14ac:dyDescent="0.2">
      <c r="A12" s="291" t="s">
        <v>9</v>
      </c>
      <c r="B12" s="315">
        <v>0</v>
      </c>
      <c r="C12" s="315">
        <v>0</v>
      </c>
      <c r="D12" s="312">
        <v>0</v>
      </c>
      <c r="E12" s="314">
        <v>0</v>
      </c>
      <c r="F12" s="315">
        <v>263</v>
      </c>
      <c r="G12" s="315">
        <v>152</v>
      </c>
      <c r="H12" s="315">
        <v>141</v>
      </c>
      <c r="I12" s="315">
        <v>89</v>
      </c>
      <c r="J12" s="315">
        <v>0</v>
      </c>
      <c r="K12" s="312">
        <v>645</v>
      </c>
      <c r="L12" s="317">
        <v>645</v>
      </c>
      <c r="M12" s="315">
        <v>0</v>
      </c>
      <c r="N12" s="315">
        <v>0</v>
      </c>
      <c r="O12" s="312">
        <v>0</v>
      </c>
      <c r="P12" s="314">
        <v>0</v>
      </c>
      <c r="Q12" s="315">
        <v>1</v>
      </c>
      <c r="R12" s="315">
        <v>3</v>
      </c>
      <c r="S12" s="315">
        <v>8</v>
      </c>
      <c r="T12" s="315">
        <v>0</v>
      </c>
      <c r="U12" s="315">
        <v>0</v>
      </c>
      <c r="V12" s="312">
        <v>12</v>
      </c>
      <c r="W12" s="317">
        <v>12</v>
      </c>
    </row>
    <row r="13" spans="1:23" ht="21" customHeight="1" x14ac:dyDescent="0.2">
      <c r="A13" s="291" t="s">
        <v>10</v>
      </c>
      <c r="B13" s="315">
        <v>0</v>
      </c>
      <c r="C13" s="315">
        <v>0</v>
      </c>
      <c r="D13" s="312">
        <v>0</v>
      </c>
      <c r="E13" s="314">
        <v>0</v>
      </c>
      <c r="F13" s="315">
        <v>285</v>
      </c>
      <c r="G13" s="315">
        <v>158</v>
      </c>
      <c r="H13" s="315">
        <v>30</v>
      </c>
      <c r="I13" s="315">
        <v>24</v>
      </c>
      <c r="J13" s="315">
        <v>12</v>
      </c>
      <c r="K13" s="312">
        <v>509</v>
      </c>
      <c r="L13" s="317">
        <v>509</v>
      </c>
      <c r="M13" s="315">
        <v>0</v>
      </c>
      <c r="N13" s="315">
        <v>0</v>
      </c>
      <c r="O13" s="312">
        <v>0</v>
      </c>
      <c r="P13" s="314">
        <v>0</v>
      </c>
      <c r="Q13" s="315">
        <v>10</v>
      </c>
      <c r="R13" s="315">
        <v>33</v>
      </c>
      <c r="S13" s="315">
        <v>24</v>
      </c>
      <c r="T13" s="315">
        <v>3</v>
      </c>
      <c r="U13" s="315">
        <v>0</v>
      </c>
      <c r="V13" s="312">
        <v>70</v>
      </c>
      <c r="W13" s="317">
        <v>70</v>
      </c>
    </row>
    <row r="14" spans="1:23" ht="21" customHeight="1" x14ac:dyDescent="0.2">
      <c r="A14" s="291" t="s">
        <v>11</v>
      </c>
      <c r="B14" s="315">
        <v>0</v>
      </c>
      <c r="C14" s="315">
        <v>0</v>
      </c>
      <c r="D14" s="312">
        <v>0</v>
      </c>
      <c r="E14" s="314">
        <v>0</v>
      </c>
      <c r="F14" s="315">
        <v>227</v>
      </c>
      <c r="G14" s="315">
        <v>37</v>
      </c>
      <c r="H14" s="315">
        <v>154</v>
      </c>
      <c r="I14" s="315">
        <v>26</v>
      </c>
      <c r="J14" s="315">
        <v>24</v>
      </c>
      <c r="K14" s="312">
        <v>468</v>
      </c>
      <c r="L14" s="317">
        <v>468</v>
      </c>
      <c r="M14" s="315">
        <v>0</v>
      </c>
      <c r="N14" s="315">
        <v>0</v>
      </c>
      <c r="O14" s="312">
        <v>0</v>
      </c>
      <c r="P14" s="314">
        <v>0</v>
      </c>
      <c r="Q14" s="315">
        <v>34</v>
      </c>
      <c r="R14" s="315">
        <v>20</v>
      </c>
      <c r="S14" s="315">
        <v>0</v>
      </c>
      <c r="T14" s="315">
        <v>0</v>
      </c>
      <c r="U14" s="315">
        <v>0</v>
      </c>
      <c r="V14" s="312">
        <v>54</v>
      </c>
      <c r="W14" s="317">
        <v>54</v>
      </c>
    </row>
    <row r="15" spans="1:23" ht="21" customHeight="1" x14ac:dyDescent="0.2">
      <c r="A15" s="291" t="s">
        <v>12</v>
      </c>
      <c r="B15" s="315">
        <v>0</v>
      </c>
      <c r="C15" s="315">
        <v>0</v>
      </c>
      <c r="D15" s="312">
        <v>0</v>
      </c>
      <c r="E15" s="314">
        <v>0</v>
      </c>
      <c r="F15" s="315">
        <v>168</v>
      </c>
      <c r="G15" s="315">
        <v>100</v>
      </c>
      <c r="H15" s="315">
        <v>69</v>
      </c>
      <c r="I15" s="315">
        <v>8</v>
      </c>
      <c r="J15" s="315">
        <v>26</v>
      </c>
      <c r="K15" s="312">
        <v>371</v>
      </c>
      <c r="L15" s="317">
        <v>371</v>
      </c>
      <c r="M15" s="315">
        <v>0</v>
      </c>
      <c r="N15" s="315">
        <v>0</v>
      </c>
      <c r="O15" s="312">
        <v>0</v>
      </c>
      <c r="P15" s="314">
        <v>0</v>
      </c>
      <c r="Q15" s="315">
        <v>0</v>
      </c>
      <c r="R15" s="315">
        <v>0</v>
      </c>
      <c r="S15" s="315">
        <v>0</v>
      </c>
      <c r="T15" s="315">
        <v>0</v>
      </c>
      <c r="U15" s="315">
        <v>0</v>
      </c>
      <c r="V15" s="312">
        <v>0</v>
      </c>
      <c r="W15" s="317">
        <v>0</v>
      </c>
    </row>
    <row r="16" spans="1:23" ht="21" customHeight="1" x14ac:dyDescent="0.2">
      <c r="A16" s="291" t="s">
        <v>13</v>
      </c>
      <c r="B16" s="315">
        <v>0</v>
      </c>
      <c r="C16" s="315">
        <v>0</v>
      </c>
      <c r="D16" s="312">
        <v>0</v>
      </c>
      <c r="E16" s="314">
        <v>0</v>
      </c>
      <c r="F16" s="315">
        <v>65</v>
      </c>
      <c r="G16" s="315">
        <v>45</v>
      </c>
      <c r="H16" s="315">
        <v>22</v>
      </c>
      <c r="I16" s="315">
        <v>4</v>
      </c>
      <c r="J16" s="315">
        <v>8</v>
      </c>
      <c r="K16" s="312">
        <v>144</v>
      </c>
      <c r="L16" s="317">
        <v>144</v>
      </c>
      <c r="M16" s="315">
        <v>0</v>
      </c>
      <c r="N16" s="315">
        <v>0</v>
      </c>
      <c r="O16" s="312">
        <v>0</v>
      </c>
      <c r="P16" s="314">
        <v>0</v>
      </c>
      <c r="Q16" s="315">
        <v>0</v>
      </c>
      <c r="R16" s="315">
        <v>0</v>
      </c>
      <c r="S16" s="315">
        <v>30</v>
      </c>
      <c r="T16" s="315">
        <v>4</v>
      </c>
      <c r="U16" s="315">
        <v>0</v>
      </c>
      <c r="V16" s="312">
        <v>34</v>
      </c>
      <c r="W16" s="317">
        <v>34</v>
      </c>
    </row>
    <row r="17" spans="1:23" ht="21" customHeight="1" x14ac:dyDescent="0.2">
      <c r="A17" s="291" t="s">
        <v>15</v>
      </c>
      <c r="B17" s="315">
        <v>0</v>
      </c>
      <c r="C17" s="315">
        <v>0</v>
      </c>
      <c r="D17" s="312">
        <v>0</v>
      </c>
      <c r="E17" s="314">
        <v>0</v>
      </c>
      <c r="F17" s="315">
        <v>30</v>
      </c>
      <c r="G17" s="315">
        <v>62</v>
      </c>
      <c r="H17" s="315">
        <v>8</v>
      </c>
      <c r="I17" s="315">
        <v>8</v>
      </c>
      <c r="J17" s="315">
        <v>7</v>
      </c>
      <c r="K17" s="312">
        <v>115</v>
      </c>
      <c r="L17" s="317">
        <v>115</v>
      </c>
      <c r="M17" s="315">
        <v>0</v>
      </c>
      <c r="N17" s="315">
        <v>0</v>
      </c>
      <c r="O17" s="312">
        <v>0</v>
      </c>
      <c r="P17" s="314">
        <v>0</v>
      </c>
      <c r="Q17" s="315">
        <v>0</v>
      </c>
      <c r="R17" s="315">
        <v>12</v>
      </c>
      <c r="S17" s="315">
        <v>0</v>
      </c>
      <c r="T17" s="315">
        <v>0</v>
      </c>
      <c r="U17" s="315">
        <v>0</v>
      </c>
      <c r="V17" s="312">
        <v>12</v>
      </c>
      <c r="W17" s="317">
        <v>12</v>
      </c>
    </row>
    <row r="18" spans="1:23" ht="21" customHeight="1" x14ac:dyDescent="0.2">
      <c r="A18" s="291" t="s">
        <v>16</v>
      </c>
      <c r="B18" s="315">
        <v>0</v>
      </c>
      <c r="C18" s="315">
        <v>0</v>
      </c>
      <c r="D18" s="312">
        <v>0</v>
      </c>
      <c r="E18" s="314">
        <v>0</v>
      </c>
      <c r="F18" s="315">
        <v>60</v>
      </c>
      <c r="G18" s="315">
        <v>73</v>
      </c>
      <c r="H18" s="315">
        <v>23</v>
      </c>
      <c r="I18" s="315">
        <v>25</v>
      </c>
      <c r="J18" s="315">
        <v>12</v>
      </c>
      <c r="K18" s="312">
        <v>193</v>
      </c>
      <c r="L18" s="317">
        <v>193</v>
      </c>
      <c r="M18" s="315">
        <v>0</v>
      </c>
      <c r="N18" s="315">
        <v>0</v>
      </c>
      <c r="O18" s="312">
        <v>0</v>
      </c>
      <c r="P18" s="314">
        <v>0</v>
      </c>
      <c r="Q18" s="315">
        <v>23</v>
      </c>
      <c r="R18" s="315">
        <v>0</v>
      </c>
      <c r="S18" s="315">
        <v>12</v>
      </c>
      <c r="T18" s="315">
        <v>0</v>
      </c>
      <c r="U18" s="315">
        <v>0</v>
      </c>
      <c r="V18" s="312">
        <v>35</v>
      </c>
      <c r="W18" s="317">
        <v>35</v>
      </c>
    </row>
    <row r="19" spans="1:23" ht="21" customHeight="1" x14ac:dyDescent="0.2">
      <c r="A19" s="291" t="s">
        <v>17</v>
      </c>
      <c r="B19" s="315">
        <v>0</v>
      </c>
      <c r="C19" s="315">
        <v>0</v>
      </c>
      <c r="D19" s="312">
        <v>0</v>
      </c>
      <c r="E19" s="314">
        <v>0</v>
      </c>
      <c r="F19" s="315">
        <v>122</v>
      </c>
      <c r="G19" s="315">
        <v>60</v>
      </c>
      <c r="H19" s="315">
        <v>92</v>
      </c>
      <c r="I19" s="315">
        <v>58</v>
      </c>
      <c r="J19" s="315">
        <v>16</v>
      </c>
      <c r="K19" s="312">
        <v>348</v>
      </c>
      <c r="L19" s="317">
        <v>348</v>
      </c>
      <c r="M19" s="315">
        <v>0</v>
      </c>
      <c r="N19" s="315">
        <v>0</v>
      </c>
      <c r="O19" s="312">
        <v>0</v>
      </c>
      <c r="P19" s="314">
        <v>0</v>
      </c>
      <c r="Q19" s="315">
        <v>3</v>
      </c>
      <c r="R19" s="315">
        <v>0</v>
      </c>
      <c r="S19" s="315">
        <v>12</v>
      </c>
      <c r="T19" s="315">
        <v>0</v>
      </c>
      <c r="U19" s="315">
        <v>0</v>
      </c>
      <c r="V19" s="312">
        <v>15</v>
      </c>
      <c r="W19" s="317">
        <v>15</v>
      </c>
    </row>
    <row r="20" spans="1:23" ht="21" customHeight="1" x14ac:dyDescent="0.2">
      <c r="A20" s="291" t="s">
        <v>18</v>
      </c>
      <c r="B20" s="315">
        <v>0</v>
      </c>
      <c r="C20" s="315">
        <v>0</v>
      </c>
      <c r="D20" s="312">
        <v>0</v>
      </c>
      <c r="E20" s="314">
        <v>0</v>
      </c>
      <c r="F20" s="315">
        <v>111</v>
      </c>
      <c r="G20" s="315">
        <v>164</v>
      </c>
      <c r="H20" s="315">
        <v>42</v>
      </c>
      <c r="I20" s="315">
        <v>4</v>
      </c>
      <c r="J20" s="315">
        <v>0</v>
      </c>
      <c r="K20" s="312">
        <v>321</v>
      </c>
      <c r="L20" s="317">
        <v>321</v>
      </c>
      <c r="M20" s="315">
        <v>0</v>
      </c>
      <c r="N20" s="315">
        <v>2</v>
      </c>
      <c r="O20" s="312">
        <v>2</v>
      </c>
      <c r="P20" s="314">
        <v>0</v>
      </c>
      <c r="Q20" s="315">
        <v>10</v>
      </c>
      <c r="R20" s="315">
        <v>0</v>
      </c>
      <c r="S20" s="315">
        <v>12</v>
      </c>
      <c r="T20" s="315">
        <v>2</v>
      </c>
      <c r="U20" s="315">
        <v>4</v>
      </c>
      <c r="V20" s="312">
        <v>28</v>
      </c>
      <c r="W20" s="317">
        <v>30</v>
      </c>
    </row>
    <row r="21" spans="1:23" ht="21" customHeight="1" x14ac:dyDescent="0.2">
      <c r="A21" s="291" t="s">
        <v>19</v>
      </c>
      <c r="B21" s="315">
        <v>0</v>
      </c>
      <c r="C21" s="315">
        <v>0</v>
      </c>
      <c r="D21" s="312">
        <v>0</v>
      </c>
      <c r="E21" s="314">
        <v>0</v>
      </c>
      <c r="F21" s="315">
        <v>32</v>
      </c>
      <c r="G21" s="315">
        <v>15</v>
      </c>
      <c r="H21" s="315">
        <v>0</v>
      </c>
      <c r="I21" s="315">
        <v>7</v>
      </c>
      <c r="J21" s="315">
        <v>0</v>
      </c>
      <c r="K21" s="312">
        <v>54</v>
      </c>
      <c r="L21" s="317">
        <v>54</v>
      </c>
      <c r="M21" s="315">
        <v>0</v>
      </c>
      <c r="N21" s="315">
        <v>0</v>
      </c>
      <c r="O21" s="312">
        <v>0</v>
      </c>
      <c r="P21" s="314">
        <v>0</v>
      </c>
      <c r="Q21" s="315">
        <v>0</v>
      </c>
      <c r="R21" s="315">
        <v>24</v>
      </c>
      <c r="S21" s="315">
        <v>0</v>
      </c>
      <c r="T21" s="315">
        <v>0</v>
      </c>
      <c r="U21" s="315">
        <v>0</v>
      </c>
      <c r="V21" s="312">
        <v>24</v>
      </c>
      <c r="W21" s="317">
        <v>24</v>
      </c>
    </row>
    <row r="22" spans="1:23" ht="21" customHeight="1" x14ac:dyDescent="0.2">
      <c r="A22" s="291" t="s">
        <v>20</v>
      </c>
      <c r="B22" s="315">
        <v>0</v>
      </c>
      <c r="C22" s="315">
        <v>0</v>
      </c>
      <c r="D22" s="312">
        <v>0</v>
      </c>
      <c r="E22" s="314">
        <v>0</v>
      </c>
      <c r="F22" s="315">
        <v>77</v>
      </c>
      <c r="G22" s="315">
        <v>76</v>
      </c>
      <c r="H22" s="315">
        <v>41</v>
      </c>
      <c r="I22" s="315">
        <v>0</v>
      </c>
      <c r="J22" s="315">
        <v>0</v>
      </c>
      <c r="K22" s="312">
        <v>194</v>
      </c>
      <c r="L22" s="317">
        <v>194</v>
      </c>
      <c r="M22" s="315">
        <v>0</v>
      </c>
      <c r="N22" s="315">
        <v>0</v>
      </c>
      <c r="O22" s="312">
        <v>0</v>
      </c>
      <c r="P22" s="314">
        <v>0</v>
      </c>
      <c r="Q22" s="315">
        <v>0</v>
      </c>
      <c r="R22" s="315">
        <v>0</v>
      </c>
      <c r="S22" s="315">
        <v>11</v>
      </c>
      <c r="T22" s="315">
        <v>0</v>
      </c>
      <c r="U22" s="315">
        <v>0</v>
      </c>
      <c r="V22" s="312">
        <v>11</v>
      </c>
      <c r="W22" s="317">
        <v>11</v>
      </c>
    </row>
    <row r="23" spans="1:23" ht="21" customHeight="1" x14ac:dyDescent="0.2">
      <c r="A23" s="291" t="s">
        <v>21</v>
      </c>
      <c r="B23" s="315">
        <v>0</v>
      </c>
      <c r="C23" s="315">
        <v>0</v>
      </c>
      <c r="D23" s="312">
        <v>0</v>
      </c>
      <c r="E23" s="314">
        <v>0</v>
      </c>
      <c r="F23" s="315">
        <v>54</v>
      </c>
      <c r="G23" s="315">
        <v>93</v>
      </c>
      <c r="H23" s="315">
        <v>50</v>
      </c>
      <c r="I23" s="315">
        <v>24</v>
      </c>
      <c r="J23" s="315">
        <v>18</v>
      </c>
      <c r="K23" s="312">
        <v>239</v>
      </c>
      <c r="L23" s="317">
        <v>239</v>
      </c>
      <c r="M23" s="315">
        <v>0</v>
      </c>
      <c r="N23" s="315">
        <v>0</v>
      </c>
      <c r="O23" s="312">
        <v>0</v>
      </c>
      <c r="P23" s="314">
        <v>0</v>
      </c>
      <c r="Q23" s="315">
        <v>0</v>
      </c>
      <c r="R23" s="315">
        <v>0</v>
      </c>
      <c r="S23" s="315">
        <v>0</v>
      </c>
      <c r="T23" s="315">
        <v>0</v>
      </c>
      <c r="U23" s="315">
        <v>0</v>
      </c>
      <c r="V23" s="312">
        <v>0</v>
      </c>
      <c r="W23" s="317">
        <v>0</v>
      </c>
    </row>
    <row r="24" spans="1:23" ht="21" customHeight="1" x14ac:dyDescent="0.2">
      <c r="A24" s="291" t="s">
        <v>22</v>
      </c>
      <c r="B24" s="315">
        <v>0</v>
      </c>
      <c r="C24" s="315">
        <v>0</v>
      </c>
      <c r="D24" s="312">
        <v>0</v>
      </c>
      <c r="E24" s="314">
        <v>0</v>
      </c>
      <c r="F24" s="315">
        <v>21</v>
      </c>
      <c r="G24" s="315">
        <v>20</v>
      </c>
      <c r="H24" s="315">
        <v>8</v>
      </c>
      <c r="I24" s="315">
        <v>12</v>
      </c>
      <c r="J24" s="315">
        <v>0</v>
      </c>
      <c r="K24" s="312">
        <v>61</v>
      </c>
      <c r="L24" s="317">
        <v>61</v>
      </c>
      <c r="M24" s="315">
        <v>0</v>
      </c>
      <c r="N24" s="315">
        <v>0</v>
      </c>
      <c r="O24" s="312">
        <v>0</v>
      </c>
      <c r="P24" s="314">
        <v>0</v>
      </c>
      <c r="Q24" s="315">
        <v>12</v>
      </c>
      <c r="R24" s="315">
        <v>0</v>
      </c>
      <c r="S24" s="315">
        <v>8</v>
      </c>
      <c r="T24" s="315">
        <v>12</v>
      </c>
      <c r="U24" s="315">
        <v>0</v>
      </c>
      <c r="V24" s="312">
        <v>32</v>
      </c>
      <c r="W24" s="317">
        <v>32</v>
      </c>
    </row>
    <row r="25" spans="1:23" ht="21" customHeight="1" x14ac:dyDescent="0.2">
      <c r="A25" s="291" t="s">
        <v>23</v>
      </c>
      <c r="B25" s="315">
        <v>0</v>
      </c>
      <c r="C25" s="315">
        <v>0</v>
      </c>
      <c r="D25" s="312">
        <v>0</v>
      </c>
      <c r="E25" s="314">
        <v>0</v>
      </c>
      <c r="F25" s="315">
        <v>35</v>
      </c>
      <c r="G25" s="315">
        <v>26</v>
      </c>
      <c r="H25" s="315">
        <v>0</v>
      </c>
      <c r="I25" s="315">
        <v>39</v>
      </c>
      <c r="J25" s="315">
        <v>0</v>
      </c>
      <c r="K25" s="312">
        <v>100</v>
      </c>
      <c r="L25" s="317">
        <v>100</v>
      </c>
      <c r="M25" s="315">
        <v>0</v>
      </c>
      <c r="N25" s="315">
        <v>0</v>
      </c>
      <c r="O25" s="312">
        <v>0</v>
      </c>
      <c r="P25" s="314">
        <v>0</v>
      </c>
      <c r="Q25" s="315">
        <v>0</v>
      </c>
      <c r="R25" s="315">
        <v>0</v>
      </c>
      <c r="S25" s="315">
        <v>0</v>
      </c>
      <c r="T25" s="315">
        <v>0</v>
      </c>
      <c r="U25" s="315">
        <v>0</v>
      </c>
      <c r="V25" s="312">
        <v>0</v>
      </c>
      <c r="W25" s="317">
        <v>0</v>
      </c>
    </row>
    <row r="26" spans="1:23" ht="21" customHeight="1" x14ac:dyDescent="0.2">
      <c r="A26" s="291" t="s">
        <v>24</v>
      </c>
      <c r="B26" s="315">
        <v>0</v>
      </c>
      <c r="C26" s="315">
        <v>0</v>
      </c>
      <c r="D26" s="312">
        <v>0</v>
      </c>
      <c r="E26" s="314">
        <v>0</v>
      </c>
      <c r="F26" s="315">
        <v>35</v>
      </c>
      <c r="G26" s="315">
        <v>0</v>
      </c>
      <c r="H26" s="315">
        <v>41</v>
      </c>
      <c r="I26" s="315">
        <v>16</v>
      </c>
      <c r="J26" s="315">
        <v>0</v>
      </c>
      <c r="K26" s="312">
        <v>92</v>
      </c>
      <c r="L26" s="317">
        <v>92</v>
      </c>
      <c r="M26" s="315">
        <v>0</v>
      </c>
      <c r="N26" s="315">
        <v>0</v>
      </c>
      <c r="O26" s="312">
        <v>0</v>
      </c>
      <c r="P26" s="314">
        <v>0</v>
      </c>
      <c r="Q26" s="315">
        <v>0</v>
      </c>
      <c r="R26" s="315">
        <v>0</v>
      </c>
      <c r="S26" s="315">
        <v>12</v>
      </c>
      <c r="T26" s="315">
        <v>0</v>
      </c>
      <c r="U26" s="315">
        <v>0</v>
      </c>
      <c r="V26" s="312">
        <v>12</v>
      </c>
      <c r="W26" s="317">
        <v>12</v>
      </c>
    </row>
    <row r="27" spans="1:23" ht="21" customHeight="1" x14ac:dyDescent="0.2">
      <c r="A27" s="291" t="s">
        <v>25</v>
      </c>
      <c r="B27" s="315">
        <v>0</v>
      </c>
      <c r="C27" s="315">
        <v>0</v>
      </c>
      <c r="D27" s="312">
        <v>0</v>
      </c>
      <c r="E27" s="314">
        <v>0</v>
      </c>
      <c r="F27" s="315">
        <v>62</v>
      </c>
      <c r="G27" s="315">
        <v>0</v>
      </c>
      <c r="H27" s="315">
        <v>0</v>
      </c>
      <c r="I27" s="315">
        <v>5</v>
      </c>
      <c r="J27" s="315">
        <v>0</v>
      </c>
      <c r="K27" s="312">
        <v>67</v>
      </c>
      <c r="L27" s="317">
        <v>67</v>
      </c>
      <c r="M27" s="315">
        <v>0</v>
      </c>
      <c r="N27" s="315">
        <v>0</v>
      </c>
      <c r="O27" s="312">
        <v>0</v>
      </c>
      <c r="P27" s="314">
        <v>0</v>
      </c>
      <c r="Q27" s="315">
        <v>0</v>
      </c>
      <c r="R27" s="315">
        <v>0</v>
      </c>
      <c r="S27" s="315">
        <v>0</v>
      </c>
      <c r="T27" s="315">
        <v>0</v>
      </c>
      <c r="U27" s="315">
        <v>0</v>
      </c>
      <c r="V27" s="312">
        <v>0</v>
      </c>
      <c r="W27" s="317">
        <v>0</v>
      </c>
    </row>
    <row r="28" spans="1:23" ht="21" customHeight="1" x14ac:dyDescent="0.2">
      <c r="A28" s="291" t="s">
        <v>26</v>
      </c>
      <c r="B28" s="315">
        <v>0</v>
      </c>
      <c r="C28" s="315">
        <v>0</v>
      </c>
      <c r="D28" s="312">
        <v>0</v>
      </c>
      <c r="E28" s="314">
        <v>0</v>
      </c>
      <c r="F28" s="315">
        <v>6</v>
      </c>
      <c r="G28" s="315">
        <v>46</v>
      </c>
      <c r="H28" s="315">
        <v>8</v>
      </c>
      <c r="I28" s="315">
        <v>0</v>
      </c>
      <c r="J28" s="315">
        <v>11</v>
      </c>
      <c r="K28" s="312">
        <v>71</v>
      </c>
      <c r="L28" s="317">
        <v>71</v>
      </c>
      <c r="M28" s="315">
        <v>0</v>
      </c>
      <c r="N28" s="315">
        <v>0</v>
      </c>
      <c r="O28" s="312">
        <v>0</v>
      </c>
      <c r="P28" s="314">
        <v>0</v>
      </c>
      <c r="Q28" s="315">
        <v>0</v>
      </c>
      <c r="R28" s="315">
        <v>0</v>
      </c>
      <c r="S28" s="315">
        <v>0</v>
      </c>
      <c r="T28" s="315">
        <v>0</v>
      </c>
      <c r="U28" s="315">
        <v>0</v>
      </c>
      <c r="V28" s="312">
        <v>0</v>
      </c>
      <c r="W28" s="317">
        <v>0</v>
      </c>
    </row>
    <row r="29" spans="1:23" ht="21" customHeight="1" x14ac:dyDescent="0.2">
      <c r="A29" s="291" t="s">
        <v>27</v>
      </c>
      <c r="B29" s="315">
        <v>0</v>
      </c>
      <c r="C29" s="315">
        <v>0</v>
      </c>
      <c r="D29" s="312">
        <v>0</v>
      </c>
      <c r="E29" s="314">
        <v>0</v>
      </c>
      <c r="F29" s="315">
        <v>8</v>
      </c>
      <c r="G29" s="315">
        <v>7</v>
      </c>
      <c r="H29" s="315">
        <v>0</v>
      </c>
      <c r="I29" s="315">
        <v>0</v>
      </c>
      <c r="J29" s="315">
        <v>0</v>
      </c>
      <c r="K29" s="312">
        <v>15</v>
      </c>
      <c r="L29" s="317">
        <v>15</v>
      </c>
      <c r="M29" s="315">
        <v>0</v>
      </c>
      <c r="N29" s="315">
        <v>0</v>
      </c>
      <c r="O29" s="312">
        <v>0</v>
      </c>
      <c r="P29" s="314">
        <v>0</v>
      </c>
      <c r="Q29" s="315">
        <v>10</v>
      </c>
      <c r="R29" s="315">
        <v>6</v>
      </c>
      <c r="S29" s="315">
        <v>0</v>
      </c>
      <c r="T29" s="315">
        <v>0</v>
      </c>
      <c r="U29" s="315">
        <v>0</v>
      </c>
      <c r="V29" s="312">
        <v>16</v>
      </c>
      <c r="W29" s="317">
        <v>16</v>
      </c>
    </row>
    <row r="30" spans="1:23" ht="21" customHeight="1" x14ac:dyDescent="0.2">
      <c r="A30" s="291" t="s">
        <v>28</v>
      </c>
      <c r="B30" s="315">
        <v>0</v>
      </c>
      <c r="C30" s="315">
        <v>0</v>
      </c>
      <c r="D30" s="312">
        <v>0</v>
      </c>
      <c r="E30" s="314">
        <v>0</v>
      </c>
      <c r="F30" s="315">
        <v>17</v>
      </c>
      <c r="G30" s="315">
        <v>20</v>
      </c>
      <c r="H30" s="315">
        <v>0</v>
      </c>
      <c r="I30" s="315">
        <v>0</v>
      </c>
      <c r="J30" s="315">
        <v>0</v>
      </c>
      <c r="K30" s="312">
        <v>37</v>
      </c>
      <c r="L30" s="317">
        <v>37</v>
      </c>
      <c r="M30" s="315">
        <v>0</v>
      </c>
      <c r="N30" s="315">
        <v>0</v>
      </c>
      <c r="O30" s="312">
        <v>0</v>
      </c>
      <c r="P30" s="314">
        <v>0</v>
      </c>
      <c r="Q30" s="315">
        <v>0</v>
      </c>
      <c r="R30" s="315">
        <v>0</v>
      </c>
      <c r="S30" s="315">
        <v>0</v>
      </c>
      <c r="T30" s="315">
        <v>0</v>
      </c>
      <c r="U30" s="315">
        <v>3</v>
      </c>
      <c r="V30" s="312">
        <v>3</v>
      </c>
      <c r="W30" s="317">
        <v>3</v>
      </c>
    </row>
    <row r="31" spans="1:23" ht="21" customHeight="1" x14ac:dyDescent="0.2">
      <c r="A31" s="291" t="s">
        <v>29</v>
      </c>
      <c r="B31" s="315">
        <v>0</v>
      </c>
      <c r="C31" s="315">
        <v>0</v>
      </c>
      <c r="D31" s="312">
        <v>0</v>
      </c>
      <c r="E31" s="314">
        <v>0</v>
      </c>
      <c r="F31" s="315">
        <v>7</v>
      </c>
      <c r="G31" s="315">
        <v>4</v>
      </c>
      <c r="H31" s="315">
        <v>0</v>
      </c>
      <c r="I31" s="315">
        <v>0</v>
      </c>
      <c r="J31" s="315">
        <v>0</v>
      </c>
      <c r="K31" s="312">
        <v>11</v>
      </c>
      <c r="L31" s="317">
        <v>11</v>
      </c>
      <c r="M31" s="315">
        <v>0</v>
      </c>
      <c r="N31" s="315">
        <v>0</v>
      </c>
      <c r="O31" s="312">
        <v>0</v>
      </c>
      <c r="P31" s="314">
        <v>0</v>
      </c>
      <c r="Q31" s="315">
        <v>0</v>
      </c>
      <c r="R31" s="315">
        <v>0</v>
      </c>
      <c r="S31" s="315">
        <v>0</v>
      </c>
      <c r="T31" s="315">
        <v>0</v>
      </c>
      <c r="U31" s="315">
        <v>0</v>
      </c>
      <c r="V31" s="312">
        <v>0</v>
      </c>
      <c r="W31" s="317">
        <v>0</v>
      </c>
    </row>
    <row r="32" spans="1:23" ht="21" customHeight="1" x14ac:dyDescent="0.2">
      <c r="A32" s="291" t="s">
        <v>30</v>
      </c>
      <c r="B32" s="315">
        <v>0</v>
      </c>
      <c r="C32" s="315">
        <v>0</v>
      </c>
      <c r="D32" s="312">
        <v>0</v>
      </c>
      <c r="E32" s="314">
        <v>0</v>
      </c>
      <c r="F32" s="315">
        <v>0</v>
      </c>
      <c r="G32" s="315">
        <v>14</v>
      </c>
      <c r="H32" s="315">
        <v>0</v>
      </c>
      <c r="I32" s="315">
        <v>0</v>
      </c>
      <c r="J32" s="315">
        <v>0</v>
      </c>
      <c r="K32" s="312">
        <v>14</v>
      </c>
      <c r="L32" s="317">
        <v>14</v>
      </c>
      <c r="M32" s="315">
        <v>4</v>
      </c>
      <c r="N32" s="315">
        <v>0</v>
      </c>
      <c r="O32" s="312">
        <v>4</v>
      </c>
      <c r="P32" s="314">
        <v>0</v>
      </c>
      <c r="Q32" s="315">
        <v>0</v>
      </c>
      <c r="R32" s="315">
        <v>0</v>
      </c>
      <c r="S32" s="315">
        <v>0</v>
      </c>
      <c r="T32" s="315">
        <v>0</v>
      </c>
      <c r="U32" s="315">
        <v>0</v>
      </c>
      <c r="V32" s="312">
        <v>0</v>
      </c>
      <c r="W32" s="317">
        <v>4</v>
      </c>
    </row>
    <row r="33" spans="1:23" ht="21" customHeight="1" x14ac:dyDescent="0.2">
      <c r="A33" s="291" t="s">
        <v>31</v>
      </c>
      <c r="B33" s="315">
        <v>0</v>
      </c>
      <c r="C33" s="315">
        <v>0</v>
      </c>
      <c r="D33" s="312">
        <v>0</v>
      </c>
      <c r="E33" s="314">
        <v>0</v>
      </c>
      <c r="F33" s="315">
        <v>5</v>
      </c>
      <c r="G33" s="315">
        <v>0</v>
      </c>
      <c r="H33" s="315">
        <v>0</v>
      </c>
      <c r="I33" s="315">
        <v>0</v>
      </c>
      <c r="J33" s="315">
        <v>0</v>
      </c>
      <c r="K33" s="312">
        <v>5</v>
      </c>
      <c r="L33" s="317">
        <v>5</v>
      </c>
      <c r="M33" s="315">
        <v>0</v>
      </c>
      <c r="N33" s="315">
        <v>0</v>
      </c>
      <c r="O33" s="312">
        <v>0</v>
      </c>
      <c r="P33" s="314">
        <v>0</v>
      </c>
      <c r="Q33" s="315">
        <v>0</v>
      </c>
      <c r="R33" s="315">
        <v>0</v>
      </c>
      <c r="S33" s="315">
        <v>12</v>
      </c>
      <c r="T33" s="315">
        <v>0</v>
      </c>
      <c r="U33" s="315">
        <v>0</v>
      </c>
      <c r="V33" s="312">
        <v>12</v>
      </c>
      <c r="W33" s="317">
        <v>12</v>
      </c>
    </row>
    <row r="34" spans="1:23" ht="21" customHeight="1" x14ac:dyDescent="0.2">
      <c r="A34" s="291" t="s">
        <v>32</v>
      </c>
      <c r="B34" s="315">
        <v>0</v>
      </c>
      <c r="C34" s="315">
        <v>0</v>
      </c>
      <c r="D34" s="312">
        <v>0</v>
      </c>
      <c r="E34" s="314">
        <v>0</v>
      </c>
      <c r="F34" s="315">
        <v>19</v>
      </c>
      <c r="G34" s="315">
        <v>8</v>
      </c>
      <c r="H34" s="315">
        <v>12</v>
      </c>
      <c r="I34" s="315">
        <v>7</v>
      </c>
      <c r="J34" s="315">
        <v>0</v>
      </c>
      <c r="K34" s="312">
        <v>46</v>
      </c>
      <c r="L34" s="317">
        <v>46</v>
      </c>
      <c r="M34" s="315">
        <v>0</v>
      </c>
      <c r="N34" s="315">
        <v>0</v>
      </c>
      <c r="O34" s="312">
        <v>0</v>
      </c>
      <c r="P34" s="314">
        <v>0</v>
      </c>
      <c r="Q34" s="315">
        <v>0</v>
      </c>
      <c r="R34" s="315">
        <v>0</v>
      </c>
      <c r="S34" s="315">
        <v>0</v>
      </c>
      <c r="T34" s="315">
        <v>10</v>
      </c>
      <c r="U34" s="315">
        <v>0</v>
      </c>
      <c r="V34" s="312">
        <v>10</v>
      </c>
      <c r="W34" s="317">
        <v>10</v>
      </c>
    </row>
    <row r="35" spans="1:23" ht="21" customHeight="1" x14ac:dyDescent="0.2">
      <c r="A35" s="291" t="s">
        <v>33</v>
      </c>
      <c r="B35" s="315">
        <v>0</v>
      </c>
      <c r="C35" s="315">
        <v>0</v>
      </c>
      <c r="D35" s="312">
        <v>0</v>
      </c>
      <c r="E35" s="314">
        <v>0</v>
      </c>
      <c r="F35" s="315">
        <v>7</v>
      </c>
      <c r="G35" s="315">
        <v>0</v>
      </c>
      <c r="H35" s="315">
        <v>0</v>
      </c>
      <c r="I35" s="315">
        <v>0</v>
      </c>
      <c r="J35" s="315">
        <v>0</v>
      </c>
      <c r="K35" s="312">
        <v>7</v>
      </c>
      <c r="L35" s="317">
        <v>7</v>
      </c>
      <c r="M35" s="315">
        <v>0</v>
      </c>
      <c r="N35" s="315">
        <v>0</v>
      </c>
      <c r="O35" s="312">
        <v>0</v>
      </c>
      <c r="P35" s="314">
        <v>0</v>
      </c>
      <c r="Q35" s="315">
        <v>0</v>
      </c>
      <c r="R35" s="315">
        <v>0</v>
      </c>
      <c r="S35" s="315">
        <v>0</v>
      </c>
      <c r="T35" s="315">
        <v>0</v>
      </c>
      <c r="U35" s="315">
        <v>0</v>
      </c>
      <c r="V35" s="312">
        <v>0</v>
      </c>
      <c r="W35" s="317">
        <v>0</v>
      </c>
    </row>
    <row r="36" spans="1:23" ht="21" customHeight="1" x14ac:dyDescent="0.2">
      <c r="A36" s="291" t="s">
        <v>34</v>
      </c>
      <c r="B36" s="315">
        <v>0</v>
      </c>
      <c r="C36" s="315">
        <v>0</v>
      </c>
      <c r="D36" s="312">
        <v>0</v>
      </c>
      <c r="E36" s="314">
        <v>0</v>
      </c>
      <c r="F36" s="315">
        <v>26</v>
      </c>
      <c r="G36" s="315">
        <v>0</v>
      </c>
      <c r="H36" s="315">
        <v>0</v>
      </c>
      <c r="I36" s="315">
        <v>0</v>
      </c>
      <c r="J36" s="315">
        <v>0</v>
      </c>
      <c r="K36" s="312">
        <v>26</v>
      </c>
      <c r="L36" s="317">
        <v>26</v>
      </c>
      <c r="M36" s="315">
        <v>0</v>
      </c>
      <c r="N36" s="315">
        <v>0</v>
      </c>
      <c r="O36" s="312">
        <v>0</v>
      </c>
      <c r="P36" s="314">
        <v>0</v>
      </c>
      <c r="Q36" s="315">
        <v>0</v>
      </c>
      <c r="R36" s="315">
        <v>0</v>
      </c>
      <c r="S36" s="315">
        <v>0</v>
      </c>
      <c r="T36" s="315">
        <v>0</v>
      </c>
      <c r="U36" s="315">
        <v>0</v>
      </c>
      <c r="V36" s="312">
        <v>0</v>
      </c>
      <c r="W36" s="317">
        <v>0</v>
      </c>
    </row>
    <row r="37" spans="1:23" ht="21" customHeight="1" x14ac:dyDescent="0.2">
      <c r="A37" s="291" t="s">
        <v>35</v>
      </c>
      <c r="B37" s="315">
        <v>0</v>
      </c>
      <c r="C37" s="315">
        <v>0</v>
      </c>
      <c r="D37" s="312">
        <v>0</v>
      </c>
      <c r="E37" s="314">
        <v>0</v>
      </c>
      <c r="F37" s="315">
        <v>0</v>
      </c>
      <c r="G37" s="315">
        <v>10</v>
      </c>
      <c r="H37" s="315">
        <v>0</v>
      </c>
      <c r="I37" s="315">
        <v>0</v>
      </c>
      <c r="J37" s="315">
        <v>0</v>
      </c>
      <c r="K37" s="312">
        <v>10</v>
      </c>
      <c r="L37" s="317">
        <v>10</v>
      </c>
      <c r="M37" s="315">
        <v>0</v>
      </c>
      <c r="N37" s="315">
        <v>0</v>
      </c>
      <c r="O37" s="312">
        <v>0</v>
      </c>
      <c r="P37" s="314">
        <v>0</v>
      </c>
      <c r="Q37" s="315">
        <v>0</v>
      </c>
      <c r="R37" s="315">
        <v>0</v>
      </c>
      <c r="S37" s="315">
        <v>0</v>
      </c>
      <c r="T37" s="315">
        <v>0</v>
      </c>
      <c r="U37" s="315">
        <v>0</v>
      </c>
      <c r="V37" s="312">
        <v>0</v>
      </c>
      <c r="W37" s="317">
        <v>0</v>
      </c>
    </row>
    <row r="38" spans="1:23" ht="21" customHeight="1" x14ac:dyDescent="0.2">
      <c r="A38" s="291" t="s">
        <v>36</v>
      </c>
      <c r="B38" s="315">
        <v>0</v>
      </c>
      <c r="C38" s="315">
        <v>0</v>
      </c>
      <c r="D38" s="312">
        <v>0</v>
      </c>
      <c r="E38" s="314">
        <v>0</v>
      </c>
      <c r="F38" s="315">
        <v>20</v>
      </c>
      <c r="G38" s="315">
        <v>4</v>
      </c>
      <c r="H38" s="315">
        <v>0</v>
      </c>
      <c r="I38" s="315">
        <v>0</v>
      </c>
      <c r="J38" s="315">
        <v>19</v>
      </c>
      <c r="K38" s="312">
        <v>43</v>
      </c>
      <c r="L38" s="317">
        <v>43</v>
      </c>
      <c r="M38" s="315">
        <v>0</v>
      </c>
      <c r="N38" s="315">
        <v>0</v>
      </c>
      <c r="O38" s="312">
        <v>0</v>
      </c>
      <c r="P38" s="314">
        <v>0</v>
      </c>
      <c r="Q38" s="315">
        <v>0</v>
      </c>
      <c r="R38" s="315">
        <v>0</v>
      </c>
      <c r="S38" s="315">
        <v>0</v>
      </c>
      <c r="T38" s="315">
        <v>0</v>
      </c>
      <c r="U38" s="315">
        <v>0</v>
      </c>
      <c r="V38" s="312">
        <v>0</v>
      </c>
      <c r="W38" s="317">
        <v>0</v>
      </c>
    </row>
    <row r="39" spans="1:23" ht="21" customHeight="1" thickBot="1" x14ac:dyDescent="0.25">
      <c r="A39" s="292" t="s">
        <v>37</v>
      </c>
      <c r="B39" s="322">
        <v>0</v>
      </c>
      <c r="C39" s="322">
        <v>0</v>
      </c>
      <c r="D39" s="319">
        <v>0</v>
      </c>
      <c r="E39" s="321">
        <v>0</v>
      </c>
      <c r="F39" s="322">
        <v>0</v>
      </c>
      <c r="G39" s="322">
        <v>0</v>
      </c>
      <c r="H39" s="322">
        <v>0</v>
      </c>
      <c r="I39" s="322">
        <v>0</v>
      </c>
      <c r="J39" s="322">
        <v>0</v>
      </c>
      <c r="K39" s="319">
        <v>0</v>
      </c>
      <c r="L39" s="324">
        <v>0</v>
      </c>
      <c r="M39" s="322">
        <v>0</v>
      </c>
      <c r="N39" s="322">
        <v>0</v>
      </c>
      <c r="O39" s="319">
        <v>0</v>
      </c>
      <c r="P39" s="321">
        <v>0</v>
      </c>
      <c r="Q39" s="322">
        <v>0</v>
      </c>
      <c r="R39" s="322">
        <v>0</v>
      </c>
      <c r="S39" s="322">
        <v>0</v>
      </c>
      <c r="T39" s="322">
        <v>0</v>
      </c>
      <c r="U39" s="322">
        <v>0</v>
      </c>
      <c r="V39" s="319">
        <v>0</v>
      </c>
      <c r="W39" s="324">
        <v>0</v>
      </c>
    </row>
  </sheetData>
  <mergeCells count="11">
    <mergeCell ref="M3:W3"/>
    <mergeCell ref="M4:O4"/>
    <mergeCell ref="P4:V4"/>
    <mergeCell ref="W4:W5"/>
    <mergeCell ref="G1:H1"/>
    <mergeCell ref="J1:K1"/>
    <mergeCell ref="A3:A5"/>
    <mergeCell ref="B3:L3"/>
    <mergeCell ref="B4:D4"/>
    <mergeCell ref="E4:K4"/>
    <mergeCell ref="L4:L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W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0"/>
    <col min="4" max="4" width="10" style="290" customWidth="1"/>
    <col min="5" max="5" width="7.77734375" style="290" customWidth="1"/>
    <col min="6" max="6" width="10.77734375" style="290" customWidth="1"/>
    <col min="7" max="15" width="9" style="290"/>
    <col min="16" max="16" width="7.6640625" style="290" customWidth="1"/>
    <col min="17" max="16384" width="9" style="290"/>
  </cols>
  <sheetData>
    <row r="1" spans="1:23" ht="17.25" customHeight="1" x14ac:dyDescent="0.2">
      <c r="A1" s="325" t="s">
        <v>125</v>
      </c>
      <c r="G1" s="545">
        <f>第１表!F2</f>
        <v>4</v>
      </c>
      <c r="H1" s="545"/>
      <c r="I1" s="282">
        <f>第１表!G2</f>
        <v>4</v>
      </c>
      <c r="J1" s="549">
        <f>IF(I1&lt;3,I1+12-2,I1-2)</f>
        <v>2</v>
      </c>
      <c r="K1" s="549"/>
    </row>
    <row r="2" spans="1:23" ht="21" customHeight="1" thickBot="1" x14ac:dyDescent="0.25">
      <c r="A2" s="325" t="s">
        <v>155</v>
      </c>
    </row>
    <row r="3" spans="1:23" ht="18.75" customHeight="1" x14ac:dyDescent="0.2">
      <c r="A3" s="561"/>
      <c r="B3" s="557" t="s">
        <v>142</v>
      </c>
      <c r="C3" s="557"/>
      <c r="D3" s="557"/>
      <c r="E3" s="557"/>
      <c r="F3" s="557"/>
      <c r="G3" s="557"/>
      <c r="H3" s="557"/>
      <c r="I3" s="557"/>
      <c r="J3" s="557"/>
      <c r="K3" s="557"/>
      <c r="L3" s="587"/>
      <c r="M3" s="557" t="s">
        <v>113</v>
      </c>
      <c r="N3" s="557"/>
      <c r="O3" s="557"/>
      <c r="P3" s="557"/>
      <c r="Q3" s="557"/>
      <c r="R3" s="557"/>
      <c r="S3" s="557"/>
      <c r="T3" s="557"/>
      <c r="U3" s="557"/>
      <c r="V3" s="557"/>
      <c r="W3" s="587"/>
    </row>
    <row r="4" spans="1:23" ht="18.75" customHeight="1" x14ac:dyDescent="0.2">
      <c r="A4" s="585"/>
      <c r="B4" s="588" t="s">
        <v>61</v>
      </c>
      <c r="C4" s="588"/>
      <c r="D4" s="589"/>
      <c r="E4" s="590" t="s">
        <v>62</v>
      </c>
      <c r="F4" s="588"/>
      <c r="G4" s="588"/>
      <c r="H4" s="588"/>
      <c r="I4" s="588"/>
      <c r="J4" s="588"/>
      <c r="K4" s="591"/>
      <c r="L4" s="592" t="s">
        <v>52</v>
      </c>
      <c r="M4" s="588" t="s">
        <v>61</v>
      </c>
      <c r="N4" s="588"/>
      <c r="O4" s="589"/>
      <c r="P4" s="590" t="s">
        <v>62</v>
      </c>
      <c r="Q4" s="588"/>
      <c r="R4" s="588"/>
      <c r="S4" s="588"/>
      <c r="T4" s="588"/>
      <c r="U4" s="588"/>
      <c r="V4" s="591"/>
      <c r="W4" s="592" t="s">
        <v>52</v>
      </c>
    </row>
    <row r="5" spans="1:23" ht="27" thickBot="1" x14ac:dyDescent="0.25">
      <c r="A5" s="586"/>
      <c r="B5" s="294" t="s">
        <v>43</v>
      </c>
      <c r="C5" s="294" t="s">
        <v>44</v>
      </c>
      <c r="D5" s="300" t="s">
        <v>45</v>
      </c>
      <c r="E5" s="302" t="s">
        <v>83</v>
      </c>
      <c r="F5" s="294" t="s">
        <v>47</v>
      </c>
      <c r="G5" s="294" t="s">
        <v>48</v>
      </c>
      <c r="H5" s="294" t="s">
        <v>49</v>
      </c>
      <c r="I5" s="294" t="s">
        <v>50</v>
      </c>
      <c r="J5" s="294" t="s">
        <v>51</v>
      </c>
      <c r="K5" s="300" t="s">
        <v>45</v>
      </c>
      <c r="L5" s="560"/>
      <c r="M5" s="294" t="s">
        <v>43</v>
      </c>
      <c r="N5" s="294" t="s">
        <v>44</v>
      </c>
      <c r="O5" s="300" t="s">
        <v>45</v>
      </c>
      <c r="P5" s="302" t="s">
        <v>83</v>
      </c>
      <c r="Q5" s="294" t="s">
        <v>47</v>
      </c>
      <c r="R5" s="294" t="s">
        <v>48</v>
      </c>
      <c r="S5" s="294" t="s">
        <v>49</v>
      </c>
      <c r="T5" s="294" t="s">
        <v>50</v>
      </c>
      <c r="U5" s="294" t="s">
        <v>51</v>
      </c>
      <c r="V5" s="300" t="s">
        <v>45</v>
      </c>
      <c r="W5" s="560"/>
    </row>
    <row r="6" spans="1:23" ht="21" customHeight="1" x14ac:dyDescent="0.2">
      <c r="A6" s="293" t="s">
        <v>4</v>
      </c>
      <c r="B6" s="308">
        <v>0</v>
      </c>
      <c r="C6" s="308">
        <v>0</v>
      </c>
      <c r="D6" s="305">
        <v>0</v>
      </c>
      <c r="E6" s="307">
        <v>0</v>
      </c>
      <c r="F6" s="308">
        <v>4603</v>
      </c>
      <c r="G6" s="308">
        <v>3827</v>
      </c>
      <c r="H6" s="308">
        <v>2244</v>
      </c>
      <c r="I6" s="308">
        <v>1085</v>
      </c>
      <c r="J6" s="308">
        <v>328</v>
      </c>
      <c r="K6" s="305">
        <v>12087</v>
      </c>
      <c r="L6" s="310">
        <v>12087</v>
      </c>
      <c r="M6" s="308">
        <v>0</v>
      </c>
      <c r="N6" s="308">
        <v>0</v>
      </c>
      <c r="O6" s="305">
        <v>0</v>
      </c>
      <c r="P6" s="307">
        <v>0</v>
      </c>
      <c r="Q6" s="308">
        <v>255</v>
      </c>
      <c r="R6" s="308">
        <v>573</v>
      </c>
      <c r="S6" s="308">
        <v>545</v>
      </c>
      <c r="T6" s="308">
        <v>169</v>
      </c>
      <c r="U6" s="308">
        <v>298</v>
      </c>
      <c r="V6" s="305">
        <v>1840</v>
      </c>
      <c r="W6" s="310">
        <v>1840</v>
      </c>
    </row>
    <row r="7" spans="1:23" ht="21" customHeight="1" x14ac:dyDescent="0.2">
      <c r="A7" s="291" t="s">
        <v>5</v>
      </c>
      <c r="B7" s="315">
        <v>0</v>
      </c>
      <c r="C7" s="315">
        <v>0</v>
      </c>
      <c r="D7" s="312">
        <v>0</v>
      </c>
      <c r="E7" s="314">
        <v>0</v>
      </c>
      <c r="F7" s="315">
        <v>1727</v>
      </c>
      <c r="G7" s="315">
        <v>1899</v>
      </c>
      <c r="H7" s="315">
        <v>878</v>
      </c>
      <c r="I7" s="315">
        <v>499</v>
      </c>
      <c r="J7" s="315">
        <v>157</v>
      </c>
      <c r="K7" s="312">
        <v>5160</v>
      </c>
      <c r="L7" s="317">
        <v>5160</v>
      </c>
      <c r="M7" s="315">
        <v>0</v>
      </c>
      <c r="N7" s="315">
        <v>0</v>
      </c>
      <c r="O7" s="312">
        <v>0</v>
      </c>
      <c r="P7" s="314">
        <v>0</v>
      </c>
      <c r="Q7" s="315">
        <v>131</v>
      </c>
      <c r="R7" s="315">
        <v>346</v>
      </c>
      <c r="S7" s="315">
        <v>267</v>
      </c>
      <c r="T7" s="315">
        <v>100</v>
      </c>
      <c r="U7" s="315">
        <v>219</v>
      </c>
      <c r="V7" s="312">
        <v>1063</v>
      </c>
      <c r="W7" s="317">
        <v>1063</v>
      </c>
    </row>
    <row r="8" spans="1:23" ht="21" customHeight="1" x14ac:dyDescent="0.2">
      <c r="A8" s="291" t="s">
        <v>6</v>
      </c>
      <c r="B8" s="315">
        <v>0</v>
      </c>
      <c r="C8" s="315">
        <v>0</v>
      </c>
      <c r="D8" s="312">
        <v>0</v>
      </c>
      <c r="E8" s="314">
        <v>0</v>
      </c>
      <c r="F8" s="315">
        <v>819</v>
      </c>
      <c r="G8" s="315">
        <v>452</v>
      </c>
      <c r="H8" s="315">
        <v>328</v>
      </c>
      <c r="I8" s="315">
        <v>141</v>
      </c>
      <c r="J8" s="315">
        <v>74</v>
      </c>
      <c r="K8" s="312">
        <v>1814</v>
      </c>
      <c r="L8" s="317">
        <v>1814</v>
      </c>
      <c r="M8" s="315">
        <v>0</v>
      </c>
      <c r="N8" s="315">
        <v>0</v>
      </c>
      <c r="O8" s="312">
        <v>0</v>
      </c>
      <c r="P8" s="314">
        <v>0</v>
      </c>
      <c r="Q8" s="315">
        <v>40</v>
      </c>
      <c r="R8" s="315">
        <v>107</v>
      </c>
      <c r="S8" s="315">
        <v>143</v>
      </c>
      <c r="T8" s="315">
        <v>35</v>
      </c>
      <c r="U8" s="315">
        <v>12</v>
      </c>
      <c r="V8" s="312">
        <v>337</v>
      </c>
      <c r="W8" s="317">
        <v>337</v>
      </c>
    </row>
    <row r="9" spans="1:23" ht="21" customHeight="1" x14ac:dyDescent="0.2">
      <c r="A9" s="291" t="s">
        <v>14</v>
      </c>
      <c r="B9" s="315">
        <v>0</v>
      </c>
      <c r="C9" s="315">
        <v>0</v>
      </c>
      <c r="D9" s="312">
        <v>0</v>
      </c>
      <c r="E9" s="314">
        <v>0</v>
      </c>
      <c r="F9" s="315">
        <v>321</v>
      </c>
      <c r="G9" s="315">
        <v>265</v>
      </c>
      <c r="H9" s="315">
        <v>183</v>
      </c>
      <c r="I9" s="315">
        <v>43</v>
      </c>
      <c r="J9" s="315">
        <v>2</v>
      </c>
      <c r="K9" s="312">
        <v>814</v>
      </c>
      <c r="L9" s="317">
        <v>814</v>
      </c>
      <c r="M9" s="315">
        <v>0</v>
      </c>
      <c r="N9" s="315">
        <v>0</v>
      </c>
      <c r="O9" s="312">
        <v>0</v>
      </c>
      <c r="P9" s="314">
        <v>0</v>
      </c>
      <c r="Q9" s="315">
        <v>8</v>
      </c>
      <c r="R9" s="315">
        <v>5</v>
      </c>
      <c r="S9" s="315">
        <v>1</v>
      </c>
      <c r="T9" s="315">
        <v>0</v>
      </c>
      <c r="U9" s="315">
        <v>7</v>
      </c>
      <c r="V9" s="312">
        <v>21</v>
      </c>
      <c r="W9" s="317">
        <v>21</v>
      </c>
    </row>
    <row r="10" spans="1:23" ht="21" customHeight="1" x14ac:dyDescent="0.2">
      <c r="A10" s="291" t="s">
        <v>7</v>
      </c>
      <c r="B10" s="315">
        <v>0</v>
      </c>
      <c r="C10" s="315">
        <v>0</v>
      </c>
      <c r="D10" s="312">
        <v>0</v>
      </c>
      <c r="E10" s="314">
        <v>0</v>
      </c>
      <c r="F10" s="315">
        <v>102</v>
      </c>
      <c r="G10" s="315">
        <v>86</v>
      </c>
      <c r="H10" s="315">
        <v>125</v>
      </c>
      <c r="I10" s="315">
        <v>63</v>
      </c>
      <c r="J10" s="315">
        <v>12</v>
      </c>
      <c r="K10" s="312">
        <v>388</v>
      </c>
      <c r="L10" s="317">
        <v>388</v>
      </c>
      <c r="M10" s="315">
        <v>0</v>
      </c>
      <c r="N10" s="315">
        <v>0</v>
      </c>
      <c r="O10" s="312">
        <v>0</v>
      </c>
      <c r="P10" s="314">
        <v>0</v>
      </c>
      <c r="Q10" s="315">
        <v>39</v>
      </c>
      <c r="R10" s="315">
        <v>28</v>
      </c>
      <c r="S10" s="315">
        <v>23</v>
      </c>
      <c r="T10" s="315">
        <v>18</v>
      </c>
      <c r="U10" s="315">
        <v>0</v>
      </c>
      <c r="V10" s="312">
        <v>108</v>
      </c>
      <c r="W10" s="317">
        <v>108</v>
      </c>
    </row>
    <row r="11" spans="1:23" ht="21" customHeight="1" x14ac:dyDescent="0.2">
      <c r="A11" s="291" t="s">
        <v>8</v>
      </c>
      <c r="B11" s="315">
        <v>0</v>
      </c>
      <c r="C11" s="315">
        <v>0</v>
      </c>
      <c r="D11" s="312">
        <v>0</v>
      </c>
      <c r="E11" s="314">
        <v>0</v>
      </c>
      <c r="F11" s="315">
        <v>163</v>
      </c>
      <c r="G11" s="315">
        <v>134</v>
      </c>
      <c r="H11" s="315">
        <v>88</v>
      </c>
      <c r="I11" s="315">
        <v>39</v>
      </c>
      <c r="J11" s="315">
        <v>4</v>
      </c>
      <c r="K11" s="312">
        <v>428</v>
      </c>
      <c r="L11" s="317">
        <v>428</v>
      </c>
      <c r="M11" s="315">
        <v>0</v>
      </c>
      <c r="N11" s="315">
        <v>0</v>
      </c>
      <c r="O11" s="312">
        <v>0</v>
      </c>
      <c r="P11" s="314">
        <v>0</v>
      </c>
      <c r="Q11" s="315">
        <v>0</v>
      </c>
      <c r="R11" s="315">
        <v>24</v>
      </c>
      <c r="S11" s="315">
        <v>0</v>
      </c>
      <c r="T11" s="315">
        <v>0</v>
      </c>
      <c r="U11" s="315">
        <v>0</v>
      </c>
      <c r="V11" s="312">
        <v>24</v>
      </c>
      <c r="W11" s="317">
        <v>24</v>
      </c>
    </row>
    <row r="12" spans="1:23" ht="21" customHeight="1" x14ac:dyDescent="0.2">
      <c r="A12" s="291" t="s">
        <v>9</v>
      </c>
      <c r="B12" s="315">
        <v>0</v>
      </c>
      <c r="C12" s="315">
        <v>0</v>
      </c>
      <c r="D12" s="312">
        <v>0</v>
      </c>
      <c r="E12" s="314">
        <v>0</v>
      </c>
      <c r="F12" s="315">
        <v>206</v>
      </c>
      <c r="G12" s="315">
        <v>237</v>
      </c>
      <c r="H12" s="315">
        <v>130</v>
      </c>
      <c r="I12" s="315">
        <v>83</v>
      </c>
      <c r="J12" s="315">
        <v>5</v>
      </c>
      <c r="K12" s="312">
        <v>661</v>
      </c>
      <c r="L12" s="317">
        <v>661</v>
      </c>
      <c r="M12" s="315">
        <v>0</v>
      </c>
      <c r="N12" s="315">
        <v>0</v>
      </c>
      <c r="O12" s="312">
        <v>0</v>
      </c>
      <c r="P12" s="314">
        <v>0</v>
      </c>
      <c r="Q12" s="315">
        <v>12</v>
      </c>
      <c r="R12" s="315">
        <v>0</v>
      </c>
      <c r="S12" s="315">
        <v>21</v>
      </c>
      <c r="T12" s="315">
        <v>0</v>
      </c>
      <c r="U12" s="315">
        <v>7</v>
      </c>
      <c r="V12" s="312">
        <v>40</v>
      </c>
      <c r="W12" s="317">
        <v>40</v>
      </c>
    </row>
    <row r="13" spans="1:23" ht="21" customHeight="1" x14ac:dyDescent="0.2">
      <c r="A13" s="291" t="s">
        <v>10</v>
      </c>
      <c r="B13" s="315">
        <v>0</v>
      </c>
      <c r="C13" s="315">
        <v>0</v>
      </c>
      <c r="D13" s="312">
        <v>0</v>
      </c>
      <c r="E13" s="314">
        <v>0</v>
      </c>
      <c r="F13" s="315">
        <v>279</v>
      </c>
      <c r="G13" s="315">
        <v>74</v>
      </c>
      <c r="H13" s="315">
        <v>68</v>
      </c>
      <c r="I13" s="315">
        <v>36</v>
      </c>
      <c r="J13" s="315">
        <v>3</v>
      </c>
      <c r="K13" s="312">
        <v>460</v>
      </c>
      <c r="L13" s="317">
        <v>460</v>
      </c>
      <c r="M13" s="315">
        <v>0</v>
      </c>
      <c r="N13" s="315">
        <v>0</v>
      </c>
      <c r="O13" s="312">
        <v>0</v>
      </c>
      <c r="P13" s="314">
        <v>0</v>
      </c>
      <c r="Q13" s="315">
        <v>11</v>
      </c>
      <c r="R13" s="315">
        <v>19</v>
      </c>
      <c r="S13" s="315">
        <v>9</v>
      </c>
      <c r="T13" s="315">
        <v>8</v>
      </c>
      <c r="U13" s="315">
        <v>4</v>
      </c>
      <c r="V13" s="312">
        <v>51</v>
      </c>
      <c r="W13" s="317">
        <v>51</v>
      </c>
    </row>
    <row r="14" spans="1:23" ht="21" customHeight="1" x14ac:dyDescent="0.2">
      <c r="A14" s="291" t="s">
        <v>11</v>
      </c>
      <c r="B14" s="315">
        <v>0</v>
      </c>
      <c r="C14" s="315">
        <v>0</v>
      </c>
      <c r="D14" s="312">
        <v>0</v>
      </c>
      <c r="E14" s="314">
        <v>0</v>
      </c>
      <c r="F14" s="315">
        <v>98</v>
      </c>
      <c r="G14" s="315">
        <v>31</v>
      </c>
      <c r="H14" s="315">
        <v>62</v>
      </c>
      <c r="I14" s="315">
        <v>23</v>
      </c>
      <c r="J14" s="315">
        <v>5</v>
      </c>
      <c r="K14" s="312">
        <v>219</v>
      </c>
      <c r="L14" s="317">
        <v>219</v>
      </c>
      <c r="M14" s="315">
        <v>0</v>
      </c>
      <c r="N14" s="315">
        <v>0</v>
      </c>
      <c r="O14" s="312">
        <v>0</v>
      </c>
      <c r="P14" s="314">
        <v>0</v>
      </c>
      <c r="Q14" s="315">
        <v>0</v>
      </c>
      <c r="R14" s="315">
        <v>0</v>
      </c>
      <c r="S14" s="315">
        <v>0</v>
      </c>
      <c r="T14" s="315">
        <v>0</v>
      </c>
      <c r="U14" s="315">
        <v>12</v>
      </c>
      <c r="V14" s="312">
        <v>12</v>
      </c>
      <c r="W14" s="317">
        <v>12</v>
      </c>
    </row>
    <row r="15" spans="1:23" ht="21" customHeight="1" x14ac:dyDescent="0.2">
      <c r="A15" s="291" t="s">
        <v>12</v>
      </c>
      <c r="B15" s="315">
        <v>0</v>
      </c>
      <c r="C15" s="315">
        <v>0</v>
      </c>
      <c r="D15" s="312">
        <v>0</v>
      </c>
      <c r="E15" s="314">
        <v>0</v>
      </c>
      <c r="F15" s="315">
        <v>124</v>
      </c>
      <c r="G15" s="315">
        <v>80</v>
      </c>
      <c r="H15" s="315">
        <v>74</v>
      </c>
      <c r="I15" s="315">
        <v>24</v>
      </c>
      <c r="J15" s="315">
        <v>0</v>
      </c>
      <c r="K15" s="312">
        <v>302</v>
      </c>
      <c r="L15" s="317">
        <v>302</v>
      </c>
      <c r="M15" s="315">
        <v>0</v>
      </c>
      <c r="N15" s="315">
        <v>0</v>
      </c>
      <c r="O15" s="312">
        <v>0</v>
      </c>
      <c r="P15" s="314">
        <v>0</v>
      </c>
      <c r="Q15" s="315">
        <v>0</v>
      </c>
      <c r="R15" s="315">
        <v>4</v>
      </c>
      <c r="S15" s="315">
        <v>0</v>
      </c>
      <c r="T15" s="315">
        <v>0</v>
      </c>
      <c r="U15" s="315">
        <v>0</v>
      </c>
      <c r="V15" s="312">
        <v>4</v>
      </c>
      <c r="W15" s="317">
        <v>4</v>
      </c>
    </row>
    <row r="16" spans="1:23" ht="21" customHeight="1" x14ac:dyDescent="0.2">
      <c r="A16" s="291" t="s">
        <v>13</v>
      </c>
      <c r="B16" s="315">
        <v>0</v>
      </c>
      <c r="C16" s="315">
        <v>0</v>
      </c>
      <c r="D16" s="312">
        <v>0</v>
      </c>
      <c r="E16" s="314">
        <v>0</v>
      </c>
      <c r="F16" s="315">
        <v>47</v>
      </c>
      <c r="G16" s="315">
        <v>40</v>
      </c>
      <c r="H16" s="315">
        <v>38</v>
      </c>
      <c r="I16" s="315">
        <v>17</v>
      </c>
      <c r="J16" s="315">
        <v>0</v>
      </c>
      <c r="K16" s="312">
        <v>142</v>
      </c>
      <c r="L16" s="317">
        <v>142</v>
      </c>
      <c r="M16" s="315">
        <v>0</v>
      </c>
      <c r="N16" s="315">
        <v>0</v>
      </c>
      <c r="O16" s="312">
        <v>0</v>
      </c>
      <c r="P16" s="314">
        <v>0</v>
      </c>
      <c r="Q16" s="315">
        <v>0</v>
      </c>
      <c r="R16" s="315">
        <v>0</v>
      </c>
      <c r="S16" s="315">
        <v>0</v>
      </c>
      <c r="T16" s="315">
        <v>0</v>
      </c>
      <c r="U16" s="315">
        <v>0</v>
      </c>
      <c r="V16" s="312">
        <v>0</v>
      </c>
      <c r="W16" s="317">
        <v>0</v>
      </c>
    </row>
    <row r="17" spans="1:23" ht="21" customHeight="1" x14ac:dyDescent="0.2">
      <c r="A17" s="291" t="s">
        <v>15</v>
      </c>
      <c r="B17" s="315">
        <v>0</v>
      </c>
      <c r="C17" s="315">
        <v>0</v>
      </c>
      <c r="D17" s="312">
        <v>0</v>
      </c>
      <c r="E17" s="314">
        <v>0</v>
      </c>
      <c r="F17" s="315">
        <v>44</v>
      </c>
      <c r="G17" s="315">
        <v>42</v>
      </c>
      <c r="H17" s="315">
        <v>8</v>
      </c>
      <c r="I17" s="315">
        <v>28</v>
      </c>
      <c r="J17" s="315">
        <v>4</v>
      </c>
      <c r="K17" s="312">
        <v>126</v>
      </c>
      <c r="L17" s="317">
        <v>126</v>
      </c>
      <c r="M17" s="315">
        <v>0</v>
      </c>
      <c r="N17" s="315">
        <v>0</v>
      </c>
      <c r="O17" s="312">
        <v>0</v>
      </c>
      <c r="P17" s="314">
        <v>0</v>
      </c>
      <c r="Q17" s="315">
        <v>0</v>
      </c>
      <c r="R17" s="315">
        <v>0</v>
      </c>
      <c r="S17" s="315">
        <v>0</v>
      </c>
      <c r="T17" s="315">
        <v>0</v>
      </c>
      <c r="U17" s="315">
        <v>0</v>
      </c>
      <c r="V17" s="312">
        <v>0</v>
      </c>
      <c r="W17" s="317">
        <v>0</v>
      </c>
    </row>
    <row r="18" spans="1:23" ht="21" customHeight="1" x14ac:dyDescent="0.2">
      <c r="A18" s="291" t="s">
        <v>16</v>
      </c>
      <c r="B18" s="315">
        <v>0</v>
      </c>
      <c r="C18" s="315">
        <v>0</v>
      </c>
      <c r="D18" s="312">
        <v>0</v>
      </c>
      <c r="E18" s="314">
        <v>0</v>
      </c>
      <c r="F18" s="315">
        <v>47</v>
      </c>
      <c r="G18" s="315">
        <v>41</v>
      </c>
      <c r="H18" s="315">
        <v>51</v>
      </c>
      <c r="I18" s="315">
        <v>0</v>
      </c>
      <c r="J18" s="315">
        <v>18</v>
      </c>
      <c r="K18" s="312">
        <v>157</v>
      </c>
      <c r="L18" s="317">
        <v>157</v>
      </c>
      <c r="M18" s="315">
        <v>0</v>
      </c>
      <c r="N18" s="315">
        <v>0</v>
      </c>
      <c r="O18" s="312">
        <v>0</v>
      </c>
      <c r="P18" s="314">
        <v>0</v>
      </c>
      <c r="Q18" s="315">
        <v>0</v>
      </c>
      <c r="R18" s="315">
        <v>14</v>
      </c>
      <c r="S18" s="315">
        <v>16</v>
      </c>
      <c r="T18" s="315">
        <v>0</v>
      </c>
      <c r="U18" s="315">
        <v>17</v>
      </c>
      <c r="V18" s="312">
        <v>47</v>
      </c>
      <c r="W18" s="317">
        <v>47</v>
      </c>
    </row>
    <row r="19" spans="1:23" ht="21" customHeight="1" x14ac:dyDescent="0.2">
      <c r="A19" s="291" t="s">
        <v>17</v>
      </c>
      <c r="B19" s="315">
        <v>0</v>
      </c>
      <c r="C19" s="315">
        <v>0</v>
      </c>
      <c r="D19" s="312">
        <v>0</v>
      </c>
      <c r="E19" s="314">
        <v>0</v>
      </c>
      <c r="F19" s="315">
        <v>69</v>
      </c>
      <c r="G19" s="315">
        <v>122</v>
      </c>
      <c r="H19" s="315">
        <v>48</v>
      </c>
      <c r="I19" s="315">
        <v>37</v>
      </c>
      <c r="J19" s="315">
        <v>5</v>
      </c>
      <c r="K19" s="312">
        <v>281</v>
      </c>
      <c r="L19" s="317">
        <v>281</v>
      </c>
      <c r="M19" s="315">
        <v>0</v>
      </c>
      <c r="N19" s="315">
        <v>0</v>
      </c>
      <c r="O19" s="312">
        <v>0</v>
      </c>
      <c r="P19" s="314">
        <v>0</v>
      </c>
      <c r="Q19" s="315">
        <v>3</v>
      </c>
      <c r="R19" s="315">
        <v>0</v>
      </c>
      <c r="S19" s="315">
        <v>0</v>
      </c>
      <c r="T19" s="315">
        <v>0</v>
      </c>
      <c r="U19" s="315">
        <v>0</v>
      </c>
      <c r="V19" s="312">
        <v>3</v>
      </c>
      <c r="W19" s="317">
        <v>3</v>
      </c>
    </row>
    <row r="20" spans="1:23" ht="21" customHeight="1" x14ac:dyDescent="0.2">
      <c r="A20" s="291" t="s">
        <v>18</v>
      </c>
      <c r="B20" s="315">
        <v>0</v>
      </c>
      <c r="C20" s="315">
        <v>0</v>
      </c>
      <c r="D20" s="312">
        <v>0</v>
      </c>
      <c r="E20" s="314">
        <v>0</v>
      </c>
      <c r="F20" s="315">
        <v>181</v>
      </c>
      <c r="G20" s="315">
        <v>115</v>
      </c>
      <c r="H20" s="315">
        <v>45</v>
      </c>
      <c r="I20" s="315">
        <v>0</v>
      </c>
      <c r="J20" s="315">
        <v>0</v>
      </c>
      <c r="K20" s="312">
        <v>341</v>
      </c>
      <c r="L20" s="317">
        <v>341</v>
      </c>
      <c r="M20" s="315">
        <v>0</v>
      </c>
      <c r="N20" s="315">
        <v>0</v>
      </c>
      <c r="O20" s="312">
        <v>0</v>
      </c>
      <c r="P20" s="314">
        <v>0</v>
      </c>
      <c r="Q20" s="315">
        <v>0</v>
      </c>
      <c r="R20" s="315">
        <v>0</v>
      </c>
      <c r="S20" s="315">
        <v>27</v>
      </c>
      <c r="T20" s="315">
        <v>0</v>
      </c>
      <c r="U20" s="315">
        <v>0</v>
      </c>
      <c r="V20" s="312">
        <v>27</v>
      </c>
      <c r="W20" s="317">
        <v>27</v>
      </c>
    </row>
    <row r="21" spans="1:23" ht="21" customHeight="1" x14ac:dyDescent="0.2">
      <c r="A21" s="291" t="s">
        <v>19</v>
      </c>
      <c r="B21" s="315">
        <v>0</v>
      </c>
      <c r="C21" s="315">
        <v>0</v>
      </c>
      <c r="D21" s="312">
        <v>0</v>
      </c>
      <c r="E21" s="314">
        <v>0</v>
      </c>
      <c r="F21" s="315">
        <v>61</v>
      </c>
      <c r="G21" s="315">
        <v>23</v>
      </c>
      <c r="H21" s="315">
        <v>44</v>
      </c>
      <c r="I21" s="315">
        <v>20</v>
      </c>
      <c r="J21" s="315">
        <v>0</v>
      </c>
      <c r="K21" s="312">
        <v>148</v>
      </c>
      <c r="L21" s="317">
        <v>148</v>
      </c>
      <c r="M21" s="315">
        <v>0</v>
      </c>
      <c r="N21" s="315">
        <v>0</v>
      </c>
      <c r="O21" s="312">
        <v>0</v>
      </c>
      <c r="P21" s="314">
        <v>0</v>
      </c>
      <c r="Q21" s="315">
        <v>4</v>
      </c>
      <c r="R21" s="315">
        <v>18</v>
      </c>
      <c r="S21" s="315">
        <v>1</v>
      </c>
      <c r="T21" s="315">
        <v>0</v>
      </c>
      <c r="U21" s="315">
        <v>0</v>
      </c>
      <c r="V21" s="312">
        <v>23</v>
      </c>
      <c r="W21" s="317">
        <v>23</v>
      </c>
    </row>
    <row r="22" spans="1:23" ht="21" customHeight="1" x14ac:dyDescent="0.2">
      <c r="A22" s="291" t="s">
        <v>20</v>
      </c>
      <c r="B22" s="315">
        <v>0</v>
      </c>
      <c r="C22" s="315">
        <v>0</v>
      </c>
      <c r="D22" s="312">
        <v>0</v>
      </c>
      <c r="E22" s="314">
        <v>0</v>
      </c>
      <c r="F22" s="315">
        <v>39</v>
      </c>
      <c r="G22" s="315">
        <v>41</v>
      </c>
      <c r="H22" s="315">
        <v>0</v>
      </c>
      <c r="I22" s="315">
        <v>7</v>
      </c>
      <c r="J22" s="315">
        <v>0</v>
      </c>
      <c r="K22" s="312">
        <v>87</v>
      </c>
      <c r="L22" s="317">
        <v>87</v>
      </c>
      <c r="M22" s="315">
        <v>0</v>
      </c>
      <c r="N22" s="315">
        <v>0</v>
      </c>
      <c r="O22" s="312">
        <v>0</v>
      </c>
      <c r="P22" s="314">
        <v>0</v>
      </c>
      <c r="Q22" s="315">
        <v>0</v>
      </c>
      <c r="R22" s="315">
        <v>0</v>
      </c>
      <c r="S22" s="315">
        <v>0</v>
      </c>
      <c r="T22" s="315">
        <v>8</v>
      </c>
      <c r="U22" s="315">
        <v>0</v>
      </c>
      <c r="V22" s="312">
        <v>8</v>
      </c>
      <c r="W22" s="317">
        <v>8</v>
      </c>
    </row>
    <row r="23" spans="1:23" ht="21" customHeight="1" x14ac:dyDescent="0.2">
      <c r="A23" s="291" t="s">
        <v>21</v>
      </c>
      <c r="B23" s="315">
        <v>0</v>
      </c>
      <c r="C23" s="315">
        <v>0</v>
      </c>
      <c r="D23" s="312">
        <v>0</v>
      </c>
      <c r="E23" s="314">
        <v>0</v>
      </c>
      <c r="F23" s="315">
        <v>73</v>
      </c>
      <c r="G23" s="315">
        <v>22</v>
      </c>
      <c r="H23" s="315">
        <v>14</v>
      </c>
      <c r="I23" s="315">
        <v>2</v>
      </c>
      <c r="J23" s="315">
        <v>0</v>
      </c>
      <c r="K23" s="312">
        <v>111</v>
      </c>
      <c r="L23" s="317">
        <v>111</v>
      </c>
      <c r="M23" s="315">
        <v>0</v>
      </c>
      <c r="N23" s="315">
        <v>0</v>
      </c>
      <c r="O23" s="312">
        <v>0</v>
      </c>
      <c r="P23" s="314">
        <v>0</v>
      </c>
      <c r="Q23" s="315">
        <v>0</v>
      </c>
      <c r="R23" s="315">
        <v>0</v>
      </c>
      <c r="S23" s="315">
        <v>0</v>
      </c>
      <c r="T23" s="315">
        <v>0</v>
      </c>
      <c r="U23" s="315">
        <v>0</v>
      </c>
      <c r="V23" s="312">
        <v>0</v>
      </c>
      <c r="W23" s="317">
        <v>0</v>
      </c>
    </row>
    <row r="24" spans="1:23" ht="21" customHeight="1" x14ac:dyDescent="0.2">
      <c r="A24" s="291" t="s">
        <v>22</v>
      </c>
      <c r="B24" s="315">
        <v>0</v>
      </c>
      <c r="C24" s="315">
        <v>0</v>
      </c>
      <c r="D24" s="312">
        <v>0</v>
      </c>
      <c r="E24" s="314">
        <v>0</v>
      </c>
      <c r="F24" s="315">
        <v>50</v>
      </c>
      <c r="G24" s="315">
        <v>8</v>
      </c>
      <c r="H24" s="315">
        <v>0</v>
      </c>
      <c r="I24" s="315">
        <v>4</v>
      </c>
      <c r="J24" s="315">
        <v>0</v>
      </c>
      <c r="K24" s="312">
        <v>62</v>
      </c>
      <c r="L24" s="317">
        <v>62</v>
      </c>
      <c r="M24" s="315">
        <v>0</v>
      </c>
      <c r="N24" s="315">
        <v>0</v>
      </c>
      <c r="O24" s="312">
        <v>0</v>
      </c>
      <c r="P24" s="314">
        <v>0</v>
      </c>
      <c r="Q24" s="315">
        <v>0</v>
      </c>
      <c r="R24" s="315">
        <v>0</v>
      </c>
      <c r="S24" s="315">
        <v>8</v>
      </c>
      <c r="T24" s="315">
        <v>0</v>
      </c>
      <c r="U24" s="315">
        <v>0</v>
      </c>
      <c r="V24" s="312">
        <v>8</v>
      </c>
      <c r="W24" s="317">
        <v>8</v>
      </c>
    </row>
    <row r="25" spans="1:23" ht="21" customHeight="1" x14ac:dyDescent="0.2">
      <c r="A25" s="291" t="s">
        <v>23</v>
      </c>
      <c r="B25" s="315">
        <v>0</v>
      </c>
      <c r="C25" s="315">
        <v>0</v>
      </c>
      <c r="D25" s="312">
        <v>0</v>
      </c>
      <c r="E25" s="314">
        <v>0</v>
      </c>
      <c r="F25" s="315">
        <v>13</v>
      </c>
      <c r="G25" s="315">
        <v>23</v>
      </c>
      <c r="H25" s="315">
        <v>5</v>
      </c>
      <c r="I25" s="315">
        <v>0</v>
      </c>
      <c r="J25" s="315">
        <v>11</v>
      </c>
      <c r="K25" s="312">
        <v>52</v>
      </c>
      <c r="L25" s="317">
        <v>52</v>
      </c>
      <c r="M25" s="315">
        <v>0</v>
      </c>
      <c r="N25" s="315">
        <v>0</v>
      </c>
      <c r="O25" s="312">
        <v>0</v>
      </c>
      <c r="P25" s="314">
        <v>0</v>
      </c>
      <c r="Q25" s="315">
        <v>0</v>
      </c>
      <c r="R25" s="315">
        <v>0</v>
      </c>
      <c r="S25" s="315">
        <v>0</v>
      </c>
      <c r="T25" s="315">
        <v>0</v>
      </c>
      <c r="U25" s="315">
        <v>0</v>
      </c>
      <c r="V25" s="312">
        <v>0</v>
      </c>
      <c r="W25" s="317">
        <v>0</v>
      </c>
    </row>
    <row r="26" spans="1:23" ht="21" customHeight="1" x14ac:dyDescent="0.2">
      <c r="A26" s="291" t="s">
        <v>24</v>
      </c>
      <c r="B26" s="315">
        <v>0</v>
      </c>
      <c r="C26" s="315">
        <v>0</v>
      </c>
      <c r="D26" s="312">
        <v>0</v>
      </c>
      <c r="E26" s="314">
        <v>0</v>
      </c>
      <c r="F26" s="315">
        <v>10</v>
      </c>
      <c r="G26" s="315">
        <v>20</v>
      </c>
      <c r="H26" s="315">
        <v>5</v>
      </c>
      <c r="I26" s="315">
        <v>0</v>
      </c>
      <c r="J26" s="315">
        <v>0</v>
      </c>
      <c r="K26" s="312">
        <v>35</v>
      </c>
      <c r="L26" s="317">
        <v>35</v>
      </c>
      <c r="M26" s="315">
        <v>0</v>
      </c>
      <c r="N26" s="315">
        <v>0</v>
      </c>
      <c r="O26" s="312">
        <v>0</v>
      </c>
      <c r="P26" s="314">
        <v>0</v>
      </c>
      <c r="Q26" s="315">
        <v>0</v>
      </c>
      <c r="R26" s="315">
        <v>7</v>
      </c>
      <c r="S26" s="315">
        <v>0</v>
      </c>
      <c r="T26" s="315">
        <v>0</v>
      </c>
      <c r="U26" s="315">
        <v>20</v>
      </c>
      <c r="V26" s="312">
        <v>27</v>
      </c>
      <c r="W26" s="317">
        <v>27</v>
      </c>
    </row>
    <row r="27" spans="1:23" ht="21" customHeight="1" x14ac:dyDescent="0.2">
      <c r="A27" s="291" t="s">
        <v>25</v>
      </c>
      <c r="B27" s="315">
        <v>0</v>
      </c>
      <c r="C27" s="315">
        <v>0</v>
      </c>
      <c r="D27" s="312">
        <v>0</v>
      </c>
      <c r="E27" s="314">
        <v>0</v>
      </c>
      <c r="F27" s="315">
        <v>17</v>
      </c>
      <c r="G27" s="315">
        <v>0</v>
      </c>
      <c r="H27" s="315">
        <v>0</v>
      </c>
      <c r="I27" s="315">
        <v>0</v>
      </c>
      <c r="J27" s="315">
        <v>0</v>
      </c>
      <c r="K27" s="312">
        <v>17</v>
      </c>
      <c r="L27" s="317">
        <v>17</v>
      </c>
      <c r="M27" s="315">
        <v>0</v>
      </c>
      <c r="N27" s="315">
        <v>0</v>
      </c>
      <c r="O27" s="312">
        <v>0</v>
      </c>
      <c r="P27" s="314">
        <v>0</v>
      </c>
      <c r="Q27" s="315">
        <v>0</v>
      </c>
      <c r="R27" s="315">
        <v>0</v>
      </c>
      <c r="S27" s="315">
        <v>0</v>
      </c>
      <c r="T27" s="315">
        <v>0</v>
      </c>
      <c r="U27" s="315">
        <v>0</v>
      </c>
      <c r="V27" s="312">
        <v>0</v>
      </c>
      <c r="W27" s="317">
        <v>0</v>
      </c>
    </row>
    <row r="28" spans="1:23" ht="21" customHeight="1" x14ac:dyDescent="0.2">
      <c r="A28" s="291" t="s">
        <v>26</v>
      </c>
      <c r="B28" s="315">
        <v>0</v>
      </c>
      <c r="C28" s="315">
        <v>0</v>
      </c>
      <c r="D28" s="312">
        <v>0</v>
      </c>
      <c r="E28" s="314">
        <v>0</v>
      </c>
      <c r="F28" s="315">
        <v>19</v>
      </c>
      <c r="G28" s="315">
        <v>11</v>
      </c>
      <c r="H28" s="315">
        <v>27</v>
      </c>
      <c r="I28" s="315">
        <v>0</v>
      </c>
      <c r="J28" s="315">
        <v>16</v>
      </c>
      <c r="K28" s="312">
        <v>73</v>
      </c>
      <c r="L28" s="317">
        <v>73</v>
      </c>
      <c r="M28" s="315">
        <v>0</v>
      </c>
      <c r="N28" s="315">
        <v>0</v>
      </c>
      <c r="O28" s="312">
        <v>0</v>
      </c>
      <c r="P28" s="314">
        <v>0</v>
      </c>
      <c r="Q28" s="315">
        <v>0</v>
      </c>
      <c r="R28" s="315">
        <v>0</v>
      </c>
      <c r="S28" s="315">
        <v>22</v>
      </c>
      <c r="T28" s="315">
        <v>0</v>
      </c>
      <c r="U28" s="315">
        <v>0</v>
      </c>
      <c r="V28" s="312">
        <v>22</v>
      </c>
      <c r="W28" s="317">
        <v>22</v>
      </c>
    </row>
    <row r="29" spans="1:23" ht="21" customHeight="1" x14ac:dyDescent="0.2">
      <c r="A29" s="291" t="s">
        <v>27</v>
      </c>
      <c r="B29" s="315">
        <v>0</v>
      </c>
      <c r="C29" s="315">
        <v>0</v>
      </c>
      <c r="D29" s="312">
        <v>0</v>
      </c>
      <c r="E29" s="314">
        <v>0</v>
      </c>
      <c r="F29" s="315">
        <v>0</v>
      </c>
      <c r="G29" s="315">
        <v>0</v>
      </c>
      <c r="H29" s="315">
        <v>2</v>
      </c>
      <c r="I29" s="315">
        <v>0</v>
      </c>
      <c r="J29" s="315">
        <v>0</v>
      </c>
      <c r="K29" s="312">
        <v>2</v>
      </c>
      <c r="L29" s="317">
        <v>2</v>
      </c>
      <c r="M29" s="315">
        <v>0</v>
      </c>
      <c r="N29" s="315">
        <v>0</v>
      </c>
      <c r="O29" s="312">
        <v>0</v>
      </c>
      <c r="P29" s="314">
        <v>0</v>
      </c>
      <c r="Q29" s="315">
        <v>7</v>
      </c>
      <c r="R29" s="315">
        <v>0</v>
      </c>
      <c r="S29" s="315">
        <v>0</v>
      </c>
      <c r="T29" s="315">
        <v>0</v>
      </c>
      <c r="U29" s="315">
        <v>0</v>
      </c>
      <c r="V29" s="312">
        <v>7</v>
      </c>
      <c r="W29" s="317">
        <v>7</v>
      </c>
    </row>
    <row r="30" spans="1:23" ht="21" customHeight="1" x14ac:dyDescent="0.2">
      <c r="A30" s="291" t="s">
        <v>28</v>
      </c>
      <c r="B30" s="315">
        <v>0</v>
      </c>
      <c r="C30" s="315">
        <v>0</v>
      </c>
      <c r="D30" s="312">
        <v>0</v>
      </c>
      <c r="E30" s="314">
        <v>0</v>
      </c>
      <c r="F30" s="315">
        <v>42</v>
      </c>
      <c r="G30" s="315">
        <v>9</v>
      </c>
      <c r="H30" s="315">
        <v>0</v>
      </c>
      <c r="I30" s="315">
        <v>0</v>
      </c>
      <c r="J30" s="315">
        <v>0</v>
      </c>
      <c r="K30" s="312">
        <v>51</v>
      </c>
      <c r="L30" s="317">
        <v>51</v>
      </c>
      <c r="M30" s="315">
        <v>0</v>
      </c>
      <c r="N30" s="315">
        <v>0</v>
      </c>
      <c r="O30" s="312">
        <v>0</v>
      </c>
      <c r="P30" s="314">
        <v>0</v>
      </c>
      <c r="Q30" s="315">
        <v>0</v>
      </c>
      <c r="R30" s="315">
        <v>0</v>
      </c>
      <c r="S30" s="315">
        <v>0</v>
      </c>
      <c r="T30" s="315">
        <v>0</v>
      </c>
      <c r="U30" s="315">
        <v>0</v>
      </c>
      <c r="V30" s="312">
        <v>0</v>
      </c>
      <c r="W30" s="317">
        <v>0</v>
      </c>
    </row>
    <row r="31" spans="1:23" ht="21" customHeight="1" x14ac:dyDescent="0.2">
      <c r="A31" s="291" t="s">
        <v>29</v>
      </c>
      <c r="B31" s="315">
        <v>0</v>
      </c>
      <c r="C31" s="315">
        <v>0</v>
      </c>
      <c r="D31" s="312">
        <v>0</v>
      </c>
      <c r="E31" s="314">
        <v>0</v>
      </c>
      <c r="F31" s="315">
        <v>0</v>
      </c>
      <c r="G31" s="315">
        <v>4</v>
      </c>
      <c r="H31" s="315">
        <v>0</v>
      </c>
      <c r="I31" s="315">
        <v>0</v>
      </c>
      <c r="J31" s="315">
        <v>0</v>
      </c>
      <c r="K31" s="312">
        <v>4</v>
      </c>
      <c r="L31" s="317">
        <v>4</v>
      </c>
      <c r="M31" s="315">
        <v>0</v>
      </c>
      <c r="N31" s="315">
        <v>0</v>
      </c>
      <c r="O31" s="312">
        <v>0</v>
      </c>
      <c r="P31" s="314">
        <v>0</v>
      </c>
      <c r="Q31" s="315">
        <v>0</v>
      </c>
      <c r="R31" s="315">
        <v>0</v>
      </c>
      <c r="S31" s="315">
        <v>7</v>
      </c>
      <c r="T31" s="315">
        <v>0</v>
      </c>
      <c r="U31" s="315">
        <v>0</v>
      </c>
      <c r="V31" s="312">
        <v>7</v>
      </c>
      <c r="W31" s="317">
        <v>7</v>
      </c>
    </row>
    <row r="32" spans="1:23" ht="21" customHeight="1" x14ac:dyDescent="0.2">
      <c r="A32" s="291" t="s">
        <v>30</v>
      </c>
      <c r="B32" s="315">
        <v>0</v>
      </c>
      <c r="C32" s="315">
        <v>0</v>
      </c>
      <c r="D32" s="312">
        <v>0</v>
      </c>
      <c r="E32" s="314">
        <v>0</v>
      </c>
      <c r="F32" s="315">
        <v>13</v>
      </c>
      <c r="G32" s="315">
        <v>0</v>
      </c>
      <c r="H32" s="315">
        <v>0</v>
      </c>
      <c r="I32" s="315">
        <v>0</v>
      </c>
      <c r="J32" s="315">
        <v>0</v>
      </c>
      <c r="K32" s="312">
        <v>13</v>
      </c>
      <c r="L32" s="317">
        <v>13</v>
      </c>
      <c r="M32" s="315">
        <v>0</v>
      </c>
      <c r="N32" s="315">
        <v>0</v>
      </c>
      <c r="O32" s="312">
        <v>0</v>
      </c>
      <c r="P32" s="314">
        <v>0</v>
      </c>
      <c r="Q32" s="315">
        <v>0</v>
      </c>
      <c r="R32" s="315">
        <v>1</v>
      </c>
      <c r="S32" s="315">
        <v>0</v>
      </c>
      <c r="T32" s="315">
        <v>0</v>
      </c>
      <c r="U32" s="315">
        <v>0</v>
      </c>
      <c r="V32" s="312">
        <v>1</v>
      </c>
      <c r="W32" s="317">
        <v>1</v>
      </c>
    </row>
    <row r="33" spans="1:23" ht="21" customHeight="1" x14ac:dyDescent="0.2">
      <c r="A33" s="291" t="s">
        <v>31</v>
      </c>
      <c r="B33" s="315">
        <v>0</v>
      </c>
      <c r="C33" s="315">
        <v>0</v>
      </c>
      <c r="D33" s="312">
        <v>0</v>
      </c>
      <c r="E33" s="314">
        <v>0</v>
      </c>
      <c r="F33" s="315">
        <v>10</v>
      </c>
      <c r="G33" s="315">
        <v>8</v>
      </c>
      <c r="H33" s="315">
        <v>8</v>
      </c>
      <c r="I33" s="315">
        <v>0</v>
      </c>
      <c r="J33" s="315">
        <v>0</v>
      </c>
      <c r="K33" s="312">
        <v>26</v>
      </c>
      <c r="L33" s="317">
        <v>26</v>
      </c>
      <c r="M33" s="315">
        <v>0</v>
      </c>
      <c r="N33" s="315">
        <v>0</v>
      </c>
      <c r="O33" s="312">
        <v>0</v>
      </c>
      <c r="P33" s="314">
        <v>0</v>
      </c>
      <c r="Q33" s="315">
        <v>0</v>
      </c>
      <c r="R33" s="315">
        <v>0</v>
      </c>
      <c r="S33" s="315">
        <v>0</v>
      </c>
      <c r="T33" s="315">
        <v>0</v>
      </c>
      <c r="U33" s="315">
        <v>0</v>
      </c>
      <c r="V33" s="312">
        <v>0</v>
      </c>
      <c r="W33" s="317">
        <v>0</v>
      </c>
    </row>
    <row r="34" spans="1:23" ht="21" customHeight="1" x14ac:dyDescent="0.2">
      <c r="A34" s="291" t="s">
        <v>32</v>
      </c>
      <c r="B34" s="315">
        <v>0</v>
      </c>
      <c r="C34" s="315">
        <v>0</v>
      </c>
      <c r="D34" s="312">
        <v>0</v>
      </c>
      <c r="E34" s="314">
        <v>0</v>
      </c>
      <c r="F34" s="315">
        <v>12</v>
      </c>
      <c r="G34" s="315">
        <v>11</v>
      </c>
      <c r="H34" s="315">
        <v>4</v>
      </c>
      <c r="I34" s="315">
        <v>0</v>
      </c>
      <c r="J34" s="315">
        <v>0</v>
      </c>
      <c r="K34" s="312">
        <v>27</v>
      </c>
      <c r="L34" s="317">
        <v>27</v>
      </c>
      <c r="M34" s="315">
        <v>0</v>
      </c>
      <c r="N34" s="315">
        <v>0</v>
      </c>
      <c r="O34" s="312">
        <v>0</v>
      </c>
      <c r="P34" s="314">
        <v>0</v>
      </c>
      <c r="Q34" s="315">
        <v>0</v>
      </c>
      <c r="R34" s="315">
        <v>0</v>
      </c>
      <c r="S34" s="315">
        <v>0</v>
      </c>
      <c r="T34" s="315">
        <v>0</v>
      </c>
      <c r="U34" s="315">
        <v>0</v>
      </c>
      <c r="V34" s="312">
        <v>0</v>
      </c>
      <c r="W34" s="317">
        <v>0</v>
      </c>
    </row>
    <row r="35" spans="1:23" ht="21" customHeight="1" x14ac:dyDescent="0.2">
      <c r="A35" s="291" t="s">
        <v>33</v>
      </c>
      <c r="B35" s="315">
        <v>0</v>
      </c>
      <c r="C35" s="315">
        <v>0</v>
      </c>
      <c r="D35" s="312">
        <v>0</v>
      </c>
      <c r="E35" s="314">
        <v>0</v>
      </c>
      <c r="F35" s="315">
        <v>9</v>
      </c>
      <c r="G35" s="315">
        <v>0</v>
      </c>
      <c r="H35" s="315">
        <v>9</v>
      </c>
      <c r="I35" s="315">
        <v>0</v>
      </c>
      <c r="J35" s="315">
        <v>0</v>
      </c>
      <c r="K35" s="312">
        <v>18</v>
      </c>
      <c r="L35" s="317">
        <v>18</v>
      </c>
      <c r="M35" s="315">
        <v>0</v>
      </c>
      <c r="N35" s="315">
        <v>0</v>
      </c>
      <c r="O35" s="312">
        <v>0</v>
      </c>
      <c r="P35" s="314">
        <v>0</v>
      </c>
      <c r="Q35" s="315">
        <v>0</v>
      </c>
      <c r="R35" s="315">
        <v>0</v>
      </c>
      <c r="S35" s="315">
        <v>0</v>
      </c>
      <c r="T35" s="315">
        <v>0</v>
      </c>
      <c r="U35" s="315">
        <v>0</v>
      </c>
      <c r="V35" s="312">
        <v>0</v>
      </c>
      <c r="W35" s="317">
        <v>0</v>
      </c>
    </row>
    <row r="36" spans="1:23" ht="21" customHeight="1" x14ac:dyDescent="0.2">
      <c r="A36" s="291" t="s">
        <v>34</v>
      </c>
      <c r="B36" s="315">
        <v>0</v>
      </c>
      <c r="C36" s="315">
        <v>0</v>
      </c>
      <c r="D36" s="312">
        <v>0</v>
      </c>
      <c r="E36" s="314">
        <v>0</v>
      </c>
      <c r="F36" s="315">
        <v>0</v>
      </c>
      <c r="G36" s="315">
        <v>0</v>
      </c>
      <c r="H36" s="315">
        <v>0</v>
      </c>
      <c r="I36" s="315">
        <v>0</v>
      </c>
      <c r="J36" s="315">
        <v>0</v>
      </c>
      <c r="K36" s="312">
        <v>0</v>
      </c>
      <c r="L36" s="317">
        <v>0</v>
      </c>
      <c r="M36" s="315">
        <v>0</v>
      </c>
      <c r="N36" s="315">
        <v>0</v>
      </c>
      <c r="O36" s="312">
        <v>0</v>
      </c>
      <c r="P36" s="314">
        <v>0</v>
      </c>
      <c r="Q36" s="315">
        <v>0</v>
      </c>
      <c r="R36" s="315">
        <v>0</v>
      </c>
      <c r="S36" s="315">
        <v>0</v>
      </c>
      <c r="T36" s="315">
        <v>0</v>
      </c>
      <c r="U36" s="315">
        <v>0</v>
      </c>
      <c r="V36" s="312">
        <v>0</v>
      </c>
      <c r="W36" s="317">
        <v>0</v>
      </c>
    </row>
    <row r="37" spans="1:23" ht="21" customHeight="1" x14ac:dyDescent="0.2">
      <c r="A37" s="291" t="s">
        <v>35</v>
      </c>
      <c r="B37" s="315">
        <v>0</v>
      </c>
      <c r="C37" s="315">
        <v>0</v>
      </c>
      <c r="D37" s="312">
        <v>0</v>
      </c>
      <c r="E37" s="314">
        <v>0</v>
      </c>
      <c r="F37" s="315">
        <v>8</v>
      </c>
      <c r="G37" s="315">
        <v>0</v>
      </c>
      <c r="H37" s="315">
        <v>0</v>
      </c>
      <c r="I37" s="315">
        <v>0</v>
      </c>
      <c r="J37" s="315">
        <v>0</v>
      </c>
      <c r="K37" s="312">
        <v>8</v>
      </c>
      <c r="L37" s="317">
        <v>8</v>
      </c>
      <c r="M37" s="315">
        <v>0</v>
      </c>
      <c r="N37" s="315">
        <v>0</v>
      </c>
      <c r="O37" s="312">
        <v>0</v>
      </c>
      <c r="P37" s="314">
        <v>0</v>
      </c>
      <c r="Q37" s="315">
        <v>0</v>
      </c>
      <c r="R37" s="315">
        <v>0</v>
      </c>
      <c r="S37" s="315">
        <v>0</v>
      </c>
      <c r="T37" s="315">
        <v>0</v>
      </c>
      <c r="U37" s="315">
        <v>0</v>
      </c>
      <c r="V37" s="312">
        <v>0</v>
      </c>
      <c r="W37" s="317">
        <v>0</v>
      </c>
    </row>
    <row r="38" spans="1:23" ht="21" customHeight="1" x14ac:dyDescent="0.2">
      <c r="A38" s="291" t="s">
        <v>36</v>
      </c>
      <c r="B38" s="315">
        <v>0</v>
      </c>
      <c r="C38" s="315">
        <v>0</v>
      </c>
      <c r="D38" s="312">
        <v>0</v>
      </c>
      <c r="E38" s="314">
        <v>0</v>
      </c>
      <c r="F38" s="315">
        <v>0</v>
      </c>
      <c r="G38" s="315">
        <v>29</v>
      </c>
      <c r="H38" s="315">
        <v>0</v>
      </c>
      <c r="I38" s="315">
        <v>19</v>
      </c>
      <c r="J38" s="315">
        <v>7</v>
      </c>
      <c r="K38" s="312">
        <v>55</v>
      </c>
      <c r="L38" s="317">
        <v>55</v>
      </c>
      <c r="M38" s="315">
        <v>0</v>
      </c>
      <c r="N38" s="315">
        <v>0</v>
      </c>
      <c r="O38" s="312">
        <v>0</v>
      </c>
      <c r="P38" s="314">
        <v>0</v>
      </c>
      <c r="Q38" s="315">
        <v>0</v>
      </c>
      <c r="R38" s="315">
        <v>0</v>
      </c>
      <c r="S38" s="315">
        <v>0</v>
      </c>
      <c r="T38" s="315">
        <v>0</v>
      </c>
      <c r="U38" s="315">
        <v>0</v>
      </c>
      <c r="V38" s="312">
        <v>0</v>
      </c>
      <c r="W38" s="317">
        <v>0</v>
      </c>
    </row>
    <row r="39" spans="1:23" ht="21" customHeight="1" thickBot="1" x14ac:dyDescent="0.25">
      <c r="A39" s="292" t="s">
        <v>37</v>
      </c>
      <c r="B39" s="322">
        <v>0</v>
      </c>
      <c r="C39" s="322">
        <v>0</v>
      </c>
      <c r="D39" s="319">
        <v>0</v>
      </c>
      <c r="E39" s="321">
        <v>0</v>
      </c>
      <c r="F39" s="322">
        <v>0</v>
      </c>
      <c r="G39" s="322">
        <v>0</v>
      </c>
      <c r="H39" s="322">
        <v>0</v>
      </c>
      <c r="I39" s="322">
        <v>0</v>
      </c>
      <c r="J39" s="322">
        <v>5</v>
      </c>
      <c r="K39" s="319">
        <v>5</v>
      </c>
      <c r="L39" s="324">
        <v>5</v>
      </c>
      <c r="M39" s="322">
        <v>0</v>
      </c>
      <c r="N39" s="322">
        <v>0</v>
      </c>
      <c r="O39" s="319">
        <v>0</v>
      </c>
      <c r="P39" s="321">
        <v>0</v>
      </c>
      <c r="Q39" s="322">
        <v>0</v>
      </c>
      <c r="R39" s="322">
        <v>0</v>
      </c>
      <c r="S39" s="322">
        <v>0</v>
      </c>
      <c r="T39" s="322">
        <v>0</v>
      </c>
      <c r="U39" s="322">
        <v>0</v>
      </c>
      <c r="V39" s="319">
        <v>0</v>
      </c>
      <c r="W39" s="324">
        <v>0</v>
      </c>
    </row>
  </sheetData>
  <mergeCells count="11">
    <mergeCell ref="W4:W5"/>
    <mergeCell ref="G1:H1"/>
    <mergeCell ref="J1:K1"/>
    <mergeCell ref="A3:A5"/>
    <mergeCell ref="B3:L3"/>
    <mergeCell ref="M3:W3"/>
    <mergeCell ref="B4:D4"/>
    <mergeCell ref="E4:K4"/>
    <mergeCell ref="L4:L5"/>
    <mergeCell ref="M4:O4"/>
    <mergeCell ref="P4:V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B219"/>
  <sheetViews>
    <sheetView zoomScaleNormal="100" zoomScaleSheetLayoutView="55"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12.6640625" style="1" customWidth="1"/>
    <col min="2" max="2" width="9.5546875" style="1" customWidth="1"/>
    <col min="3" max="3" width="8.109375" style="1" customWidth="1"/>
    <col min="4" max="4" width="10.109375" style="1" bestFit="1" customWidth="1"/>
    <col min="5" max="10" width="9" style="1"/>
    <col min="11" max="11" width="9.6640625" style="1" customWidth="1"/>
    <col min="12" max="14" width="8.109375" style="1" customWidth="1"/>
    <col min="15" max="20" width="9.21875" style="1" customWidth="1"/>
    <col min="21" max="21" width="7.77734375" style="1" customWidth="1"/>
    <col min="22" max="24" width="8.33203125" style="1" customWidth="1"/>
    <col min="25" max="29" width="8.44140625" style="1" customWidth="1"/>
    <col min="30" max="31" width="7.109375" style="1" customWidth="1"/>
    <col min="32" max="41" width="8.77734375" style="1" customWidth="1"/>
    <col min="42" max="51" width="8.44140625" style="1" customWidth="1"/>
    <col min="52" max="131" width="9.6640625" style="1" customWidth="1"/>
    <col min="132" max="16384" width="9" style="1"/>
  </cols>
  <sheetData>
    <row r="1" spans="1:132" ht="25.5" customHeight="1" x14ac:dyDescent="0.2">
      <c r="A1" s="20" t="s">
        <v>56</v>
      </c>
      <c r="D1" s="520">
        <f>第１表!F2</f>
        <v>4</v>
      </c>
      <c r="E1" s="280">
        <f>第１表!G2</f>
        <v>4</v>
      </c>
      <c r="F1" s="575">
        <f>IF(E1&lt;3,E1-2+12,E1-2)</f>
        <v>2</v>
      </c>
      <c r="G1" s="575"/>
    </row>
    <row r="2" spans="1:132" ht="17.25" customHeight="1" thickBot="1" x14ac:dyDescent="0.25"/>
    <row r="3" spans="1:132" ht="24.75" customHeight="1" thickBot="1" x14ac:dyDescent="0.25">
      <c r="A3" s="621"/>
      <c r="B3" s="611" t="s">
        <v>57</v>
      </c>
      <c r="C3" s="612"/>
      <c r="D3" s="612"/>
      <c r="E3" s="612"/>
      <c r="F3" s="612"/>
      <c r="G3" s="612"/>
      <c r="H3" s="612"/>
      <c r="I3" s="612"/>
      <c r="J3" s="612"/>
      <c r="K3" s="612"/>
      <c r="L3" s="612"/>
      <c r="M3" s="612"/>
      <c r="N3" s="612"/>
      <c r="O3" s="612"/>
      <c r="P3" s="612"/>
      <c r="Q3" s="612"/>
      <c r="R3" s="612"/>
      <c r="S3" s="612"/>
      <c r="T3" s="612"/>
      <c r="U3" s="612"/>
      <c r="V3" s="612"/>
      <c r="W3" s="612"/>
      <c r="X3" s="612"/>
      <c r="Y3" s="612"/>
      <c r="Z3" s="612"/>
      <c r="AA3" s="612"/>
      <c r="AB3" s="612"/>
      <c r="AC3" s="612"/>
      <c r="AD3" s="612"/>
      <c r="AE3" s="613"/>
      <c r="AF3" s="611" t="s">
        <v>58</v>
      </c>
      <c r="AG3" s="624"/>
      <c r="AH3" s="624"/>
      <c r="AI3" s="624"/>
      <c r="AJ3" s="624"/>
      <c r="AK3" s="624"/>
      <c r="AL3" s="624"/>
      <c r="AM3" s="624"/>
      <c r="AN3" s="624"/>
      <c r="AO3" s="624"/>
      <c r="AP3" s="624"/>
      <c r="AQ3" s="624"/>
      <c r="AR3" s="624"/>
      <c r="AS3" s="624"/>
      <c r="AT3" s="624"/>
      <c r="AU3" s="624"/>
      <c r="AV3" s="624"/>
      <c r="AW3" s="624"/>
      <c r="AX3" s="624"/>
      <c r="AY3" s="624"/>
      <c r="AZ3" s="624"/>
      <c r="BA3" s="624"/>
      <c r="BB3" s="624"/>
      <c r="BC3" s="624"/>
      <c r="BD3" s="624"/>
      <c r="BE3" s="624"/>
      <c r="BF3" s="624"/>
      <c r="BG3" s="624"/>
      <c r="BH3" s="624"/>
      <c r="BI3" s="625"/>
      <c r="BJ3" s="611" t="s">
        <v>59</v>
      </c>
      <c r="BK3" s="612"/>
      <c r="BL3" s="612"/>
      <c r="BM3" s="612"/>
      <c r="BN3" s="612"/>
      <c r="BO3" s="612"/>
      <c r="BP3" s="612"/>
      <c r="BQ3" s="612"/>
      <c r="BR3" s="612"/>
      <c r="BS3" s="612"/>
      <c r="BT3" s="612"/>
      <c r="BU3" s="612"/>
      <c r="BV3" s="612"/>
      <c r="BW3" s="612"/>
      <c r="BX3" s="612"/>
      <c r="BY3" s="612"/>
      <c r="BZ3" s="612"/>
      <c r="CA3" s="612"/>
      <c r="CB3" s="612"/>
      <c r="CC3" s="612"/>
      <c r="CD3" s="612"/>
      <c r="CE3" s="612"/>
      <c r="CF3" s="612"/>
      <c r="CG3" s="612"/>
      <c r="CH3" s="612"/>
      <c r="CI3" s="612"/>
      <c r="CJ3" s="612"/>
      <c r="CK3" s="612"/>
      <c r="CL3" s="612"/>
      <c r="CM3" s="613"/>
      <c r="CN3" s="620" t="s">
        <v>151</v>
      </c>
      <c r="CO3" s="612"/>
      <c r="CP3" s="612"/>
      <c r="CQ3" s="612"/>
      <c r="CR3" s="612"/>
      <c r="CS3" s="612"/>
      <c r="CT3" s="612"/>
      <c r="CU3" s="612"/>
      <c r="CV3" s="612"/>
      <c r="CW3" s="612"/>
      <c r="CX3" s="612"/>
      <c r="CY3" s="612"/>
      <c r="CZ3" s="612"/>
      <c r="DA3" s="612"/>
      <c r="DB3" s="612"/>
      <c r="DC3" s="612"/>
      <c r="DD3" s="612"/>
      <c r="DE3" s="612"/>
      <c r="DF3" s="612"/>
      <c r="DG3" s="612"/>
      <c r="DH3" s="612"/>
      <c r="DI3" s="612"/>
      <c r="DJ3" s="612"/>
      <c r="DK3" s="612"/>
      <c r="DL3" s="612"/>
      <c r="DM3" s="612"/>
      <c r="DN3" s="612"/>
      <c r="DO3" s="612"/>
      <c r="DP3" s="612"/>
      <c r="DQ3" s="613"/>
      <c r="DR3" s="614" t="s">
        <v>60</v>
      </c>
      <c r="DS3" s="524"/>
      <c r="DT3" s="524"/>
      <c r="DU3" s="524"/>
      <c r="DV3" s="524"/>
      <c r="DW3" s="524"/>
      <c r="DX3" s="524"/>
      <c r="DY3" s="524"/>
      <c r="DZ3" s="524"/>
      <c r="EA3" s="525"/>
    </row>
    <row r="4" spans="1:132" ht="24.75" customHeight="1" thickBot="1" x14ac:dyDescent="0.25">
      <c r="A4" s="622"/>
      <c r="B4" s="615"/>
      <c r="C4" s="606"/>
      <c r="D4" s="606"/>
      <c r="E4" s="606"/>
      <c r="F4" s="606"/>
      <c r="G4" s="606"/>
      <c r="H4" s="606"/>
      <c r="I4" s="606"/>
      <c r="J4" s="606"/>
      <c r="K4" s="606"/>
      <c r="L4" s="617" t="s">
        <v>39</v>
      </c>
      <c r="M4" s="618"/>
      <c r="N4" s="618"/>
      <c r="O4" s="618"/>
      <c r="P4" s="618"/>
      <c r="Q4" s="618"/>
      <c r="R4" s="618"/>
      <c r="S4" s="618"/>
      <c r="T4" s="618"/>
      <c r="U4" s="619"/>
      <c r="V4" s="617" t="s">
        <v>40</v>
      </c>
      <c r="W4" s="618"/>
      <c r="X4" s="618"/>
      <c r="Y4" s="618"/>
      <c r="Z4" s="618"/>
      <c r="AA4" s="618"/>
      <c r="AB4" s="618"/>
      <c r="AC4" s="618"/>
      <c r="AD4" s="618"/>
      <c r="AE4" s="619"/>
      <c r="AF4" s="615"/>
      <c r="AG4" s="606"/>
      <c r="AH4" s="606"/>
      <c r="AI4" s="606"/>
      <c r="AJ4" s="606"/>
      <c r="AK4" s="606"/>
      <c r="AL4" s="606"/>
      <c r="AM4" s="606"/>
      <c r="AN4" s="606"/>
      <c r="AO4" s="606"/>
      <c r="AP4" s="617" t="s">
        <v>39</v>
      </c>
      <c r="AQ4" s="618"/>
      <c r="AR4" s="618"/>
      <c r="AS4" s="618"/>
      <c r="AT4" s="618"/>
      <c r="AU4" s="618"/>
      <c r="AV4" s="618"/>
      <c r="AW4" s="618"/>
      <c r="AX4" s="618"/>
      <c r="AY4" s="619"/>
      <c r="AZ4" s="617" t="s">
        <v>40</v>
      </c>
      <c r="BA4" s="618"/>
      <c r="BB4" s="618"/>
      <c r="BC4" s="618"/>
      <c r="BD4" s="618"/>
      <c r="BE4" s="618"/>
      <c r="BF4" s="618"/>
      <c r="BG4" s="618"/>
      <c r="BH4" s="618"/>
      <c r="BI4" s="619"/>
      <c r="BJ4" s="615"/>
      <c r="BK4" s="606"/>
      <c r="BL4" s="606"/>
      <c r="BM4" s="606"/>
      <c r="BN4" s="606"/>
      <c r="BO4" s="606"/>
      <c r="BP4" s="606"/>
      <c r="BQ4" s="606"/>
      <c r="BR4" s="606"/>
      <c r="BS4" s="606"/>
      <c r="BT4" s="617" t="s">
        <v>39</v>
      </c>
      <c r="BU4" s="618"/>
      <c r="BV4" s="618"/>
      <c r="BW4" s="618"/>
      <c r="BX4" s="618"/>
      <c r="BY4" s="618"/>
      <c r="BZ4" s="618"/>
      <c r="CA4" s="618"/>
      <c r="CB4" s="618"/>
      <c r="CC4" s="619"/>
      <c r="CD4" s="617" t="s">
        <v>40</v>
      </c>
      <c r="CE4" s="618"/>
      <c r="CF4" s="618"/>
      <c r="CG4" s="618"/>
      <c r="CH4" s="618"/>
      <c r="CI4" s="618"/>
      <c r="CJ4" s="618"/>
      <c r="CK4" s="618"/>
      <c r="CL4" s="618"/>
      <c r="CM4" s="619"/>
      <c r="CN4" s="615"/>
      <c r="CO4" s="606"/>
      <c r="CP4" s="606"/>
      <c r="CQ4" s="606"/>
      <c r="CR4" s="606"/>
      <c r="CS4" s="606"/>
      <c r="CT4" s="606"/>
      <c r="CU4" s="606"/>
      <c r="CV4" s="606"/>
      <c r="CW4" s="606"/>
      <c r="CX4" s="617" t="s">
        <v>39</v>
      </c>
      <c r="CY4" s="618"/>
      <c r="CZ4" s="618"/>
      <c r="DA4" s="618"/>
      <c r="DB4" s="618"/>
      <c r="DC4" s="618"/>
      <c r="DD4" s="618"/>
      <c r="DE4" s="618"/>
      <c r="DF4" s="618"/>
      <c r="DG4" s="619"/>
      <c r="DH4" s="617" t="s">
        <v>40</v>
      </c>
      <c r="DI4" s="618"/>
      <c r="DJ4" s="618"/>
      <c r="DK4" s="618"/>
      <c r="DL4" s="618"/>
      <c r="DM4" s="618"/>
      <c r="DN4" s="618"/>
      <c r="DO4" s="618"/>
      <c r="DP4" s="618"/>
      <c r="DQ4" s="619"/>
      <c r="DR4" s="615"/>
      <c r="DS4" s="606"/>
      <c r="DT4" s="606"/>
      <c r="DU4" s="606"/>
      <c r="DV4" s="606"/>
      <c r="DW4" s="606"/>
      <c r="DX4" s="606"/>
      <c r="DY4" s="606"/>
      <c r="DZ4" s="606"/>
      <c r="EA4" s="616"/>
    </row>
    <row r="5" spans="1:132" ht="24.75" customHeight="1" x14ac:dyDescent="0.2">
      <c r="A5" s="623"/>
      <c r="B5" s="593" t="s">
        <v>61</v>
      </c>
      <c r="C5" s="594"/>
      <c r="D5" s="595"/>
      <c r="E5" s="596" t="s">
        <v>62</v>
      </c>
      <c r="F5" s="597"/>
      <c r="G5" s="597"/>
      <c r="H5" s="597"/>
      <c r="I5" s="597"/>
      <c r="J5" s="598"/>
      <c r="K5" s="608" t="s">
        <v>52</v>
      </c>
      <c r="L5" s="610" t="s">
        <v>61</v>
      </c>
      <c r="M5" s="603"/>
      <c r="N5" s="604"/>
      <c r="O5" s="605" t="s">
        <v>62</v>
      </c>
      <c r="P5" s="606"/>
      <c r="Q5" s="606"/>
      <c r="R5" s="606"/>
      <c r="S5" s="606"/>
      <c r="T5" s="607"/>
      <c r="U5" s="601" t="s">
        <v>52</v>
      </c>
      <c r="V5" s="602" t="s">
        <v>61</v>
      </c>
      <c r="W5" s="603"/>
      <c r="X5" s="604"/>
      <c r="Y5" s="605" t="s">
        <v>62</v>
      </c>
      <c r="Z5" s="606"/>
      <c r="AA5" s="606"/>
      <c r="AB5" s="606"/>
      <c r="AC5" s="606"/>
      <c r="AD5" s="607"/>
      <c r="AE5" s="601" t="s">
        <v>52</v>
      </c>
      <c r="AF5" s="593" t="s">
        <v>61</v>
      </c>
      <c r="AG5" s="594"/>
      <c r="AH5" s="595"/>
      <c r="AI5" s="596" t="s">
        <v>62</v>
      </c>
      <c r="AJ5" s="597"/>
      <c r="AK5" s="597"/>
      <c r="AL5" s="597"/>
      <c r="AM5" s="597"/>
      <c r="AN5" s="598"/>
      <c r="AO5" s="599" t="s">
        <v>52</v>
      </c>
      <c r="AP5" s="610" t="s">
        <v>61</v>
      </c>
      <c r="AQ5" s="603"/>
      <c r="AR5" s="604"/>
      <c r="AS5" s="605" t="s">
        <v>62</v>
      </c>
      <c r="AT5" s="606"/>
      <c r="AU5" s="606"/>
      <c r="AV5" s="606"/>
      <c r="AW5" s="606"/>
      <c r="AX5" s="607"/>
      <c r="AY5" s="626" t="s">
        <v>52</v>
      </c>
      <c r="AZ5" s="610" t="s">
        <v>61</v>
      </c>
      <c r="BA5" s="603"/>
      <c r="BB5" s="604"/>
      <c r="BC5" s="605" t="s">
        <v>62</v>
      </c>
      <c r="BD5" s="606"/>
      <c r="BE5" s="606"/>
      <c r="BF5" s="606"/>
      <c r="BG5" s="606"/>
      <c r="BH5" s="607"/>
      <c r="BI5" s="601" t="s">
        <v>52</v>
      </c>
      <c r="BJ5" s="593" t="s">
        <v>61</v>
      </c>
      <c r="BK5" s="594"/>
      <c r="BL5" s="595"/>
      <c r="BM5" s="596" t="s">
        <v>62</v>
      </c>
      <c r="BN5" s="597"/>
      <c r="BO5" s="597"/>
      <c r="BP5" s="597"/>
      <c r="BQ5" s="597"/>
      <c r="BR5" s="598"/>
      <c r="BS5" s="608" t="s">
        <v>52</v>
      </c>
      <c r="BT5" s="610" t="s">
        <v>61</v>
      </c>
      <c r="BU5" s="603"/>
      <c r="BV5" s="604"/>
      <c r="BW5" s="605" t="s">
        <v>62</v>
      </c>
      <c r="BX5" s="606"/>
      <c r="BY5" s="606"/>
      <c r="BZ5" s="606"/>
      <c r="CA5" s="606"/>
      <c r="CB5" s="607"/>
      <c r="CC5" s="601" t="s">
        <v>52</v>
      </c>
      <c r="CD5" s="602" t="s">
        <v>61</v>
      </c>
      <c r="CE5" s="603"/>
      <c r="CF5" s="604"/>
      <c r="CG5" s="605" t="s">
        <v>62</v>
      </c>
      <c r="CH5" s="606"/>
      <c r="CI5" s="606"/>
      <c r="CJ5" s="606"/>
      <c r="CK5" s="606"/>
      <c r="CL5" s="607"/>
      <c r="CM5" s="601" t="s">
        <v>52</v>
      </c>
      <c r="CN5" s="593" t="s">
        <v>61</v>
      </c>
      <c r="CO5" s="594"/>
      <c r="CP5" s="595"/>
      <c r="CQ5" s="596" t="s">
        <v>62</v>
      </c>
      <c r="CR5" s="597"/>
      <c r="CS5" s="597"/>
      <c r="CT5" s="597"/>
      <c r="CU5" s="597"/>
      <c r="CV5" s="598"/>
      <c r="CW5" s="608" t="s">
        <v>52</v>
      </c>
      <c r="CX5" s="610" t="s">
        <v>61</v>
      </c>
      <c r="CY5" s="603"/>
      <c r="CZ5" s="604"/>
      <c r="DA5" s="605" t="s">
        <v>62</v>
      </c>
      <c r="DB5" s="606"/>
      <c r="DC5" s="606"/>
      <c r="DD5" s="606"/>
      <c r="DE5" s="606"/>
      <c r="DF5" s="607"/>
      <c r="DG5" s="601" t="s">
        <v>52</v>
      </c>
      <c r="DH5" s="602" t="s">
        <v>61</v>
      </c>
      <c r="DI5" s="603"/>
      <c r="DJ5" s="604"/>
      <c r="DK5" s="605" t="s">
        <v>62</v>
      </c>
      <c r="DL5" s="606"/>
      <c r="DM5" s="606"/>
      <c r="DN5" s="606"/>
      <c r="DO5" s="606"/>
      <c r="DP5" s="607"/>
      <c r="DQ5" s="601" t="s">
        <v>52</v>
      </c>
      <c r="DR5" s="593" t="s">
        <v>61</v>
      </c>
      <c r="DS5" s="594"/>
      <c r="DT5" s="595"/>
      <c r="DU5" s="596" t="s">
        <v>62</v>
      </c>
      <c r="DV5" s="597"/>
      <c r="DW5" s="597"/>
      <c r="DX5" s="597"/>
      <c r="DY5" s="597"/>
      <c r="DZ5" s="598"/>
      <c r="EA5" s="599" t="s">
        <v>52</v>
      </c>
    </row>
    <row r="6" spans="1:132" ht="24.75" customHeight="1" thickBot="1" x14ac:dyDescent="0.25">
      <c r="A6" s="348" t="s">
        <v>42</v>
      </c>
      <c r="B6" s="31" t="s">
        <v>43</v>
      </c>
      <c r="C6" s="32" t="s">
        <v>44</v>
      </c>
      <c r="D6" s="32" t="s">
        <v>45</v>
      </c>
      <c r="E6" s="33" t="s">
        <v>47</v>
      </c>
      <c r="F6" s="34" t="s">
        <v>48</v>
      </c>
      <c r="G6" s="34" t="s">
        <v>49</v>
      </c>
      <c r="H6" s="35" t="s">
        <v>50</v>
      </c>
      <c r="I6" s="32" t="s">
        <v>51</v>
      </c>
      <c r="J6" s="36" t="s">
        <v>95</v>
      </c>
      <c r="K6" s="609"/>
      <c r="L6" s="31" t="s">
        <v>43</v>
      </c>
      <c r="M6" s="32" t="s">
        <v>44</v>
      </c>
      <c r="N6" s="36" t="s">
        <v>45</v>
      </c>
      <c r="O6" s="33" t="s">
        <v>47</v>
      </c>
      <c r="P6" s="34" t="s">
        <v>48</v>
      </c>
      <c r="Q6" s="34" t="s">
        <v>49</v>
      </c>
      <c r="R6" s="35" t="s">
        <v>50</v>
      </c>
      <c r="S6" s="32" t="s">
        <v>51</v>
      </c>
      <c r="T6" s="36" t="s">
        <v>45</v>
      </c>
      <c r="U6" s="600"/>
      <c r="V6" s="15" t="s">
        <v>43</v>
      </c>
      <c r="W6" s="32" t="s">
        <v>44</v>
      </c>
      <c r="X6" s="36" t="s">
        <v>45</v>
      </c>
      <c r="Y6" s="15" t="s">
        <v>47</v>
      </c>
      <c r="Z6" s="34" t="s">
        <v>48</v>
      </c>
      <c r="AA6" s="34" t="s">
        <v>49</v>
      </c>
      <c r="AB6" s="35" t="s">
        <v>50</v>
      </c>
      <c r="AC6" s="32" t="s">
        <v>51</v>
      </c>
      <c r="AD6" s="36" t="s">
        <v>45</v>
      </c>
      <c r="AE6" s="600"/>
      <c r="AF6" s="31" t="s">
        <v>43</v>
      </c>
      <c r="AG6" s="32" t="s">
        <v>44</v>
      </c>
      <c r="AH6" s="36" t="s">
        <v>45</v>
      </c>
      <c r="AI6" s="15" t="s">
        <v>47</v>
      </c>
      <c r="AJ6" s="34" t="s">
        <v>48</v>
      </c>
      <c r="AK6" s="34" t="s">
        <v>49</v>
      </c>
      <c r="AL6" s="35" t="s">
        <v>50</v>
      </c>
      <c r="AM6" s="32" t="s">
        <v>51</v>
      </c>
      <c r="AN6" s="36" t="s">
        <v>45</v>
      </c>
      <c r="AO6" s="600"/>
      <c r="AP6" s="31" t="s">
        <v>43</v>
      </c>
      <c r="AQ6" s="32" t="s">
        <v>44</v>
      </c>
      <c r="AR6" s="36" t="s">
        <v>45</v>
      </c>
      <c r="AS6" s="33" t="s">
        <v>47</v>
      </c>
      <c r="AT6" s="34" t="s">
        <v>48</v>
      </c>
      <c r="AU6" s="34" t="s">
        <v>49</v>
      </c>
      <c r="AV6" s="35" t="s">
        <v>50</v>
      </c>
      <c r="AW6" s="32" t="s">
        <v>51</v>
      </c>
      <c r="AX6" s="36" t="s">
        <v>45</v>
      </c>
      <c r="AY6" s="609"/>
      <c r="AZ6" s="31" t="s">
        <v>43</v>
      </c>
      <c r="BA6" s="32" t="s">
        <v>44</v>
      </c>
      <c r="BB6" s="32" t="s">
        <v>45</v>
      </c>
      <c r="BC6" s="33" t="s">
        <v>47</v>
      </c>
      <c r="BD6" s="34" t="s">
        <v>48</v>
      </c>
      <c r="BE6" s="34" t="s">
        <v>49</v>
      </c>
      <c r="BF6" s="35" t="s">
        <v>50</v>
      </c>
      <c r="BG6" s="32" t="s">
        <v>51</v>
      </c>
      <c r="BH6" s="36" t="s">
        <v>45</v>
      </c>
      <c r="BI6" s="600"/>
      <c r="BJ6" s="31" t="s">
        <v>43</v>
      </c>
      <c r="BK6" s="32" t="s">
        <v>44</v>
      </c>
      <c r="BL6" s="32" t="s">
        <v>45</v>
      </c>
      <c r="BM6" s="33" t="s">
        <v>47</v>
      </c>
      <c r="BN6" s="34" t="s">
        <v>48</v>
      </c>
      <c r="BO6" s="34" t="s">
        <v>49</v>
      </c>
      <c r="BP6" s="35" t="s">
        <v>50</v>
      </c>
      <c r="BQ6" s="32" t="s">
        <v>51</v>
      </c>
      <c r="BR6" s="36" t="s">
        <v>45</v>
      </c>
      <c r="BS6" s="609"/>
      <c r="BT6" s="31" t="s">
        <v>43</v>
      </c>
      <c r="BU6" s="32" t="s">
        <v>44</v>
      </c>
      <c r="BV6" s="32" t="s">
        <v>45</v>
      </c>
      <c r="BW6" s="33" t="s">
        <v>47</v>
      </c>
      <c r="BX6" s="34" t="s">
        <v>48</v>
      </c>
      <c r="BY6" s="34" t="s">
        <v>49</v>
      </c>
      <c r="BZ6" s="35" t="s">
        <v>50</v>
      </c>
      <c r="CA6" s="32" t="s">
        <v>51</v>
      </c>
      <c r="CB6" s="36" t="s">
        <v>45</v>
      </c>
      <c r="CC6" s="600"/>
      <c r="CD6" s="15" t="s">
        <v>43</v>
      </c>
      <c r="CE6" s="32" t="s">
        <v>44</v>
      </c>
      <c r="CF6" s="32" t="s">
        <v>45</v>
      </c>
      <c r="CG6" s="33" t="s">
        <v>47</v>
      </c>
      <c r="CH6" s="34" t="s">
        <v>48</v>
      </c>
      <c r="CI6" s="34" t="s">
        <v>49</v>
      </c>
      <c r="CJ6" s="35" t="s">
        <v>50</v>
      </c>
      <c r="CK6" s="32" t="s">
        <v>51</v>
      </c>
      <c r="CL6" s="36" t="s">
        <v>45</v>
      </c>
      <c r="CM6" s="600"/>
      <c r="CN6" s="31" t="s">
        <v>43</v>
      </c>
      <c r="CO6" s="32" t="s">
        <v>44</v>
      </c>
      <c r="CP6" s="32" t="s">
        <v>45</v>
      </c>
      <c r="CQ6" s="33" t="s">
        <v>47</v>
      </c>
      <c r="CR6" s="34" t="s">
        <v>48</v>
      </c>
      <c r="CS6" s="34" t="s">
        <v>49</v>
      </c>
      <c r="CT6" s="35" t="s">
        <v>50</v>
      </c>
      <c r="CU6" s="32" t="s">
        <v>51</v>
      </c>
      <c r="CV6" s="36" t="s">
        <v>45</v>
      </c>
      <c r="CW6" s="609"/>
      <c r="CX6" s="31" t="s">
        <v>43</v>
      </c>
      <c r="CY6" s="32" t="s">
        <v>44</v>
      </c>
      <c r="CZ6" s="32" t="s">
        <v>45</v>
      </c>
      <c r="DA6" s="33" t="s">
        <v>47</v>
      </c>
      <c r="DB6" s="34" t="s">
        <v>48</v>
      </c>
      <c r="DC6" s="34" t="s">
        <v>49</v>
      </c>
      <c r="DD6" s="35" t="s">
        <v>50</v>
      </c>
      <c r="DE6" s="32" t="s">
        <v>51</v>
      </c>
      <c r="DF6" s="36" t="s">
        <v>45</v>
      </c>
      <c r="DG6" s="600"/>
      <c r="DH6" s="15" t="s">
        <v>43</v>
      </c>
      <c r="DI6" s="32" t="s">
        <v>44</v>
      </c>
      <c r="DJ6" s="32" t="s">
        <v>45</v>
      </c>
      <c r="DK6" s="33" t="s">
        <v>47</v>
      </c>
      <c r="DL6" s="34" t="s">
        <v>48</v>
      </c>
      <c r="DM6" s="34" t="s">
        <v>49</v>
      </c>
      <c r="DN6" s="35" t="s">
        <v>50</v>
      </c>
      <c r="DO6" s="32" t="s">
        <v>51</v>
      </c>
      <c r="DP6" s="36" t="s">
        <v>45</v>
      </c>
      <c r="DQ6" s="600"/>
      <c r="DR6" s="31" t="s">
        <v>43</v>
      </c>
      <c r="DS6" s="32" t="s">
        <v>44</v>
      </c>
      <c r="DT6" s="32" t="s">
        <v>45</v>
      </c>
      <c r="DU6" s="33" t="s">
        <v>47</v>
      </c>
      <c r="DV6" s="34" t="s">
        <v>48</v>
      </c>
      <c r="DW6" s="34" t="s">
        <v>49</v>
      </c>
      <c r="DX6" s="35" t="s">
        <v>50</v>
      </c>
      <c r="DY6" s="32" t="s">
        <v>51</v>
      </c>
      <c r="DZ6" s="36" t="s">
        <v>45</v>
      </c>
      <c r="EA6" s="600"/>
    </row>
    <row r="7" spans="1:132" ht="20.25" customHeight="1" x14ac:dyDescent="0.2">
      <c r="A7" s="347" t="s">
        <v>4</v>
      </c>
      <c r="B7" s="212">
        <v>0</v>
      </c>
      <c r="C7" s="213">
        <v>0</v>
      </c>
      <c r="D7" s="213">
        <v>0</v>
      </c>
      <c r="E7" s="214">
        <v>432</v>
      </c>
      <c r="F7" s="215">
        <v>1506</v>
      </c>
      <c r="G7" s="215">
        <v>9759</v>
      </c>
      <c r="H7" s="215">
        <v>14116</v>
      </c>
      <c r="I7" s="213">
        <v>10127</v>
      </c>
      <c r="J7" s="216">
        <v>35940</v>
      </c>
      <c r="K7" s="217">
        <v>35940</v>
      </c>
      <c r="L7" s="212">
        <v>0</v>
      </c>
      <c r="M7" s="213">
        <v>0</v>
      </c>
      <c r="N7" s="216">
        <v>0</v>
      </c>
      <c r="O7" s="214">
        <v>429</v>
      </c>
      <c r="P7" s="215">
        <v>1499</v>
      </c>
      <c r="Q7" s="215">
        <v>9680</v>
      </c>
      <c r="R7" s="215">
        <v>13990</v>
      </c>
      <c r="S7" s="213">
        <v>9978</v>
      </c>
      <c r="T7" s="216">
        <v>35576</v>
      </c>
      <c r="U7" s="218">
        <v>35576</v>
      </c>
      <c r="V7" s="219">
        <v>0</v>
      </c>
      <c r="W7" s="213">
        <v>0</v>
      </c>
      <c r="X7" s="216">
        <v>0</v>
      </c>
      <c r="Y7" s="219">
        <v>3</v>
      </c>
      <c r="Z7" s="215">
        <v>7</v>
      </c>
      <c r="AA7" s="215">
        <v>79</v>
      </c>
      <c r="AB7" s="215">
        <v>126</v>
      </c>
      <c r="AC7" s="213">
        <v>149</v>
      </c>
      <c r="AD7" s="216">
        <v>364</v>
      </c>
      <c r="AE7" s="220">
        <v>364</v>
      </c>
      <c r="AF7" s="219">
        <v>0</v>
      </c>
      <c r="AG7" s="213">
        <v>0</v>
      </c>
      <c r="AH7" s="216">
        <v>0</v>
      </c>
      <c r="AI7" s="219">
        <v>1824</v>
      </c>
      <c r="AJ7" s="215">
        <v>3510</v>
      </c>
      <c r="AK7" s="215">
        <v>4565</v>
      </c>
      <c r="AL7" s="215">
        <v>5305</v>
      </c>
      <c r="AM7" s="213">
        <v>2833</v>
      </c>
      <c r="AN7" s="216">
        <v>18037</v>
      </c>
      <c r="AO7" s="220">
        <v>18037</v>
      </c>
      <c r="AP7" s="219">
        <v>0</v>
      </c>
      <c r="AQ7" s="213">
        <v>0</v>
      </c>
      <c r="AR7" s="216">
        <v>0</v>
      </c>
      <c r="AS7" s="214">
        <v>1802</v>
      </c>
      <c r="AT7" s="215">
        <v>3472</v>
      </c>
      <c r="AU7" s="215">
        <v>4491</v>
      </c>
      <c r="AV7" s="215">
        <v>5198</v>
      </c>
      <c r="AW7" s="213">
        <v>2764</v>
      </c>
      <c r="AX7" s="216">
        <v>17727</v>
      </c>
      <c r="AY7" s="217">
        <v>17727</v>
      </c>
      <c r="AZ7" s="212">
        <v>0</v>
      </c>
      <c r="BA7" s="213">
        <v>0</v>
      </c>
      <c r="BB7" s="213">
        <v>0</v>
      </c>
      <c r="BC7" s="214">
        <v>22</v>
      </c>
      <c r="BD7" s="215">
        <v>38</v>
      </c>
      <c r="BE7" s="215">
        <v>74</v>
      </c>
      <c r="BF7" s="215">
        <v>107</v>
      </c>
      <c r="BG7" s="213">
        <v>69</v>
      </c>
      <c r="BH7" s="216">
        <v>310</v>
      </c>
      <c r="BI7" s="218">
        <v>310</v>
      </c>
      <c r="BJ7" s="219">
        <v>0</v>
      </c>
      <c r="BK7" s="213">
        <v>0</v>
      </c>
      <c r="BL7" s="213">
        <v>0</v>
      </c>
      <c r="BM7" s="214">
        <v>2</v>
      </c>
      <c r="BN7" s="215">
        <v>2</v>
      </c>
      <c r="BO7" s="215">
        <v>16</v>
      </c>
      <c r="BP7" s="215">
        <v>179</v>
      </c>
      <c r="BQ7" s="213">
        <v>268</v>
      </c>
      <c r="BR7" s="216">
        <v>467</v>
      </c>
      <c r="BS7" s="217">
        <v>467</v>
      </c>
      <c r="BT7" s="212">
        <v>0</v>
      </c>
      <c r="BU7" s="213">
        <v>0</v>
      </c>
      <c r="BV7" s="213">
        <v>0</v>
      </c>
      <c r="BW7" s="214">
        <v>2</v>
      </c>
      <c r="BX7" s="215">
        <v>2</v>
      </c>
      <c r="BY7" s="215">
        <v>16</v>
      </c>
      <c r="BZ7" s="215">
        <v>177</v>
      </c>
      <c r="CA7" s="213">
        <v>264</v>
      </c>
      <c r="CB7" s="216">
        <v>461</v>
      </c>
      <c r="CC7" s="218">
        <v>461</v>
      </c>
      <c r="CD7" s="219">
        <v>0</v>
      </c>
      <c r="CE7" s="213">
        <v>0</v>
      </c>
      <c r="CF7" s="213">
        <v>0</v>
      </c>
      <c r="CG7" s="214">
        <v>0</v>
      </c>
      <c r="CH7" s="215">
        <v>0</v>
      </c>
      <c r="CI7" s="215">
        <v>0</v>
      </c>
      <c r="CJ7" s="215">
        <v>2</v>
      </c>
      <c r="CK7" s="213">
        <v>4</v>
      </c>
      <c r="CL7" s="216">
        <v>6</v>
      </c>
      <c r="CM7" s="218">
        <v>6</v>
      </c>
      <c r="CN7" s="219">
        <v>0</v>
      </c>
      <c r="CO7" s="213">
        <v>0</v>
      </c>
      <c r="CP7" s="213">
        <v>0</v>
      </c>
      <c r="CQ7" s="214">
        <v>14</v>
      </c>
      <c r="CR7" s="215">
        <v>20</v>
      </c>
      <c r="CS7" s="215">
        <v>58</v>
      </c>
      <c r="CT7" s="215">
        <v>270</v>
      </c>
      <c r="CU7" s="213">
        <v>372</v>
      </c>
      <c r="CV7" s="216">
        <v>734</v>
      </c>
      <c r="CW7" s="217">
        <v>734</v>
      </c>
      <c r="CX7" s="212">
        <v>0</v>
      </c>
      <c r="CY7" s="213">
        <v>0</v>
      </c>
      <c r="CZ7" s="213">
        <v>0</v>
      </c>
      <c r="DA7" s="214">
        <v>13</v>
      </c>
      <c r="DB7" s="215">
        <v>19</v>
      </c>
      <c r="DC7" s="215">
        <v>58</v>
      </c>
      <c r="DD7" s="215">
        <v>264</v>
      </c>
      <c r="DE7" s="213">
        <v>362</v>
      </c>
      <c r="DF7" s="216">
        <v>716</v>
      </c>
      <c r="DG7" s="218">
        <v>716</v>
      </c>
      <c r="DH7" s="219">
        <v>0</v>
      </c>
      <c r="DI7" s="213">
        <v>0</v>
      </c>
      <c r="DJ7" s="213">
        <v>0</v>
      </c>
      <c r="DK7" s="214">
        <v>1</v>
      </c>
      <c r="DL7" s="215">
        <v>1</v>
      </c>
      <c r="DM7" s="215">
        <v>0</v>
      </c>
      <c r="DN7" s="215">
        <v>6</v>
      </c>
      <c r="DO7" s="213">
        <v>10</v>
      </c>
      <c r="DP7" s="216">
        <v>18</v>
      </c>
      <c r="DQ7" s="218">
        <v>18</v>
      </c>
      <c r="DR7" s="219">
        <v>0</v>
      </c>
      <c r="DS7" s="213">
        <v>0</v>
      </c>
      <c r="DT7" s="213">
        <v>0</v>
      </c>
      <c r="DU7" s="214">
        <v>2272</v>
      </c>
      <c r="DV7" s="215">
        <v>5038</v>
      </c>
      <c r="DW7" s="215">
        <v>14387</v>
      </c>
      <c r="DX7" s="215">
        <v>19845</v>
      </c>
      <c r="DY7" s="213">
        <v>13578</v>
      </c>
      <c r="DZ7" s="216">
        <v>55120</v>
      </c>
      <c r="EA7" s="218">
        <v>55120</v>
      </c>
      <c r="EB7" s="37"/>
    </row>
    <row r="8" spans="1:132" ht="20.25" customHeight="1" x14ac:dyDescent="0.2">
      <c r="A8" s="62" t="s">
        <v>5</v>
      </c>
      <c r="B8" s="221">
        <v>0</v>
      </c>
      <c r="C8" s="222">
        <v>0</v>
      </c>
      <c r="D8" s="222">
        <v>0</v>
      </c>
      <c r="E8" s="223">
        <v>221</v>
      </c>
      <c r="F8" s="224">
        <v>891</v>
      </c>
      <c r="G8" s="224">
        <v>4199</v>
      </c>
      <c r="H8" s="224">
        <v>5884</v>
      </c>
      <c r="I8" s="222">
        <v>4431</v>
      </c>
      <c r="J8" s="225">
        <v>15626</v>
      </c>
      <c r="K8" s="226">
        <v>15626</v>
      </c>
      <c r="L8" s="221">
        <v>0</v>
      </c>
      <c r="M8" s="222">
        <v>0</v>
      </c>
      <c r="N8" s="225">
        <v>0</v>
      </c>
      <c r="O8" s="223">
        <v>218</v>
      </c>
      <c r="P8" s="224">
        <v>886</v>
      </c>
      <c r="Q8" s="224">
        <v>4161</v>
      </c>
      <c r="R8" s="224">
        <v>5820</v>
      </c>
      <c r="S8" s="222">
        <v>4357</v>
      </c>
      <c r="T8" s="225">
        <v>15442</v>
      </c>
      <c r="U8" s="227">
        <v>15442</v>
      </c>
      <c r="V8" s="228">
        <v>0</v>
      </c>
      <c r="W8" s="222">
        <v>0</v>
      </c>
      <c r="X8" s="225">
        <v>0</v>
      </c>
      <c r="Y8" s="228">
        <v>3</v>
      </c>
      <c r="Z8" s="224">
        <v>5</v>
      </c>
      <c r="AA8" s="224">
        <v>38</v>
      </c>
      <c r="AB8" s="224">
        <v>64</v>
      </c>
      <c r="AC8" s="222">
        <v>74</v>
      </c>
      <c r="AD8" s="225">
        <v>184</v>
      </c>
      <c r="AE8" s="229">
        <v>184</v>
      </c>
      <c r="AF8" s="228">
        <v>0</v>
      </c>
      <c r="AG8" s="222">
        <v>0</v>
      </c>
      <c r="AH8" s="225">
        <v>0</v>
      </c>
      <c r="AI8" s="228">
        <v>631</v>
      </c>
      <c r="AJ8" s="224">
        <v>1564</v>
      </c>
      <c r="AK8" s="224">
        <v>1983</v>
      </c>
      <c r="AL8" s="224">
        <v>2337</v>
      </c>
      <c r="AM8" s="222">
        <v>1343</v>
      </c>
      <c r="AN8" s="225">
        <v>7858</v>
      </c>
      <c r="AO8" s="229">
        <v>7858</v>
      </c>
      <c r="AP8" s="228">
        <v>0</v>
      </c>
      <c r="AQ8" s="222">
        <v>0</v>
      </c>
      <c r="AR8" s="225">
        <v>0</v>
      </c>
      <c r="AS8" s="223">
        <v>627</v>
      </c>
      <c r="AT8" s="224">
        <v>1546</v>
      </c>
      <c r="AU8" s="224">
        <v>1951</v>
      </c>
      <c r="AV8" s="224">
        <v>2298</v>
      </c>
      <c r="AW8" s="222">
        <v>1316</v>
      </c>
      <c r="AX8" s="225">
        <v>7738</v>
      </c>
      <c r="AY8" s="226">
        <v>7738</v>
      </c>
      <c r="AZ8" s="221">
        <v>0</v>
      </c>
      <c r="BA8" s="222">
        <v>0</v>
      </c>
      <c r="BB8" s="222">
        <v>0</v>
      </c>
      <c r="BC8" s="223">
        <v>4</v>
      </c>
      <c r="BD8" s="224">
        <v>18</v>
      </c>
      <c r="BE8" s="224">
        <v>32</v>
      </c>
      <c r="BF8" s="224">
        <v>39</v>
      </c>
      <c r="BG8" s="222">
        <v>27</v>
      </c>
      <c r="BH8" s="225">
        <v>120</v>
      </c>
      <c r="BI8" s="227">
        <v>120</v>
      </c>
      <c r="BJ8" s="228">
        <v>0</v>
      </c>
      <c r="BK8" s="222">
        <v>0</v>
      </c>
      <c r="BL8" s="222">
        <v>0</v>
      </c>
      <c r="BM8" s="223">
        <v>0</v>
      </c>
      <c r="BN8" s="224">
        <v>2</v>
      </c>
      <c r="BO8" s="224">
        <v>4</v>
      </c>
      <c r="BP8" s="224">
        <v>60</v>
      </c>
      <c r="BQ8" s="222">
        <v>96</v>
      </c>
      <c r="BR8" s="225">
        <v>162</v>
      </c>
      <c r="BS8" s="226">
        <v>162</v>
      </c>
      <c r="BT8" s="221">
        <v>0</v>
      </c>
      <c r="BU8" s="222">
        <v>0</v>
      </c>
      <c r="BV8" s="222">
        <v>0</v>
      </c>
      <c r="BW8" s="223">
        <v>0</v>
      </c>
      <c r="BX8" s="224">
        <v>2</v>
      </c>
      <c r="BY8" s="224">
        <v>4</v>
      </c>
      <c r="BZ8" s="224">
        <v>59</v>
      </c>
      <c r="CA8" s="222">
        <v>94</v>
      </c>
      <c r="CB8" s="225">
        <v>159</v>
      </c>
      <c r="CC8" s="227">
        <v>159</v>
      </c>
      <c r="CD8" s="228">
        <v>0</v>
      </c>
      <c r="CE8" s="222">
        <v>0</v>
      </c>
      <c r="CF8" s="222">
        <v>0</v>
      </c>
      <c r="CG8" s="223">
        <v>0</v>
      </c>
      <c r="CH8" s="224">
        <v>0</v>
      </c>
      <c r="CI8" s="224">
        <v>0</v>
      </c>
      <c r="CJ8" s="224">
        <v>1</v>
      </c>
      <c r="CK8" s="222">
        <v>2</v>
      </c>
      <c r="CL8" s="225">
        <v>3</v>
      </c>
      <c r="CM8" s="227">
        <v>3</v>
      </c>
      <c r="CN8" s="228">
        <v>0</v>
      </c>
      <c r="CO8" s="222">
        <v>0</v>
      </c>
      <c r="CP8" s="222">
        <v>0</v>
      </c>
      <c r="CQ8" s="223">
        <v>2</v>
      </c>
      <c r="CR8" s="224">
        <v>5</v>
      </c>
      <c r="CS8" s="224">
        <v>10</v>
      </c>
      <c r="CT8" s="224">
        <v>79</v>
      </c>
      <c r="CU8" s="222">
        <v>86</v>
      </c>
      <c r="CV8" s="225">
        <v>182</v>
      </c>
      <c r="CW8" s="226">
        <v>182</v>
      </c>
      <c r="CX8" s="221">
        <v>0</v>
      </c>
      <c r="CY8" s="222">
        <v>0</v>
      </c>
      <c r="CZ8" s="222">
        <v>0</v>
      </c>
      <c r="DA8" s="223">
        <v>2</v>
      </c>
      <c r="DB8" s="224">
        <v>5</v>
      </c>
      <c r="DC8" s="224">
        <v>10</v>
      </c>
      <c r="DD8" s="224">
        <v>77</v>
      </c>
      <c r="DE8" s="222">
        <v>84</v>
      </c>
      <c r="DF8" s="225">
        <v>178</v>
      </c>
      <c r="DG8" s="227">
        <v>178</v>
      </c>
      <c r="DH8" s="228">
        <v>0</v>
      </c>
      <c r="DI8" s="222">
        <v>0</v>
      </c>
      <c r="DJ8" s="222">
        <v>0</v>
      </c>
      <c r="DK8" s="223">
        <v>0</v>
      </c>
      <c r="DL8" s="224">
        <v>0</v>
      </c>
      <c r="DM8" s="224">
        <v>0</v>
      </c>
      <c r="DN8" s="224">
        <v>2</v>
      </c>
      <c r="DO8" s="222">
        <v>2</v>
      </c>
      <c r="DP8" s="225">
        <v>4</v>
      </c>
      <c r="DQ8" s="227">
        <v>4</v>
      </c>
      <c r="DR8" s="228">
        <v>0</v>
      </c>
      <c r="DS8" s="222">
        <v>0</v>
      </c>
      <c r="DT8" s="222">
        <v>0</v>
      </c>
      <c r="DU8" s="223">
        <v>854</v>
      </c>
      <c r="DV8" s="224">
        <v>2462</v>
      </c>
      <c r="DW8" s="224">
        <v>6196</v>
      </c>
      <c r="DX8" s="224">
        <v>8360</v>
      </c>
      <c r="DY8" s="222">
        <v>5956</v>
      </c>
      <c r="DZ8" s="225">
        <v>23828</v>
      </c>
      <c r="EA8" s="227">
        <v>23828</v>
      </c>
      <c r="EB8" s="37"/>
    </row>
    <row r="9" spans="1:132" ht="20.25" customHeight="1" x14ac:dyDescent="0.2">
      <c r="A9" s="62" t="s">
        <v>6</v>
      </c>
      <c r="B9" s="221">
        <v>0</v>
      </c>
      <c r="C9" s="222">
        <v>0</v>
      </c>
      <c r="D9" s="222">
        <v>0</v>
      </c>
      <c r="E9" s="223">
        <v>75</v>
      </c>
      <c r="F9" s="224">
        <v>193</v>
      </c>
      <c r="G9" s="224">
        <v>1196</v>
      </c>
      <c r="H9" s="224">
        <v>1639</v>
      </c>
      <c r="I9" s="222">
        <v>1232</v>
      </c>
      <c r="J9" s="225">
        <v>4335</v>
      </c>
      <c r="K9" s="226">
        <v>4335</v>
      </c>
      <c r="L9" s="221">
        <v>0</v>
      </c>
      <c r="M9" s="222">
        <v>0</v>
      </c>
      <c r="N9" s="225">
        <v>0</v>
      </c>
      <c r="O9" s="223">
        <v>75</v>
      </c>
      <c r="P9" s="224">
        <v>193</v>
      </c>
      <c r="Q9" s="224">
        <v>1182</v>
      </c>
      <c r="R9" s="224">
        <v>1623</v>
      </c>
      <c r="S9" s="222">
        <v>1222</v>
      </c>
      <c r="T9" s="225">
        <v>4295</v>
      </c>
      <c r="U9" s="227">
        <v>4295</v>
      </c>
      <c r="V9" s="228">
        <v>0</v>
      </c>
      <c r="W9" s="222">
        <v>0</v>
      </c>
      <c r="X9" s="225">
        <v>0</v>
      </c>
      <c r="Y9" s="228">
        <v>0</v>
      </c>
      <c r="Z9" s="224">
        <v>0</v>
      </c>
      <c r="AA9" s="224">
        <v>14</v>
      </c>
      <c r="AB9" s="224">
        <v>16</v>
      </c>
      <c r="AC9" s="222">
        <v>10</v>
      </c>
      <c r="AD9" s="225">
        <v>40</v>
      </c>
      <c r="AE9" s="229">
        <v>40</v>
      </c>
      <c r="AF9" s="228">
        <v>0</v>
      </c>
      <c r="AG9" s="222">
        <v>0</v>
      </c>
      <c r="AH9" s="225">
        <v>0</v>
      </c>
      <c r="AI9" s="228">
        <v>235</v>
      </c>
      <c r="AJ9" s="224">
        <v>342</v>
      </c>
      <c r="AK9" s="224">
        <v>483</v>
      </c>
      <c r="AL9" s="224">
        <v>670</v>
      </c>
      <c r="AM9" s="222">
        <v>322</v>
      </c>
      <c r="AN9" s="225">
        <v>2052</v>
      </c>
      <c r="AO9" s="229">
        <v>2052</v>
      </c>
      <c r="AP9" s="228">
        <v>0</v>
      </c>
      <c r="AQ9" s="222">
        <v>0</v>
      </c>
      <c r="AR9" s="225">
        <v>0</v>
      </c>
      <c r="AS9" s="223">
        <v>230</v>
      </c>
      <c r="AT9" s="224">
        <v>339</v>
      </c>
      <c r="AU9" s="224">
        <v>477</v>
      </c>
      <c r="AV9" s="224">
        <v>649</v>
      </c>
      <c r="AW9" s="222">
        <v>308</v>
      </c>
      <c r="AX9" s="225">
        <v>2003</v>
      </c>
      <c r="AY9" s="226">
        <v>2003</v>
      </c>
      <c r="AZ9" s="221">
        <v>0</v>
      </c>
      <c r="BA9" s="222">
        <v>0</v>
      </c>
      <c r="BB9" s="222">
        <v>0</v>
      </c>
      <c r="BC9" s="223">
        <v>5</v>
      </c>
      <c r="BD9" s="224">
        <v>3</v>
      </c>
      <c r="BE9" s="224">
        <v>6</v>
      </c>
      <c r="BF9" s="224">
        <v>21</v>
      </c>
      <c r="BG9" s="222">
        <v>14</v>
      </c>
      <c r="BH9" s="225">
        <v>49</v>
      </c>
      <c r="BI9" s="227">
        <v>49</v>
      </c>
      <c r="BJ9" s="228">
        <v>0</v>
      </c>
      <c r="BK9" s="222">
        <v>0</v>
      </c>
      <c r="BL9" s="222">
        <v>0</v>
      </c>
      <c r="BM9" s="223">
        <v>2</v>
      </c>
      <c r="BN9" s="224">
        <v>0</v>
      </c>
      <c r="BO9" s="224">
        <v>9</v>
      </c>
      <c r="BP9" s="224">
        <v>68</v>
      </c>
      <c r="BQ9" s="222">
        <v>92</v>
      </c>
      <c r="BR9" s="225">
        <v>171</v>
      </c>
      <c r="BS9" s="226">
        <v>171</v>
      </c>
      <c r="BT9" s="221">
        <v>0</v>
      </c>
      <c r="BU9" s="222">
        <v>0</v>
      </c>
      <c r="BV9" s="222">
        <v>0</v>
      </c>
      <c r="BW9" s="223">
        <v>2</v>
      </c>
      <c r="BX9" s="224">
        <v>0</v>
      </c>
      <c r="BY9" s="224">
        <v>9</v>
      </c>
      <c r="BZ9" s="224">
        <v>67</v>
      </c>
      <c r="CA9" s="222">
        <v>90</v>
      </c>
      <c r="CB9" s="225">
        <v>168</v>
      </c>
      <c r="CC9" s="227">
        <v>168</v>
      </c>
      <c r="CD9" s="228">
        <v>0</v>
      </c>
      <c r="CE9" s="222">
        <v>0</v>
      </c>
      <c r="CF9" s="222">
        <v>0</v>
      </c>
      <c r="CG9" s="223">
        <v>0</v>
      </c>
      <c r="CH9" s="224">
        <v>0</v>
      </c>
      <c r="CI9" s="224">
        <v>0</v>
      </c>
      <c r="CJ9" s="224">
        <v>1</v>
      </c>
      <c r="CK9" s="222">
        <v>2</v>
      </c>
      <c r="CL9" s="225">
        <v>3</v>
      </c>
      <c r="CM9" s="227">
        <v>3</v>
      </c>
      <c r="CN9" s="228">
        <v>0</v>
      </c>
      <c r="CO9" s="222">
        <v>0</v>
      </c>
      <c r="CP9" s="222">
        <v>0</v>
      </c>
      <c r="CQ9" s="223">
        <v>0</v>
      </c>
      <c r="CR9" s="224">
        <v>1</v>
      </c>
      <c r="CS9" s="224">
        <v>4</v>
      </c>
      <c r="CT9" s="224">
        <v>35</v>
      </c>
      <c r="CU9" s="222">
        <v>56</v>
      </c>
      <c r="CV9" s="225">
        <v>96</v>
      </c>
      <c r="CW9" s="226">
        <v>96</v>
      </c>
      <c r="CX9" s="221">
        <v>0</v>
      </c>
      <c r="CY9" s="222">
        <v>0</v>
      </c>
      <c r="CZ9" s="222">
        <v>0</v>
      </c>
      <c r="DA9" s="223">
        <v>0</v>
      </c>
      <c r="DB9" s="224">
        <v>1</v>
      </c>
      <c r="DC9" s="224">
        <v>4</v>
      </c>
      <c r="DD9" s="224">
        <v>34</v>
      </c>
      <c r="DE9" s="222">
        <v>56</v>
      </c>
      <c r="DF9" s="225">
        <v>95</v>
      </c>
      <c r="DG9" s="227">
        <v>95</v>
      </c>
      <c r="DH9" s="228">
        <v>0</v>
      </c>
      <c r="DI9" s="222">
        <v>0</v>
      </c>
      <c r="DJ9" s="222">
        <v>0</v>
      </c>
      <c r="DK9" s="223">
        <v>0</v>
      </c>
      <c r="DL9" s="224">
        <v>0</v>
      </c>
      <c r="DM9" s="224">
        <v>0</v>
      </c>
      <c r="DN9" s="224">
        <v>1</v>
      </c>
      <c r="DO9" s="222">
        <v>0</v>
      </c>
      <c r="DP9" s="225">
        <v>1</v>
      </c>
      <c r="DQ9" s="227">
        <v>1</v>
      </c>
      <c r="DR9" s="228">
        <v>0</v>
      </c>
      <c r="DS9" s="222">
        <v>0</v>
      </c>
      <c r="DT9" s="222">
        <v>0</v>
      </c>
      <c r="DU9" s="223">
        <v>312</v>
      </c>
      <c r="DV9" s="224">
        <v>536</v>
      </c>
      <c r="DW9" s="224">
        <v>1692</v>
      </c>
      <c r="DX9" s="224">
        <v>2412</v>
      </c>
      <c r="DY9" s="222">
        <v>1702</v>
      </c>
      <c r="DZ9" s="225">
        <v>6654</v>
      </c>
      <c r="EA9" s="227">
        <v>6654</v>
      </c>
      <c r="EB9" s="37"/>
    </row>
    <row r="10" spans="1:132" ht="20.25" customHeight="1" x14ac:dyDescent="0.2">
      <c r="A10" s="62" t="s">
        <v>14</v>
      </c>
      <c r="B10" s="221">
        <v>0</v>
      </c>
      <c r="C10" s="222">
        <v>0</v>
      </c>
      <c r="D10" s="222">
        <v>0</v>
      </c>
      <c r="E10" s="223">
        <v>12</v>
      </c>
      <c r="F10" s="224">
        <v>59</v>
      </c>
      <c r="G10" s="224">
        <v>819</v>
      </c>
      <c r="H10" s="224">
        <v>1262</v>
      </c>
      <c r="I10" s="222">
        <v>723</v>
      </c>
      <c r="J10" s="225">
        <v>2875</v>
      </c>
      <c r="K10" s="226">
        <v>2875</v>
      </c>
      <c r="L10" s="221">
        <v>0</v>
      </c>
      <c r="M10" s="222">
        <v>0</v>
      </c>
      <c r="N10" s="225">
        <v>0</v>
      </c>
      <c r="O10" s="223">
        <v>12</v>
      </c>
      <c r="P10" s="224">
        <v>58</v>
      </c>
      <c r="Q10" s="224">
        <v>816</v>
      </c>
      <c r="R10" s="224">
        <v>1255</v>
      </c>
      <c r="S10" s="222">
        <v>714</v>
      </c>
      <c r="T10" s="225">
        <v>2855</v>
      </c>
      <c r="U10" s="227">
        <v>2855</v>
      </c>
      <c r="V10" s="228">
        <v>0</v>
      </c>
      <c r="W10" s="222">
        <v>0</v>
      </c>
      <c r="X10" s="225">
        <v>0</v>
      </c>
      <c r="Y10" s="228">
        <v>0</v>
      </c>
      <c r="Z10" s="224">
        <v>1</v>
      </c>
      <c r="AA10" s="224">
        <v>3</v>
      </c>
      <c r="AB10" s="224">
        <v>7</v>
      </c>
      <c r="AC10" s="222">
        <v>9</v>
      </c>
      <c r="AD10" s="225">
        <v>20</v>
      </c>
      <c r="AE10" s="229">
        <v>20</v>
      </c>
      <c r="AF10" s="228">
        <v>0</v>
      </c>
      <c r="AG10" s="222">
        <v>0</v>
      </c>
      <c r="AH10" s="225">
        <v>0</v>
      </c>
      <c r="AI10" s="228">
        <v>82</v>
      </c>
      <c r="AJ10" s="224">
        <v>215</v>
      </c>
      <c r="AK10" s="224">
        <v>292</v>
      </c>
      <c r="AL10" s="224">
        <v>343</v>
      </c>
      <c r="AM10" s="222">
        <v>199</v>
      </c>
      <c r="AN10" s="225">
        <v>1131</v>
      </c>
      <c r="AO10" s="229">
        <v>1131</v>
      </c>
      <c r="AP10" s="228">
        <v>0</v>
      </c>
      <c r="AQ10" s="222">
        <v>0</v>
      </c>
      <c r="AR10" s="225">
        <v>0</v>
      </c>
      <c r="AS10" s="223">
        <v>80</v>
      </c>
      <c r="AT10" s="224">
        <v>213</v>
      </c>
      <c r="AU10" s="224">
        <v>289</v>
      </c>
      <c r="AV10" s="224">
        <v>337</v>
      </c>
      <c r="AW10" s="222">
        <v>193</v>
      </c>
      <c r="AX10" s="225">
        <v>1112</v>
      </c>
      <c r="AY10" s="226">
        <v>1112</v>
      </c>
      <c r="AZ10" s="221">
        <v>0</v>
      </c>
      <c r="BA10" s="222">
        <v>0</v>
      </c>
      <c r="BB10" s="222">
        <v>0</v>
      </c>
      <c r="BC10" s="223">
        <v>2</v>
      </c>
      <c r="BD10" s="224">
        <v>2</v>
      </c>
      <c r="BE10" s="224">
        <v>3</v>
      </c>
      <c r="BF10" s="224">
        <v>6</v>
      </c>
      <c r="BG10" s="222">
        <v>6</v>
      </c>
      <c r="BH10" s="225">
        <v>19</v>
      </c>
      <c r="BI10" s="227">
        <v>19</v>
      </c>
      <c r="BJ10" s="228">
        <v>0</v>
      </c>
      <c r="BK10" s="222">
        <v>0</v>
      </c>
      <c r="BL10" s="222">
        <v>0</v>
      </c>
      <c r="BM10" s="223">
        <v>0</v>
      </c>
      <c r="BN10" s="224">
        <v>0</v>
      </c>
      <c r="BO10" s="224">
        <v>1</v>
      </c>
      <c r="BP10" s="224">
        <v>23</v>
      </c>
      <c r="BQ10" s="222">
        <v>22</v>
      </c>
      <c r="BR10" s="225">
        <v>46</v>
      </c>
      <c r="BS10" s="226">
        <v>46</v>
      </c>
      <c r="BT10" s="221">
        <v>0</v>
      </c>
      <c r="BU10" s="222">
        <v>0</v>
      </c>
      <c r="BV10" s="222">
        <v>0</v>
      </c>
      <c r="BW10" s="223">
        <v>0</v>
      </c>
      <c r="BX10" s="224">
        <v>0</v>
      </c>
      <c r="BY10" s="224">
        <v>1</v>
      </c>
      <c r="BZ10" s="224">
        <v>23</v>
      </c>
      <c r="CA10" s="222">
        <v>22</v>
      </c>
      <c r="CB10" s="225">
        <v>46</v>
      </c>
      <c r="CC10" s="227">
        <v>46</v>
      </c>
      <c r="CD10" s="228">
        <v>0</v>
      </c>
      <c r="CE10" s="222">
        <v>0</v>
      </c>
      <c r="CF10" s="222">
        <v>0</v>
      </c>
      <c r="CG10" s="223">
        <v>0</v>
      </c>
      <c r="CH10" s="224">
        <v>0</v>
      </c>
      <c r="CI10" s="224">
        <v>0</v>
      </c>
      <c r="CJ10" s="224">
        <v>0</v>
      </c>
      <c r="CK10" s="222">
        <v>0</v>
      </c>
      <c r="CL10" s="225">
        <v>0</v>
      </c>
      <c r="CM10" s="227">
        <v>0</v>
      </c>
      <c r="CN10" s="228">
        <v>0</v>
      </c>
      <c r="CO10" s="222">
        <v>0</v>
      </c>
      <c r="CP10" s="222">
        <v>0</v>
      </c>
      <c r="CQ10" s="223">
        <v>0</v>
      </c>
      <c r="CR10" s="224">
        <v>0</v>
      </c>
      <c r="CS10" s="224">
        <v>5</v>
      </c>
      <c r="CT10" s="224">
        <v>71</v>
      </c>
      <c r="CU10" s="222">
        <v>74</v>
      </c>
      <c r="CV10" s="225">
        <v>150</v>
      </c>
      <c r="CW10" s="226">
        <v>150</v>
      </c>
      <c r="CX10" s="221">
        <v>0</v>
      </c>
      <c r="CY10" s="222">
        <v>0</v>
      </c>
      <c r="CZ10" s="222">
        <v>0</v>
      </c>
      <c r="DA10" s="223">
        <v>0</v>
      </c>
      <c r="DB10" s="224">
        <v>0</v>
      </c>
      <c r="DC10" s="224">
        <v>5</v>
      </c>
      <c r="DD10" s="224">
        <v>70</v>
      </c>
      <c r="DE10" s="222">
        <v>72</v>
      </c>
      <c r="DF10" s="225">
        <v>147</v>
      </c>
      <c r="DG10" s="227">
        <v>147</v>
      </c>
      <c r="DH10" s="228">
        <v>0</v>
      </c>
      <c r="DI10" s="222">
        <v>0</v>
      </c>
      <c r="DJ10" s="222">
        <v>0</v>
      </c>
      <c r="DK10" s="223">
        <v>0</v>
      </c>
      <c r="DL10" s="224">
        <v>0</v>
      </c>
      <c r="DM10" s="224">
        <v>0</v>
      </c>
      <c r="DN10" s="224">
        <v>1</v>
      </c>
      <c r="DO10" s="222">
        <v>2</v>
      </c>
      <c r="DP10" s="225">
        <v>3</v>
      </c>
      <c r="DQ10" s="227">
        <v>3</v>
      </c>
      <c r="DR10" s="228">
        <v>0</v>
      </c>
      <c r="DS10" s="222">
        <v>0</v>
      </c>
      <c r="DT10" s="222">
        <v>0</v>
      </c>
      <c r="DU10" s="223">
        <v>94</v>
      </c>
      <c r="DV10" s="224">
        <v>274</v>
      </c>
      <c r="DW10" s="224">
        <v>1116</v>
      </c>
      <c r="DX10" s="224">
        <v>1696</v>
      </c>
      <c r="DY10" s="222">
        <v>1013</v>
      </c>
      <c r="DZ10" s="225">
        <v>4193</v>
      </c>
      <c r="EA10" s="227">
        <v>4193</v>
      </c>
      <c r="EB10" s="37"/>
    </row>
    <row r="11" spans="1:132" ht="20.25" customHeight="1" x14ac:dyDescent="0.2">
      <c r="A11" s="62" t="s">
        <v>7</v>
      </c>
      <c r="B11" s="221">
        <v>0</v>
      </c>
      <c r="C11" s="222">
        <v>0</v>
      </c>
      <c r="D11" s="222">
        <v>0</v>
      </c>
      <c r="E11" s="223">
        <v>21</v>
      </c>
      <c r="F11" s="224">
        <v>54</v>
      </c>
      <c r="G11" s="224">
        <v>559</v>
      </c>
      <c r="H11" s="224">
        <v>952</v>
      </c>
      <c r="I11" s="222">
        <v>578</v>
      </c>
      <c r="J11" s="225">
        <v>2164</v>
      </c>
      <c r="K11" s="226">
        <v>2164</v>
      </c>
      <c r="L11" s="221">
        <v>0</v>
      </c>
      <c r="M11" s="222">
        <v>0</v>
      </c>
      <c r="N11" s="225">
        <v>0</v>
      </c>
      <c r="O11" s="223">
        <v>21</v>
      </c>
      <c r="P11" s="224">
        <v>54</v>
      </c>
      <c r="Q11" s="224">
        <v>553</v>
      </c>
      <c r="R11" s="224">
        <v>941</v>
      </c>
      <c r="S11" s="222">
        <v>565</v>
      </c>
      <c r="T11" s="225">
        <v>2134</v>
      </c>
      <c r="U11" s="227">
        <v>2134</v>
      </c>
      <c r="V11" s="228">
        <v>0</v>
      </c>
      <c r="W11" s="222">
        <v>0</v>
      </c>
      <c r="X11" s="225">
        <v>0</v>
      </c>
      <c r="Y11" s="228">
        <v>0</v>
      </c>
      <c r="Z11" s="224">
        <v>0</v>
      </c>
      <c r="AA11" s="224">
        <v>6</v>
      </c>
      <c r="AB11" s="224">
        <v>11</v>
      </c>
      <c r="AC11" s="222">
        <v>13</v>
      </c>
      <c r="AD11" s="225">
        <v>30</v>
      </c>
      <c r="AE11" s="229">
        <v>30</v>
      </c>
      <c r="AF11" s="228">
        <v>0</v>
      </c>
      <c r="AG11" s="222">
        <v>0</v>
      </c>
      <c r="AH11" s="225">
        <v>0</v>
      </c>
      <c r="AI11" s="228">
        <v>169</v>
      </c>
      <c r="AJ11" s="224">
        <v>233</v>
      </c>
      <c r="AK11" s="224">
        <v>240</v>
      </c>
      <c r="AL11" s="224">
        <v>294</v>
      </c>
      <c r="AM11" s="222">
        <v>121</v>
      </c>
      <c r="AN11" s="225">
        <v>1057</v>
      </c>
      <c r="AO11" s="229">
        <v>1057</v>
      </c>
      <c r="AP11" s="228">
        <v>0</v>
      </c>
      <c r="AQ11" s="222">
        <v>0</v>
      </c>
      <c r="AR11" s="225">
        <v>0</v>
      </c>
      <c r="AS11" s="223">
        <v>168</v>
      </c>
      <c r="AT11" s="224">
        <v>231</v>
      </c>
      <c r="AU11" s="224">
        <v>235</v>
      </c>
      <c r="AV11" s="224">
        <v>289</v>
      </c>
      <c r="AW11" s="222">
        <v>119</v>
      </c>
      <c r="AX11" s="225">
        <v>1042</v>
      </c>
      <c r="AY11" s="226">
        <v>1042</v>
      </c>
      <c r="AZ11" s="221">
        <v>0</v>
      </c>
      <c r="BA11" s="222">
        <v>0</v>
      </c>
      <c r="BB11" s="222">
        <v>0</v>
      </c>
      <c r="BC11" s="223">
        <v>1</v>
      </c>
      <c r="BD11" s="224">
        <v>2</v>
      </c>
      <c r="BE11" s="224">
        <v>5</v>
      </c>
      <c r="BF11" s="224">
        <v>5</v>
      </c>
      <c r="BG11" s="222">
        <v>2</v>
      </c>
      <c r="BH11" s="225">
        <v>15</v>
      </c>
      <c r="BI11" s="227">
        <v>15</v>
      </c>
      <c r="BJ11" s="228">
        <v>0</v>
      </c>
      <c r="BK11" s="222">
        <v>0</v>
      </c>
      <c r="BL11" s="222">
        <v>0</v>
      </c>
      <c r="BM11" s="223">
        <v>0</v>
      </c>
      <c r="BN11" s="224">
        <v>0</v>
      </c>
      <c r="BO11" s="224">
        <v>0</v>
      </c>
      <c r="BP11" s="224">
        <v>3</v>
      </c>
      <c r="BQ11" s="222">
        <v>5</v>
      </c>
      <c r="BR11" s="225">
        <v>8</v>
      </c>
      <c r="BS11" s="226">
        <v>8</v>
      </c>
      <c r="BT11" s="221">
        <v>0</v>
      </c>
      <c r="BU11" s="222">
        <v>0</v>
      </c>
      <c r="BV11" s="222">
        <v>0</v>
      </c>
      <c r="BW11" s="223">
        <v>0</v>
      </c>
      <c r="BX11" s="224">
        <v>0</v>
      </c>
      <c r="BY11" s="224">
        <v>0</v>
      </c>
      <c r="BZ11" s="224">
        <v>3</v>
      </c>
      <c r="CA11" s="222">
        <v>5</v>
      </c>
      <c r="CB11" s="225">
        <v>8</v>
      </c>
      <c r="CC11" s="227">
        <v>8</v>
      </c>
      <c r="CD11" s="228">
        <v>0</v>
      </c>
      <c r="CE11" s="222">
        <v>0</v>
      </c>
      <c r="CF11" s="222">
        <v>0</v>
      </c>
      <c r="CG11" s="223">
        <v>0</v>
      </c>
      <c r="CH11" s="224">
        <v>0</v>
      </c>
      <c r="CI11" s="224">
        <v>0</v>
      </c>
      <c r="CJ11" s="224">
        <v>0</v>
      </c>
      <c r="CK11" s="222">
        <v>0</v>
      </c>
      <c r="CL11" s="225">
        <v>0</v>
      </c>
      <c r="CM11" s="227">
        <v>0</v>
      </c>
      <c r="CN11" s="228">
        <v>0</v>
      </c>
      <c r="CO11" s="222">
        <v>0</v>
      </c>
      <c r="CP11" s="222">
        <v>0</v>
      </c>
      <c r="CQ11" s="223">
        <v>0</v>
      </c>
      <c r="CR11" s="224">
        <v>0</v>
      </c>
      <c r="CS11" s="224">
        <v>3</v>
      </c>
      <c r="CT11" s="224">
        <v>0</v>
      </c>
      <c r="CU11" s="222">
        <v>4</v>
      </c>
      <c r="CV11" s="225">
        <v>7</v>
      </c>
      <c r="CW11" s="226">
        <v>7</v>
      </c>
      <c r="CX11" s="221">
        <v>0</v>
      </c>
      <c r="CY11" s="222">
        <v>0</v>
      </c>
      <c r="CZ11" s="222">
        <v>0</v>
      </c>
      <c r="DA11" s="223">
        <v>0</v>
      </c>
      <c r="DB11" s="224">
        <v>0</v>
      </c>
      <c r="DC11" s="224">
        <v>3</v>
      </c>
      <c r="DD11" s="224">
        <v>0</v>
      </c>
      <c r="DE11" s="222">
        <v>4</v>
      </c>
      <c r="DF11" s="225">
        <v>7</v>
      </c>
      <c r="DG11" s="227">
        <v>7</v>
      </c>
      <c r="DH11" s="228">
        <v>0</v>
      </c>
      <c r="DI11" s="222">
        <v>0</v>
      </c>
      <c r="DJ11" s="222">
        <v>0</v>
      </c>
      <c r="DK11" s="223">
        <v>0</v>
      </c>
      <c r="DL11" s="224">
        <v>0</v>
      </c>
      <c r="DM11" s="224">
        <v>0</v>
      </c>
      <c r="DN11" s="224">
        <v>0</v>
      </c>
      <c r="DO11" s="222">
        <v>0</v>
      </c>
      <c r="DP11" s="225">
        <v>0</v>
      </c>
      <c r="DQ11" s="227">
        <v>0</v>
      </c>
      <c r="DR11" s="228">
        <v>0</v>
      </c>
      <c r="DS11" s="222">
        <v>0</v>
      </c>
      <c r="DT11" s="222">
        <v>0</v>
      </c>
      <c r="DU11" s="223">
        <v>190</v>
      </c>
      <c r="DV11" s="224">
        <v>287</v>
      </c>
      <c r="DW11" s="224">
        <v>801</v>
      </c>
      <c r="DX11" s="224">
        <v>1245</v>
      </c>
      <c r="DY11" s="222">
        <v>705</v>
      </c>
      <c r="DZ11" s="225">
        <v>3228</v>
      </c>
      <c r="EA11" s="227">
        <v>3228</v>
      </c>
      <c r="EB11" s="37"/>
    </row>
    <row r="12" spans="1:132" ht="20.25" customHeight="1" x14ac:dyDescent="0.2">
      <c r="A12" s="62" t="s">
        <v>8</v>
      </c>
      <c r="B12" s="221">
        <v>0</v>
      </c>
      <c r="C12" s="222">
        <v>0</v>
      </c>
      <c r="D12" s="222">
        <v>0</v>
      </c>
      <c r="E12" s="223">
        <v>27</v>
      </c>
      <c r="F12" s="224">
        <v>66</v>
      </c>
      <c r="G12" s="224">
        <v>347</v>
      </c>
      <c r="H12" s="224">
        <v>383</v>
      </c>
      <c r="I12" s="222">
        <v>233</v>
      </c>
      <c r="J12" s="225">
        <v>1056</v>
      </c>
      <c r="K12" s="226">
        <v>1056</v>
      </c>
      <c r="L12" s="221">
        <v>0</v>
      </c>
      <c r="M12" s="222">
        <v>0</v>
      </c>
      <c r="N12" s="225">
        <v>0</v>
      </c>
      <c r="O12" s="223">
        <v>27</v>
      </c>
      <c r="P12" s="224">
        <v>66</v>
      </c>
      <c r="Q12" s="224">
        <v>344</v>
      </c>
      <c r="R12" s="224">
        <v>380</v>
      </c>
      <c r="S12" s="222">
        <v>232</v>
      </c>
      <c r="T12" s="225">
        <v>1049</v>
      </c>
      <c r="U12" s="227">
        <v>1049</v>
      </c>
      <c r="V12" s="228">
        <v>0</v>
      </c>
      <c r="W12" s="222">
        <v>0</v>
      </c>
      <c r="X12" s="225">
        <v>0</v>
      </c>
      <c r="Y12" s="228">
        <v>0</v>
      </c>
      <c r="Z12" s="224">
        <v>0</v>
      </c>
      <c r="AA12" s="224">
        <v>3</v>
      </c>
      <c r="AB12" s="224">
        <v>3</v>
      </c>
      <c r="AC12" s="222">
        <v>1</v>
      </c>
      <c r="AD12" s="225">
        <v>7</v>
      </c>
      <c r="AE12" s="229">
        <v>7</v>
      </c>
      <c r="AF12" s="228">
        <v>0</v>
      </c>
      <c r="AG12" s="222">
        <v>0</v>
      </c>
      <c r="AH12" s="225">
        <v>0</v>
      </c>
      <c r="AI12" s="228">
        <v>49</v>
      </c>
      <c r="AJ12" s="224">
        <v>100</v>
      </c>
      <c r="AK12" s="224">
        <v>149</v>
      </c>
      <c r="AL12" s="224">
        <v>131</v>
      </c>
      <c r="AM12" s="222">
        <v>62</v>
      </c>
      <c r="AN12" s="225">
        <v>491</v>
      </c>
      <c r="AO12" s="229">
        <v>491</v>
      </c>
      <c r="AP12" s="228">
        <v>0</v>
      </c>
      <c r="AQ12" s="222">
        <v>0</v>
      </c>
      <c r="AR12" s="225">
        <v>0</v>
      </c>
      <c r="AS12" s="223">
        <v>48</v>
      </c>
      <c r="AT12" s="224">
        <v>98</v>
      </c>
      <c r="AU12" s="224">
        <v>143</v>
      </c>
      <c r="AV12" s="224">
        <v>128</v>
      </c>
      <c r="AW12" s="222">
        <v>60</v>
      </c>
      <c r="AX12" s="225">
        <v>477</v>
      </c>
      <c r="AY12" s="226">
        <v>477</v>
      </c>
      <c r="AZ12" s="221">
        <v>0</v>
      </c>
      <c r="BA12" s="222">
        <v>0</v>
      </c>
      <c r="BB12" s="222">
        <v>0</v>
      </c>
      <c r="BC12" s="223">
        <v>1</v>
      </c>
      <c r="BD12" s="224">
        <v>2</v>
      </c>
      <c r="BE12" s="224">
        <v>6</v>
      </c>
      <c r="BF12" s="224">
        <v>3</v>
      </c>
      <c r="BG12" s="222">
        <v>2</v>
      </c>
      <c r="BH12" s="225">
        <v>14</v>
      </c>
      <c r="BI12" s="227">
        <v>14</v>
      </c>
      <c r="BJ12" s="228">
        <v>0</v>
      </c>
      <c r="BK12" s="222">
        <v>0</v>
      </c>
      <c r="BL12" s="222">
        <v>0</v>
      </c>
      <c r="BM12" s="223">
        <v>0</v>
      </c>
      <c r="BN12" s="224">
        <v>0</v>
      </c>
      <c r="BO12" s="224">
        <v>0</v>
      </c>
      <c r="BP12" s="224">
        <v>4</v>
      </c>
      <c r="BQ12" s="222">
        <v>3</v>
      </c>
      <c r="BR12" s="225">
        <v>7</v>
      </c>
      <c r="BS12" s="226">
        <v>7</v>
      </c>
      <c r="BT12" s="221">
        <v>0</v>
      </c>
      <c r="BU12" s="222">
        <v>0</v>
      </c>
      <c r="BV12" s="222">
        <v>0</v>
      </c>
      <c r="BW12" s="223">
        <v>0</v>
      </c>
      <c r="BX12" s="224">
        <v>0</v>
      </c>
      <c r="BY12" s="224">
        <v>0</v>
      </c>
      <c r="BZ12" s="224">
        <v>4</v>
      </c>
      <c r="CA12" s="222">
        <v>3</v>
      </c>
      <c r="CB12" s="225">
        <v>7</v>
      </c>
      <c r="CC12" s="227">
        <v>7</v>
      </c>
      <c r="CD12" s="228">
        <v>0</v>
      </c>
      <c r="CE12" s="222">
        <v>0</v>
      </c>
      <c r="CF12" s="222">
        <v>0</v>
      </c>
      <c r="CG12" s="223">
        <v>0</v>
      </c>
      <c r="CH12" s="224">
        <v>0</v>
      </c>
      <c r="CI12" s="224">
        <v>0</v>
      </c>
      <c r="CJ12" s="224">
        <v>0</v>
      </c>
      <c r="CK12" s="222">
        <v>0</v>
      </c>
      <c r="CL12" s="225">
        <v>0</v>
      </c>
      <c r="CM12" s="227">
        <v>0</v>
      </c>
      <c r="CN12" s="228">
        <v>0</v>
      </c>
      <c r="CO12" s="222">
        <v>0</v>
      </c>
      <c r="CP12" s="222">
        <v>0</v>
      </c>
      <c r="CQ12" s="223">
        <v>1</v>
      </c>
      <c r="CR12" s="224">
        <v>0</v>
      </c>
      <c r="CS12" s="224">
        <v>1</v>
      </c>
      <c r="CT12" s="224">
        <v>6</v>
      </c>
      <c r="CU12" s="222">
        <v>5</v>
      </c>
      <c r="CV12" s="225">
        <v>13</v>
      </c>
      <c r="CW12" s="226">
        <v>13</v>
      </c>
      <c r="CX12" s="221">
        <v>0</v>
      </c>
      <c r="CY12" s="222">
        <v>0</v>
      </c>
      <c r="CZ12" s="222">
        <v>0</v>
      </c>
      <c r="DA12" s="223">
        <v>1</v>
      </c>
      <c r="DB12" s="224">
        <v>0</v>
      </c>
      <c r="DC12" s="224">
        <v>1</v>
      </c>
      <c r="DD12" s="224">
        <v>6</v>
      </c>
      <c r="DE12" s="222">
        <v>5</v>
      </c>
      <c r="DF12" s="225">
        <v>13</v>
      </c>
      <c r="DG12" s="227">
        <v>13</v>
      </c>
      <c r="DH12" s="228">
        <v>0</v>
      </c>
      <c r="DI12" s="222">
        <v>0</v>
      </c>
      <c r="DJ12" s="222">
        <v>0</v>
      </c>
      <c r="DK12" s="223">
        <v>0</v>
      </c>
      <c r="DL12" s="224">
        <v>0</v>
      </c>
      <c r="DM12" s="224">
        <v>0</v>
      </c>
      <c r="DN12" s="224">
        <v>0</v>
      </c>
      <c r="DO12" s="222">
        <v>0</v>
      </c>
      <c r="DP12" s="225">
        <v>0</v>
      </c>
      <c r="DQ12" s="227">
        <v>0</v>
      </c>
      <c r="DR12" s="228">
        <v>0</v>
      </c>
      <c r="DS12" s="222">
        <v>0</v>
      </c>
      <c r="DT12" s="222">
        <v>0</v>
      </c>
      <c r="DU12" s="223">
        <v>77</v>
      </c>
      <c r="DV12" s="224">
        <v>166</v>
      </c>
      <c r="DW12" s="224">
        <v>497</v>
      </c>
      <c r="DX12" s="224">
        <v>524</v>
      </c>
      <c r="DY12" s="222">
        <v>303</v>
      </c>
      <c r="DZ12" s="225">
        <v>1567</v>
      </c>
      <c r="EA12" s="227">
        <v>1567</v>
      </c>
      <c r="EB12" s="37"/>
    </row>
    <row r="13" spans="1:132" ht="20.25" customHeight="1" x14ac:dyDescent="0.2">
      <c r="A13" s="62" t="s">
        <v>9</v>
      </c>
      <c r="B13" s="221">
        <v>0</v>
      </c>
      <c r="C13" s="222">
        <v>0</v>
      </c>
      <c r="D13" s="222">
        <v>0</v>
      </c>
      <c r="E13" s="223">
        <v>6</v>
      </c>
      <c r="F13" s="224">
        <v>3</v>
      </c>
      <c r="G13" s="224">
        <v>197</v>
      </c>
      <c r="H13" s="224">
        <v>370</v>
      </c>
      <c r="I13" s="222">
        <v>277</v>
      </c>
      <c r="J13" s="225">
        <v>853</v>
      </c>
      <c r="K13" s="226">
        <v>853</v>
      </c>
      <c r="L13" s="221">
        <v>0</v>
      </c>
      <c r="M13" s="222">
        <v>0</v>
      </c>
      <c r="N13" s="225">
        <v>0</v>
      </c>
      <c r="O13" s="223">
        <v>6</v>
      </c>
      <c r="P13" s="224">
        <v>3</v>
      </c>
      <c r="Q13" s="224">
        <v>197</v>
      </c>
      <c r="R13" s="224">
        <v>366</v>
      </c>
      <c r="S13" s="222">
        <v>275</v>
      </c>
      <c r="T13" s="225">
        <v>847</v>
      </c>
      <c r="U13" s="227">
        <v>847</v>
      </c>
      <c r="V13" s="228">
        <v>0</v>
      </c>
      <c r="W13" s="222">
        <v>0</v>
      </c>
      <c r="X13" s="225">
        <v>0</v>
      </c>
      <c r="Y13" s="228">
        <v>0</v>
      </c>
      <c r="Z13" s="224">
        <v>0</v>
      </c>
      <c r="AA13" s="224">
        <v>0</v>
      </c>
      <c r="AB13" s="224">
        <v>4</v>
      </c>
      <c r="AC13" s="222">
        <v>2</v>
      </c>
      <c r="AD13" s="225">
        <v>6</v>
      </c>
      <c r="AE13" s="229">
        <v>6</v>
      </c>
      <c r="AF13" s="228">
        <v>0</v>
      </c>
      <c r="AG13" s="222">
        <v>0</v>
      </c>
      <c r="AH13" s="225">
        <v>0</v>
      </c>
      <c r="AI13" s="228">
        <v>30</v>
      </c>
      <c r="AJ13" s="224">
        <v>64</v>
      </c>
      <c r="AK13" s="224">
        <v>96</v>
      </c>
      <c r="AL13" s="224">
        <v>116</v>
      </c>
      <c r="AM13" s="222">
        <v>61</v>
      </c>
      <c r="AN13" s="225">
        <v>367</v>
      </c>
      <c r="AO13" s="229">
        <v>367</v>
      </c>
      <c r="AP13" s="228">
        <v>0</v>
      </c>
      <c r="AQ13" s="222">
        <v>0</v>
      </c>
      <c r="AR13" s="225">
        <v>0</v>
      </c>
      <c r="AS13" s="223">
        <v>30</v>
      </c>
      <c r="AT13" s="224">
        <v>64</v>
      </c>
      <c r="AU13" s="224">
        <v>94</v>
      </c>
      <c r="AV13" s="224">
        <v>114</v>
      </c>
      <c r="AW13" s="222">
        <v>59</v>
      </c>
      <c r="AX13" s="225">
        <v>361</v>
      </c>
      <c r="AY13" s="226">
        <v>361</v>
      </c>
      <c r="AZ13" s="221">
        <v>0</v>
      </c>
      <c r="BA13" s="222">
        <v>0</v>
      </c>
      <c r="BB13" s="222">
        <v>0</v>
      </c>
      <c r="BC13" s="223">
        <v>0</v>
      </c>
      <c r="BD13" s="224">
        <v>0</v>
      </c>
      <c r="BE13" s="224">
        <v>2</v>
      </c>
      <c r="BF13" s="224">
        <v>2</v>
      </c>
      <c r="BG13" s="222">
        <v>2</v>
      </c>
      <c r="BH13" s="225">
        <v>6</v>
      </c>
      <c r="BI13" s="227">
        <v>6</v>
      </c>
      <c r="BJ13" s="228">
        <v>0</v>
      </c>
      <c r="BK13" s="222">
        <v>0</v>
      </c>
      <c r="BL13" s="222">
        <v>0</v>
      </c>
      <c r="BM13" s="223">
        <v>0</v>
      </c>
      <c r="BN13" s="224">
        <v>0</v>
      </c>
      <c r="BO13" s="224">
        <v>0</v>
      </c>
      <c r="BP13" s="224">
        <v>3</v>
      </c>
      <c r="BQ13" s="222">
        <v>2</v>
      </c>
      <c r="BR13" s="225">
        <v>5</v>
      </c>
      <c r="BS13" s="226">
        <v>5</v>
      </c>
      <c r="BT13" s="221">
        <v>0</v>
      </c>
      <c r="BU13" s="222">
        <v>0</v>
      </c>
      <c r="BV13" s="222">
        <v>0</v>
      </c>
      <c r="BW13" s="223">
        <v>0</v>
      </c>
      <c r="BX13" s="224">
        <v>0</v>
      </c>
      <c r="BY13" s="224">
        <v>0</v>
      </c>
      <c r="BZ13" s="224">
        <v>3</v>
      </c>
      <c r="CA13" s="222">
        <v>2</v>
      </c>
      <c r="CB13" s="225">
        <v>5</v>
      </c>
      <c r="CC13" s="227">
        <v>5</v>
      </c>
      <c r="CD13" s="228">
        <v>0</v>
      </c>
      <c r="CE13" s="222">
        <v>0</v>
      </c>
      <c r="CF13" s="222">
        <v>0</v>
      </c>
      <c r="CG13" s="223">
        <v>0</v>
      </c>
      <c r="CH13" s="224">
        <v>0</v>
      </c>
      <c r="CI13" s="224">
        <v>0</v>
      </c>
      <c r="CJ13" s="224">
        <v>0</v>
      </c>
      <c r="CK13" s="222">
        <v>0</v>
      </c>
      <c r="CL13" s="225">
        <v>0</v>
      </c>
      <c r="CM13" s="227">
        <v>0</v>
      </c>
      <c r="CN13" s="228">
        <v>0</v>
      </c>
      <c r="CO13" s="222">
        <v>0</v>
      </c>
      <c r="CP13" s="222">
        <v>0</v>
      </c>
      <c r="CQ13" s="223">
        <v>0</v>
      </c>
      <c r="CR13" s="224">
        <v>0</v>
      </c>
      <c r="CS13" s="224">
        <v>2</v>
      </c>
      <c r="CT13" s="224">
        <v>1</v>
      </c>
      <c r="CU13" s="222">
        <v>4</v>
      </c>
      <c r="CV13" s="225">
        <v>7</v>
      </c>
      <c r="CW13" s="226">
        <v>7</v>
      </c>
      <c r="CX13" s="221">
        <v>0</v>
      </c>
      <c r="CY13" s="222">
        <v>0</v>
      </c>
      <c r="CZ13" s="222">
        <v>0</v>
      </c>
      <c r="DA13" s="223">
        <v>0</v>
      </c>
      <c r="DB13" s="224">
        <v>0</v>
      </c>
      <c r="DC13" s="224">
        <v>2</v>
      </c>
      <c r="DD13" s="224">
        <v>1</v>
      </c>
      <c r="DE13" s="222">
        <v>4</v>
      </c>
      <c r="DF13" s="225">
        <v>7</v>
      </c>
      <c r="DG13" s="227">
        <v>7</v>
      </c>
      <c r="DH13" s="228">
        <v>0</v>
      </c>
      <c r="DI13" s="222">
        <v>0</v>
      </c>
      <c r="DJ13" s="222">
        <v>0</v>
      </c>
      <c r="DK13" s="223">
        <v>0</v>
      </c>
      <c r="DL13" s="224">
        <v>0</v>
      </c>
      <c r="DM13" s="224">
        <v>0</v>
      </c>
      <c r="DN13" s="224">
        <v>0</v>
      </c>
      <c r="DO13" s="222">
        <v>0</v>
      </c>
      <c r="DP13" s="225">
        <v>0</v>
      </c>
      <c r="DQ13" s="227">
        <v>0</v>
      </c>
      <c r="DR13" s="228">
        <v>0</v>
      </c>
      <c r="DS13" s="222">
        <v>0</v>
      </c>
      <c r="DT13" s="222">
        <v>0</v>
      </c>
      <c r="DU13" s="223">
        <v>36</v>
      </c>
      <c r="DV13" s="224">
        <v>67</v>
      </c>
      <c r="DW13" s="224">
        <v>294</v>
      </c>
      <c r="DX13" s="224">
        <v>488</v>
      </c>
      <c r="DY13" s="222">
        <v>343</v>
      </c>
      <c r="DZ13" s="225">
        <v>1228</v>
      </c>
      <c r="EA13" s="227">
        <v>1228</v>
      </c>
      <c r="EB13" s="37"/>
    </row>
    <row r="14" spans="1:132" ht="20.25" customHeight="1" x14ac:dyDescent="0.2">
      <c r="A14" s="62" t="s">
        <v>10</v>
      </c>
      <c r="B14" s="221">
        <v>0</v>
      </c>
      <c r="C14" s="222">
        <v>0</v>
      </c>
      <c r="D14" s="222">
        <v>0</v>
      </c>
      <c r="E14" s="223">
        <v>18</v>
      </c>
      <c r="F14" s="224">
        <v>47</v>
      </c>
      <c r="G14" s="224">
        <v>389</v>
      </c>
      <c r="H14" s="224">
        <v>527</v>
      </c>
      <c r="I14" s="222">
        <v>460</v>
      </c>
      <c r="J14" s="225">
        <v>1441</v>
      </c>
      <c r="K14" s="226">
        <v>1441</v>
      </c>
      <c r="L14" s="221">
        <v>0</v>
      </c>
      <c r="M14" s="222">
        <v>0</v>
      </c>
      <c r="N14" s="225">
        <v>0</v>
      </c>
      <c r="O14" s="223">
        <v>18</v>
      </c>
      <c r="P14" s="224">
        <v>47</v>
      </c>
      <c r="Q14" s="224">
        <v>386</v>
      </c>
      <c r="R14" s="224">
        <v>525</v>
      </c>
      <c r="S14" s="222">
        <v>453</v>
      </c>
      <c r="T14" s="225">
        <v>1429</v>
      </c>
      <c r="U14" s="227">
        <v>1429</v>
      </c>
      <c r="V14" s="228">
        <v>0</v>
      </c>
      <c r="W14" s="222">
        <v>0</v>
      </c>
      <c r="X14" s="225">
        <v>0</v>
      </c>
      <c r="Y14" s="228">
        <v>0</v>
      </c>
      <c r="Z14" s="224">
        <v>0</v>
      </c>
      <c r="AA14" s="224">
        <v>3</v>
      </c>
      <c r="AB14" s="224">
        <v>2</v>
      </c>
      <c r="AC14" s="222">
        <v>7</v>
      </c>
      <c r="AD14" s="225">
        <v>12</v>
      </c>
      <c r="AE14" s="229">
        <v>12</v>
      </c>
      <c r="AF14" s="228">
        <v>0</v>
      </c>
      <c r="AG14" s="222">
        <v>0</v>
      </c>
      <c r="AH14" s="225">
        <v>0</v>
      </c>
      <c r="AI14" s="228">
        <v>98</v>
      </c>
      <c r="AJ14" s="224">
        <v>137</v>
      </c>
      <c r="AK14" s="224">
        <v>147</v>
      </c>
      <c r="AL14" s="224">
        <v>156</v>
      </c>
      <c r="AM14" s="222">
        <v>103</v>
      </c>
      <c r="AN14" s="225">
        <v>641</v>
      </c>
      <c r="AO14" s="229">
        <v>641</v>
      </c>
      <c r="AP14" s="228">
        <v>0</v>
      </c>
      <c r="AQ14" s="222">
        <v>0</v>
      </c>
      <c r="AR14" s="225">
        <v>0</v>
      </c>
      <c r="AS14" s="223">
        <v>97</v>
      </c>
      <c r="AT14" s="224">
        <v>134</v>
      </c>
      <c r="AU14" s="224">
        <v>146</v>
      </c>
      <c r="AV14" s="224">
        <v>152</v>
      </c>
      <c r="AW14" s="222">
        <v>98</v>
      </c>
      <c r="AX14" s="225">
        <v>627</v>
      </c>
      <c r="AY14" s="226">
        <v>627</v>
      </c>
      <c r="AZ14" s="221">
        <v>0</v>
      </c>
      <c r="BA14" s="222">
        <v>0</v>
      </c>
      <c r="BB14" s="222">
        <v>0</v>
      </c>
      <c r="BC14" s="223">
        <v>1</v>
      </c>
      <c r="BD14" s="224">
        <v>3</v>
      </c>
      <c r="BE14" s="224">
        <v>1</v>
      </c>
      <c r="BF14" s="224">
        <v>4</v>
      </c>
      <c r="BG14" s="222">
        <v>5</v>
      </c>
      <c r="BH14" s="225">
        <v>14</v>
      </c>
      <c r="BI14" s="227">
        <v>14</v>
      </c>
      <c r="BJ14" s="228">
        <v>0</v>
      </c>
      <c r="BK14" s="222">
        <v>0</v>
      </c>
      <c r="BL14" s="222">
        <v>0</v>
      </c>
      <c r="BM14" s="223">
        <v>0</v>
      </c>
      <c r="BN14" s="224">
        <v>0</v>
      </c>
      <c r="BO14" s="224">
        <v>0</v>
      </c>
      <c r="BP14" s="224">
        <v>2</v>
      </c>
      <c r="BQ14" s="222">
        <v>10</v>
      </c>
      <c r="BR14" s="225">
        <v>12</v>
      </c>
      <c r="BS14" s="226">
        <v>12</v>
      </c>
      <c r="BT14" s="221">
        <v>0</v>
      </c>
      <c r="BU14" s="222">
        <v>0</v>
      </c>
      <c r="BV14" s="222">
        <v>0</v>
      </c>
      <c r="BW14" s="223">
        <v>0</v>
      </c>
      <c r="BX14" s="224">
        <v>0</v>
      </c>
      <c r="BY14" s="224">
        <v>0</v>
      </c>
      <c r="BZ14" s="224">
        <v>2</v>
      </c>
      <c r="CA14" s="222">
        <v>10</v>
      </c>
      <c r="CB14" s="225">
        <v>12</v>
      </c>
      <c r="CC14" s="227">
        <v>12</v>
      </c>
      <c r="CD14" s="228">
        <v>0</v>
      </c>
      <c r="CE14" s="222">
        <v>0</v>
      </c>
      <c r="CF14" s="222">
        <v>0</v>
      </c>
      <c r="CG14" s="223">
        <v>0</v>
      </c>
      <c r="CH14" s="224">
        <v>0</v>
      </c>
      <c r="CI14" s="224">
        <v>0</v>
      </c>
      <c r="CJ14" s="224">
        <v>0</v>
      </c>
      <c r="CK14" s="222">
        <v>0</v>
      </c>
      <c r="CL14" s="225">
        <v>0</v>
      </c>
      <c r="CM14" s="227">
        <v>0</v>
      </c>
      <c r="CN14" s="228">
        <v>0</v>
      </c>
      <c r="CO14" s="222">
        <v>0</v>
      </c>
      <c r="CP14" s="222">
        <v>0</v>
      </c>
      <c r="CQ14" s="223">
        <v>1</v>
      </c>
      <c r="CR14" s="224">
        <v>0</v>
      </c>
      <c r="CS14" s="224">
        <v>2</v>
      </c>
      <c r="CT14" s="224">
        <v>3</v>
      </c>
      <c r="CU14" s="222">
        <v>31</v>
      </c>
      <c r="CV14" s="225">
        <v>37</v>
      </c>
      <c r="CW14" s="226">
        <v>37</v>
      </c>
      <c r="CX14" s="221">
        <v>0</v>
      </c>
      <c r="CY14" s="222">
        <v>0</v>
      </c>
      <c r="CZ14" s="222">
        <v>0</v>
      </c>
      <c r="DA14" s="223">
        <v>1</v>
      </c>
      <c r="DB14" s="224">
        <v>0</v>
      </c>
      <c r="DC14" s="224">
        <v>2</v>
      </c>
      <c r="DD14" s="224">
        <v>3</v>
      </c>
      <c r="DE14" s="222">
        <v>31</v>
      </c>
      <c r="DF14" s="225">
        <v>37</v>
      </c>
      <c r="DG14" s="227">
        <v>37</v>
      </c>
      <c r="DH14" s="228">
        <v>0</v>
      </c>
      <c r="DI14" s="222">
        <v>0</v>
      </c>
      <c r="DJ14" s="222">
        <v>0</v>
      </c>
      <c r="DK14" s="223">
        <v>0</v>
      </c>
      <c r="DL14" s="224">
        <v>0</v>
      </c>
      <c r="DM14" s="224">
        <v>0</v>
      </c>
      <c r="DN14" s="224">
        <v>0</v>
      </c>
      <c r="DO14" s="222">
        <v>0</v>
      </c>
      <c r="DP14" s="225">
        <v>0</v>
      </c>
      <c r="DQ14" s="227">
        <v>0</v>
      </c>
      <c r="DR14" s="228">
        <v>0</v>
      </c>
      <c r="DS14" s="222">
        <v>0</v>
      </c>
      <c r="DT14" s="222">
        <v>0</v>
      </c>
      <c r="DU14" s="223">
        <v>117</v>
      </c>
      <c r="DV14" s="224">
        <v>184</v>
      </c>
      <c r="DW14" s="224">
        <v>537</v>
      </c>
      <c r="DX14" s="224">
        <v>685</v>
      </c>
      <c r="DY14" s="222">
        <v>604</v>
      </c>
      <c r="DZ14" s="225">
        <v>2127</v>
      </c>
      <c r="EA14" s="227">
        <v>2127</v>
      </c>
      <c r="EB14" s="37"/>
    </row>
    <row r="15" spans="1:132" ht="20.25" customHeight="1" x14ac:dyDescent="0.2">
      <c r="A15" s="62" t="s">
        <v>11</v>
      </c>
      <c r="B15" s="221">
        <v>0</v>
      </c>
      <c r="C15" s="222">
        <v>0</v>
      </c>
      <c r="D15" s="222">
        <v>0</v>
      </c>
      <c r="E15" s="223">
        <v>2</v>
      </c>
      <c r="F15" s="224">
        <v>7</v>
      </c>
      <c r="G15" s="224">
        <v>213</v>
      </c>
      <c r="H15" s="224">
        <v>345</v>
      </c>
      <c r="I15" s="222">
        <v>186</v>
      </c>
      <c r="J15" s="225">
        <v>753</v>
      </c>
      <c r="K15" s="226">
        <v>753</v>
      </c>
      <c r="L15" s="221">
        <v>0</v>
      </c>
      <c r="M15" s="222">
        <v>0</v>
      </c>
      <c r="N15" s="225">
        <v>0</v>
      </c>
      <c r="O15" s="223">
        <v>2</v>
      </c>
      <c r="P15" s="224">
        <v>7</v>
      </c>
      <c r="Q15" s="224">
        <v>213</v>
      </c>
      <c r="R15" s="224">
        <v>343</v>
      </c>
      <c r="S15" s="222">
        <v>186</v>
      </c>
      <c r="T15" s="225">
        <v>751</v>
      </c>
      <c r="U15" s="227">
        <v>751</v>
      </c>
      <c r="V15" s="228">
        <v>0</v>
      </c>
      <c r="W15" s="222">
        <v>0</v>
      </c>
      <c r="X15" s="225">
        <v>0</v>
      </c>
      <c r="Y15" s="228">
        <v>0</v>
      </c>
      <c r="Z15" s="224">
        <v>0</v>
      </c>
      <c r="AA15" s="224">
        <v>0</v>
      </c>
      <c r="AB15" s="224">
        <v>2</v>
      </c>
      <c r="AC15" s="222">
        <v>0</v>
      </c>
      <c r="AD15" s="225">
        <v>2</v>
      </c>
      <c r="AE15" s="229">
        <v>2</v>
      </c>
      <c r="AF15" s="228">
        <v>0</v>
      </c>
      <c r="AG15" s="222">
        <v>0</v>
      </c>
      <c r="AH15" s="225">
        <v>0</v>
      </c>
      <c r="AI15" s="228">
        <v>81</v>
      </c>
      <c r="AJ15" s="224">
        <v>93</v>
      </c>
      <c r="AK15" s="224">
        <v>126</v>
      </c>
      <c r="AL15" s="224">
        <v>147</v>
      </c>
      <c r="AM15" s="222">
        <v>67</v>
      </c>
      <c r="AN15" s="225">
        <v>514</v>
      </c>
      <c r="AO15" s="229">
        <v>514</v>
      </c>
      <c r="AP15" s="228">
        <v>0</v>
      </c>
      <c r="AQ15" s="222">
        <v>0</v>
      </c>
      <c r="AR15" s="225">
        <v>0</v>
      </c>
      <c r="AS15" s="223">
        <v>78</v>
      </c>
      <c r="AT15" s="224">
        <v>92</v>
      </c>
      <c r="AU15" s="224">
        <v>124</v>
      </c>
      <c r="AV15" s="224">
        <v>145</v>
      </c>
      <c r="AW15" s="222">
        <v>67</v>
      </c>
      <c r="AX15" s="225">
        <v>506</v>
      </c>
      <c r="AY15" s="226">
        <v>506</v>
      </c>
      <c r="AZ15" s="221">
        <v>0</v>
      </c>
      <c r="BA15" s="222">
        <v>0</v>
      </c>
      <c r="BB15" s="222">
        <v>0</v>
      </c>
      <c r="BC15" s="223">
        <v>3</v>
      </c>
      <c r="BD15" s="224">
        <v>1</v>
      </c>
      <c r="BE15" s="224">
        <v>2</v>
      </c>
      <c r="BF15" s="224">
        <v>2</v>
      </c>
      <c r="BG15" s="222">
        <v>0</v>
      </c>
      <c r="BH15" s="225">
        <v>8</v>
      </c>
      <c r="BI15" s="227">
        <v>8</v>
      </c>
      <c r="BJ15" s="228">
        <v>0</v>
      </c>
      <c r="BK15" s="222">
        <v>0</v>
      </c>
      <c r="BL15" s="222">
        <v>0</v>
      </c>
      <c r="BM15" s="223">
        <v>0</v>
      </c>
      <c r="BN15" s="224">
        <v>0</v>
      </c>
      <c r="BO15" s="224">
        <v>0</v>
      </c>
      <c r="BP15" s="224">
        <v>0</v>
      </c>
      <c r="BQ15" s="222">
        <v>1</v>
      </c>
      <c r="BR15" s="225">
        <v>1</v>
      </c>
      <c r="BS15" s="226">
        <v>1</v>
      </c>
      <c r="BT15" s="221">
        <v>0</v>
      </c>
      <c r="BU15" s="222">
        <v>0</v>
      </c>
      <c r="BV15" s="222">
        <v>0</v>
      </c>
      <c r="BW15" s="223">
        <v>0</v>
      </c>
      <c r="BX15" s="224">
        <v>0</v>
      </c>
      <c r="BY15" s="224">
        <v>0</v>
      </c>
      <c r="BZ15" s="224">
        <v>0</v>
      </c>
      <c r="CA15" s="222">
        <v>1</v>
      </c>
      <c r="CB15" s="225">
        <v>1</v>
      </c>
      <c r="CC15" s="227">
        <v>1</v>
      </c>
      <c r="CD15" s="228">
        <v>0</v>
      </c>
      <c r="CE15" s="222">
        <v>0</v>
      </c>
      <c r="CF15" s="222">
        <v>0</v>
      </c>
      <c r="CG15" s="223">
        <v>0</v>
      </c>
      <c r="CH15" s="224">
        <v>0</v>
      </c>
      <c r="CI15" s="224">
        <v>0</v>
      </c>
      <c r="CJ15" s="224">
        <v>0</v>
      </c>
      <c r="CK15" s="222">
        <v>0</v>
      </c>
      <c r="CL15" s="225">
        <v>0</v>
      </c>
      <c r="CM15" s="227">
        <v>0</v>
      </c>
      <c r="CN15" s="228">
        <v>0</v>
      </c>
      <c r="CO15" s="222">
        <v>0</v>
      </c>
      <c r="CP15" s="222">
        <v>0</v>
      </c>
      <c r="CQ15" s="223">
        <v>4</v>
      </c>
      <c r="CR15" s="224">
        <v>4</v>
      </c>
      <c r="CS15" s="224">
        <v>5</v>
      </c>
      <c r="CT15" s="224">
        <v>9</v>
      </c>
      <c r="CU15" s="222">
        <v>21</v>
      </c>
      <c r="CV15" s="225">
        <v>43</v>
      </c>
      <c r="CW15" s="226">
        <v>43</v>
      </c>
      <c r="CX15" s="221">
        <v>0</v>
      </c>
      <c r="CY15" s="222">
        <v>0</v>
      </c>
      <c r="CZ15" s="222">
        <v>0</v>
      </c>
      <c r="DA15" s="223">
        <v>3</v>
      </c>
      <c r="DB15" s="224">
        <v>4</v>
      </c>
      <c r="DC15" s="224">
        <v>5</v>
      </c>
      <c r="DD15" s="224">
        <v>9</v>
      </c>
      <c r="DE15" s="222">
        <v>18</v>
      </c>
      <c r="DF15" s="225">
        <v>39</v>
      </c>
      <c r="DG15" s="227">
        <v>39</v>
      </c>
      <c r="DH15" s="228">
        <v>0</v>
      </c>
      <c r="DI15" s="222">
        <v>0</v>
      </c>
      <c r="DJ15" s="222">
        <v>0</v>
      </c>
      <c r="DK15" s="223">
        <v>1</v>
      </c>
      <c r="DL15" s="224">
        <v>0</v>
      </c>
      <c r="DM15" s="224">
        <v>0</v>
      </c>
      <c r="DN15" s="224">
        <v>0</v>
      </c>
      <c r="DO15" s="222">
        <v>3</v>
      </c>
      <c r="DP15" s="225">
        <v>4</v>
      </c>
      <c r="DQ15" s="227">
        <v>4</v>
      </c>
      <c r="DR15" s="228">
        <v>0</v>
      </c>
      <c r="DS15" s="222">
        <v>0</v>
      </c>
      <c r="DT15" s="222">
        <v>0</v>
      </c>
      <c r="DU15" s="223">
        <v>87</v>
      </c>
      <c r="DV15" s="224">
        <v>104</v>
      </c>
      <c r="DW15" s="224">
        <v>344</v>
      </c>
      <c r="DX15" s="224">
        <v>501</v>
      </c>
      <c r="DY15" s="222">
        <v>274</v>
      </c>
      <c r="DZ15" s="225">
        <v>1310</v>
      </c>
      <c r="EA15" s="227">
        <v>1310</v>
      </c>
      <c r="EB15" s="37"/>
    </row>
    <row r="16" spans="1:132" ht="20.25" customHeight="1" x14ac:dyDescent="0.2">
      <c r="A16" s="62" t="s">
        <v>12</v>
      </c>
      <c r="B16" s="221">
        <v>0</v>
      </c>
      <c r="C16" s="222">
        <v>0</v>
      </c>
      <c r="D16" s="222">
        <v>0</v>
      </c>
      <c r="E16" s="223">
        <v>2</v>
      </c>
      <c r="F16" s="224">
        <v>20</v>
      </c>
      <c r="G16" s="224">
        <v>178</v>
      </c>
      <c r="H16" s="224">
        <v>305</v>
      </c>
      <c r="I16" s="222">
        <v>227</v>
      </c>
      <c r="J16" s="225">
        <v>732</v>
      </c>
      <c r="K16" s="226">
        <v>732</v>
      </c>
      <c r="L16" s="221">
        <v>0</v>
      </c>
      <c r="M16" s="222">
        <v>0</v>
      </c>
      <c r="N16" s="225">
        <v>0</v>
      </c>
      <c r="O16" s="223">
        <v>2</v>
      </c>
      <c r="P16" s="224">
        <v>19</v>
      </c>
      <c r="Q16" s="224">
        <v>178</v>
      </c>
      <c r="R16" s="224">
        <v>305</v>
      </c>
      <c r="S16" s="222">
        <v>221</v>
      </c>
      <c r="T16" s="225">
        <v>725</v>
      </c>
      <c r="U16" s="227">
        <v>725</v>
      </c>
      <c r="V16" s="228">
        <v>0</v>
      </c>
      <c r="W16" s="222">
        <v>0</v>
      </c>
      <c r="X16" s="225">
        <v>0</v>
      </c>
      <c r="Y16" s="228">
        <v>0</v>
      </c>
      <c r="Z16" s="224">
        <v>1</v>
      </c>
      <c r="AA16" s="224">
        <v>0</v>
      </c>
      <c r="AB16" s="224">
        <v>0</v>
      </c>
      <c r="AC16" s="222">
        <v>6</v>
      </c>
      <c r="AD16" s="225">
        <v>7</v>
      </c>
      <c r="AE16" s="229">
        <v>7</v>
      </c>
      <c r="AF16" s="228">
        <v>0</v>
      </c>
      <c r="AG16" s="222">
        <v>0</v>
      </c>
      <c r="AH16" s="225">
        <v>0</v>
      </c>
      <c r="AI16" s="228">
        <v>46</v>
      </c>
      <c r="AJ16" s="224">
        <v>79</v>
      </c>
      <c r="AK16" s="224">
        <v>154</v>
      </c>
      <c r="AL16" s="224">
        <v>170</v>
      </c>
      <c r="AM16" s="222">
        <v>72</v>
      </c>
      <c r="AN16" s="225">
        <v>521</v>
      </c>
      <c r="AO16" s="229">
        <v>521</v>
      </c>
      <c r="AP16" s="228">
        <v>0</v>
      </c>
      <c r="AQ16" s="222">
        <v>0</v>
      </c>
      <c r="AR16" s="225">
        <v>0</v>
      </c>
      <c r="AS16" s="223">
        <v>45</v>
      </c>
      <c r="AT16" s="224">
        <v>78</v>
      </c>
      <c r="AU16" s="224">
        <v>152</v>
      </c>
      <c r="AV16" s="224">
        <v>168</v>
      </c>
      <c r="AW16" s="222">
        <v>72</v>
      </c>
      <c r="AX16" s="225">
        <v>515</v>
      </c>
      <c r="AY16" s="226">
        <v>515</v>
      </c>
      <c r="AZ16" s="221">
        <v>0</v>
      </c>
      <c r="BA16" s="222">
        <v>0</v>
      </c>
      <c r="BB16" s="222">
        <v>0</v>
      </c>
      <c r="BC16" s="223">
        <v>1</v>
      </c>
      <c r="BD16" s="224">
        <v>1</v>
      </c>
      <c r="BE16" s="224">
        <v>2</v>
      </c>
      <c r="BF16" s="224">
        <v>2</v>
      </c>
      <c r="BG16" s="222">
        <v>0</v>
      </c>
      <c r="BH16" s="225">
        <v>6</v>
      </c>
      <c r="BI16" s="227">
        <v>6</v>
      </c>
      <c r="BJ16" s="228">
        <v>0</v>
      </c>
      <c r="BK16" s="222">
        <v>0</v>
      </c>
      <c r="BL16" s="222">
        <v>0</v>
      </c>
      <c r="BM16" s="223">
        <v>0</v>
      </c>
      <c r="BN16" s="224">
        <v>0</v>
      </c>
      <c r="BO16" s="224">
        <v>0</v>
      </c>
      <c r="BP16" s="224">
        <v>9</v>
      </c>
      <c r="BQ16" s="222">
        <v>7</v>
      </c>
      <c r="BR16" s="225">
        <v>16</v>
      </c>
      <c r="BS16" s="226">
        <v>16</v>
      </c>
      <c r="BT16" s="221">
        <v>0</v>
      </c>
      <c r="BU16" s="222">
        <v>0</v>
      </c>
      <c r="BV16" s="222">
        <v>0</v>
      </c>
      <c r="BW16" s="223">
        <v>0</v>
      </c>
      <c r="BX16" s="224">
        <v>0</v>
      </c>
      <c r="BY16" s="224">
        <v>0</v>
      </c>
      <c r="BZ16" s="224">
        <v>9</v>
      </c>
      <c r="CA16" s="222">
        <v>7</v>
      </c>
      <c r="CB16" s="225">
        <v>16</v>
      </c>
      <c r="CC16" s="227">
        <v>16</v>
      </c>
      <c r="CD16" s="228">
        <v>0</v>
      </c>
      <c r="CE16" s="222">
        <v>0</v>
      </c>
      <c r="CF16" s="222">
        <v>0</v>
      </c>
      <c r="CG16" s="223">
        <v>0</v>
      </c>
      <c r="CH16" s="224">
        <v>0</v>
      </c>
      <c r="CI16" s="224">
        <v>0</v>
      </c>
      <c r="CJ16" s="224">
        <v>0</v>
      </c>
      <c r="CK16" s="222">
        <v>0</v>
      </c>
      <c r="CL16" s="225">
        <v>0</v>
      </c>
      <c r="CM16" s="227">
        <v>0</v>
      </c>
      <c r="CN16" s="228">
        <v>0</v>
      </c>
      <c r="CO16" s="222">
        <v>0</v>
      </c>
      <c r="CP16" s="222">
        <v>0</v>
      </c>
      <c r="CQ16" s="223">
        <v>0</v>
      </c>
      <c r="CR16" s="224">
        <v>1</v>
      </c>
      <c r="CS16" s="224">
        <v>3</v>
      </c>
      <c r="CT16" s="224">
        <v>1</v>
      </c>
      <c r="CU16" s="222">
        <v>6</v>
      </c>
      <c r="CV16" s="225">
        <v>11</v>
      </c>
      <c r="CW16" s="226">
        <v>11</v>
      </c>
      <c r="CX16" s="221">
        <v>0</v>
      </c>
      <c r="CY16" s="222">
        <v>0</v>
      </c>
      <c r="CZ16" s="222">
        <v>0</v>
      </c>
      <c r="DA16" s="223">
        <v>0</v>
      </c>
      <c r="DB16" s="224">
        <v>1</v>
      </c>
      <c r="DC16" s="224">
        <v>3</v>
      </c>
      <c r="DD16" s="224">
        <v>1</v>
      </c>
      <c r="DE16" s="222">
        <v>6</v>
      </c>
      <c r="DF16" s="225">
        <v>11</v>
      </c>
      <c r="DG16" s="227">
        <v>11</v>
      </c>
      <c r="DH16" s="228">
        <v>0</v>
      </c>
      <c r="DI16" s="222">
        <v>0</v>
      </c>
      <c r="DJ16" s="222">
        <v>0</v>
      </c>
      <c r="DK16" s="223">
        <v>0</v>
      </c>
      <c r="DL16" s="224">
        <v>0</v>
      </c>
      <c r="DM16" s="224">
        <v>0</v>
      </c>
      <c r="DN16" s="224">
        <v>0</v>
      </c>
      <c r="DO16" s="222">
        <v>0</v>
      </c>
      <c r="DP16" s="225">
        <v>0</v>
      </c>
      <c r="DQ16" s="227">
        <v>0</v>
      </c>
      <c r="DR16" s="228">
        <v>0</v>
      </c>
      <c r="DS16" s="222">
        <v>0</v>
      </c>
      <c r="DT16" s="222">
        <v>0</v>
      </c>
      <c r="DU16" s="223">
        <v>48</v>
      </c>
      <c r="DV16" s="224">
        <v>100</v>
      </c>
      <c r="DW16" s="224">
        <v>334</v>
      </c>
      <c r="DX16" s="224">
        <v>483</v>
      </c>
      <c r="DY16" s="222">
        <v>311</v>
      </c>
      <c r="DZ16" s="225">
        <v>1276</v>
      </c>
      <c r="EA16" s="227">
        <v>1276</v>
      </c>
      <c r="EB16" s="37"/>
    </row>
    <row r="17" spans="1:132" ht="20.25" customHeight="1" x14ac:dyDescent="0.2">
      <c r="A17" s="62" t="s">
        <v>13</v>
      </c>
      <c r="B17" s="221">
        <v>0</v>
      </c>
      <c r="C17" s="222">
        <v>0</v>
      </c>
      <c r="D17" s="222">
        <v>0</v>
      </c>
      <c r="E17" s="223">
        <v>2</v>
      </c>
      <c r="F17" s="224">
        <v>1</v>
      </c>
      <c r="G17" s="224">
        <v>71</v>
      </c>
      <c r="H17" s="224">
        <v>142</v>
      </c>
      <c r="I17" s="222">
        <v>109</v>
      </c>
      <c r="J17" s="225">
        <v>325</v>
      </c>
      <c r="K17" s="226">
        <v>325</v>
      </c>
      <c r="L17" s="221">
        <v>0</v>
      </c>
      <c r="M17" s="222">
        <v>0</v>
      </c>
      <c r="N17" s="225">
        <v>0</v>
      </c>
      <c r="O17" s="223">
        <v>2</v>
      </c>
      <c r="P17" s="224">
        <v>1</v>
      </c>
      <c r="Q17" s="224">
        <v>70</v>
      </c>
      <c r="R17" s="224">
        <v>142</v>
      </c>
      <c r="S17" s="222">
        <v>109</v>
      </c>
      <c r="T17" s="225">
        <v>324</v>
      </c>
      <c r="U17" s="227">
        <v>324</v>
      </c>
      <c r="V17" s="228">
        <v>0</v>
      </c>
      <c r="W17" s="222">
        <v>0</v>
      </c>
      <c r="X17" s="225">
        <v>0</v>
      </c>
      <c r="Y17" s="228">
        <v>0</v>
      </c>
      <c r="Z17" s="224">
        <v>0</v>
      </c>
      <c r="AA17" s="224">
        <v>1</v>
      </c>
      <c r="AB17" s="224">
        <v>0</v>
      </c>
      <c r="AC17" s="222">
        <v>0</v>
      </c>
      <c r="AD17" s="225">
        <v>1</v>
      </c>
      <c r="AE17" s="229">
        <v>1</v>
      </c>
      <c r="AF17" s="228">
        <v>0</v>
      </c>
      <c r="AG17" s="222">
        <v>0</v>
      </c>
      <c r="AH17" s="225">
        <v>0</v>
      </c>
      <c r="AI17" s="228">
        <v>14</v>
      </c>
      <c r="AJ17" s="224">
        <v>26</v>
      </c>
      <c r="AK17" s="224">
        <v>37</v>
      </c>
      <c r="AL17" s="224">
        <v>27</v>
      </c>
      <c r="AM17" s="222">
        <v>18</v>
      </c>
      <c r="AN17" s="225">
        <v>122</v>
      </c>
      <c r="AO17" s="229">
        <v>122</v>
      </c>
      <c r="AP17" s="228">
        <v>0</v>
      </c>
      <c r="AQ17" s="222">
        <v>0</v>
      </c>
      <c r="AR17" s="225">
        <v>0</v>
      </c>
      <c r="AS17" s="223">
        <v>14</v>
      </c>
      <c r="AT17" s="224">
        <v>26</v>
      </c>
      <c r="AU17" s="224">
        <v>34</v>
      </c>
      <c r="AV17" s="224">
        <v>27</v>
      </c>
      <c r="AW17" s="222">
        <v>17</v>
      </c>
      <c r="AX17" s="225">
        <v>118</v>
      </c>
      <c r="AY17" s="226">
        <v>118</v>
      </c>
      <c r="AZ17" s="221">
        <v>0</v>
      </c>
      <c r="BA17" s="222">
        <v>0</v>
      </c>
      <c r="BB17" s="222">
        <v>0</v>
      </c>
      <c r="BC17" s="223">
        <v>0</v>
      </c>
      <c r="BD17" s="224">
        <v>0</v>
      </c>
      <c r="BE17" s="224">
        <v>3</v>
      </c>
      <c r="BF17" s="224">
        <v>0</v>
      </c>
      <c r="BG17" s="222">
        <v>1</v>
      </c>
      <c r="BH17" s="225">
        <v>4</v>
      </c>
      <c r="BI17" s="227">
        <v>4</v>
      </c>
      <c r="BJ17" s="228">
        <v>0</v>
      </c>
      <c r="BK17" s="222">
        <v>0</v>
      </c>
      <c r="BL17" s="222">
        <v>0</v>
      </c>
      <c r="BM17" s="223">
        <v>0</v>
      </c>
      <c r="BN17" s="224">
        <v>0</v>
      </c>
      <c r="BO17" s="224">
        <v>0</v>
      </c>
      <c r="BP17" s="224">
        <v>0</v>
      </c>
      <c r="BQ17" s="222">
        <v>0</v>
      </c>
      <c r="BR17" s="225">
        <v>0</v>
      </c>
      <c r="BS17" s="226">
        <v>0</v>
      </c>
      <c r="BT17" s="221">
        <v>0</v>
      </c>
      <c r="BU17" s="222">
        <v>0</v>
      </c>
      <c r="BV17" s="222">
        <v>0</v>
      </c>
      <c r="BW17" s="223">
        <v>0</v>
      </c>
      <c r="BX17" s="224">
        <v>0</v>
      </c>
      <c r="BY17" s="224">
        <v>0</v>
      </c>
      <c r="BZ17" s="224">
        <v>0</v>
      </c>
      <c r="CA17" s="222">
        <v>0</v>
      </c>
      <c r="CB17" s="225">
        <v>0</v>
      </c>
      <c r="CC17" s="227">
        <v>0</v>
      </c>
      <c r="CD17" s="228">
        <v>0</v>
      </c>
      <c r="CE17" s="222">
        <v>0</v>
      </c>
      <c r="CF17" s="222">
        <v>0</v>
      </c>
      <c r="CG17" s="223">
        <v>0</v>
      </c>
      <c r="CH17" s="224">
        <v>0</v>
      </c>
      <c r="CI17" s="224">
        <v>0</v>
      </c>
      <c r="CJ17" s="224">
        <v>0</v>
      </c>
      <c r="CK17" s="222">
        <v>0</v>
      </c>
      <c r="CL17" s="225">
        <v>0</v>
      </c>
      <c r="CM17" s="227">
        <v>0</v>
      </c>
      <c r="CN17" s="228">
        <v>0</v>
      </c>
      <c r="CO17" s="222">
        <v>0</v>
      </c>
      <c r="CP17" s="222">
        <v>0</v>
      </c>
      <c r="CQ17" s="223">
        <v>0</v>
      </c>
      <c r="CR17" s="224">
        <v>0</v>
      </c>
      <c r="CS17" s="224">
        <v>0</v>
      </c>
      <c r="CT17" s="224">
        <v>0</v>
      </c>
      <c r="CU17" s="222">
        <v>0</v>
      </c>
      <c r="CV17" s="225">
        <v>0</v>
      </c>
      <c r="CW17" s="226">
        <v>0</v>
      </c>
      <c r="CX17" s="221">
        <v>0</v>
      </c>
      <c r="CY17" s="222">
        <v>0</v>
      </c>
      <c r="CZ17" s="222">
        <v>0</v>
      </c>
      <c r="DA17" s="223">
        <v>0</v>
      </c>
      <c r="DB17" s="224">
        <v>0</v>
      </c>
      <c r="DC17" s="224">
        <v>0</v>
      </c>
      <c r="DD17" s="224">
        <v>0</v>
      </c>
      <c r="DE17" s="222">
        <v>0</v>
      </c>
      <c r="DF17" s="225">
        <v>0</v>
      </c>
      <c r="DG17" s="227">
        <v>0</v>
      </c>
      <c r="DH17" s="228">
        <v>0</v>
      </c>
      <c r="DI17" s="222">
        <v>0</v>
      </c>
      <c r="DJ17" s="222">
        <v>0</v>
      </c>
      <c r="DK17" s="223">
        <v>0</v>
      </c>
      <c r="DL17" s="224">
        <v>0</v>
      </c>
      <c r="DM17" s="224">
        <v>0</v>
      </c>
      <c r="DN17" s="224">
        <v>0</v>
      </c>
      <c r="DO17" s="222">
        <v>0</v>
      </c>
      <c r="DP17" s="225">
        <v>0</v>
      </c>
      <c r="DQ17" s="227">
        <v>0</v>
      </c>
      <c r="DR17" s="228">
        <v>0</v>
      </c>
      <c r="DS17" s="222">
        <v>0</v>
      </c>
      <c r="DT17" s="222">
        <v>0</v>
      </c>
      <c r="DU17" s="223">
        <v>16</v>
      </c>
      <c r="DV17" s="224">
        <v>27</v>
      </c>
      <c r="DW17" s="224">
        <v>108</v>
      </c>
      <c r="DX17" s="224">
        <v>169</v>
      </c>
      <c r="DY17" s="222">
        <v>127</v>
      </c>
      <c r="DZ17" s="225">
        <v>447</v>
      </c>
      <c r="EA17" s="227">
        <v>447</v>
      </c>
      <c r="EB17" s="37"/>
    </row>
    <row r="18" spans="1:132" ht="20.25" customHeight="1" x14ac:dyDescent="0.2">
      <c r="A18" s="62" t="s">
        <v>15</v>
      </c>
      <c r="B18" s="221">
        <v>0</v>
      </c>
      <c r="C18" s="222">
        <v>0</v>
      </c>
      <c r="D18" s="222">
        <v>0</v>
      </c>
      <c r="E18" s="223">
        <v>0</v>
      </c>
      <c r="F18" s="224">
        <v>2</v>
      </c>
      <c r="G18" s="224">
        <v>85</v>
      </c>
      <c r="H18" s="224">
        <v>119</v>
      </c>
      <c r="I18" s="222">
        <v>75</v>
      </c>
      <c r="J18" s="225">
        <v>281</v>
      </c>
      <c r="K18" s="226">
        <v>281</v>
      </c>
      <c r="L18" s="221">
        <v>0</v>
      </c>
      <c r="M18" s="222">
        <v>0</v>
      </c>
      <c r="N18" s="225">
        <v>0</v>
      </c>
      <c r="O18" s="223">
        <v>0</v>
      </c>
      <c r="P18" s="224">
        <v>2</v>
      </c>
      <c r="Q18" s="224">
        <v>85</v>
      </c>
      <c r="R18" s="224">
        <v>118</v>
      </c>
      <c r="S18" s="222">
        <v>74</v>
      </c>
      <c r="T18" s="225">
        <v>279</v>
      </c>
      <c r="U18" s="227">
        <v>279</v>
      </c>
      <c r="V18" s="228">
        <v>0</v>
      </c>
      <c r="W18" s="222">
        <v>0</v>
      </c>
      <c r="X18" s="225">
        <v>0</v>
      </c>
      <c r="Y18" s="228">
        <v>0</v>
      </c>
      <c r="Z18" s="224">
        <v>0</v>
      </c>
      <c r="AA18" s="224">
        <v>0</v>
      </c>
      <c r="AB18" s="224">
        <v>1</v>
      </c>
      <c r="AC18" s="222">
        <v>1</v>
      </c>
      <c r="AD18" s="225">
        <v>2</v>
      </c>
      <c r="AE18" s="229">
        <v>2</v>
      </c>
      <c r="AF18" s="228">
        <v>0</v>
      </c>
      <c r="AG18" s="222">
        <v>0</v>
      </c>
      <c r="AH18" s="225">
        <v>0</v>
      </c>
      <c r="AI18" s="228">
        <v>26</v>
      </c>
      <c r="AJ18" s="224">
        <v>30</v>
      </c>
      <c r="AK18" s="224">
        <v>39</v>
      </c>
      <c r="AL18" s="224">
        <v>46</v>
      </c>
      <c r="AM18" s="222">
        <v>28</v>
      </c>
      <c r="AN18" s="225">
        <v>169</v>
      </c>
      <c r="AO18" s="229">
        <v>169</v>
      </c>
      <c r="AP18" s="228">
        <v>0</v>
      </c>
      <c r="AQ18" s="222">
        <v>0</v>
      </c>
      <c r="AR18" s="225">
        <v>0</v>
      </c>
      <c r="AS18" s="223">
        <v>25</v>
      </c>
      <c r="AT18" s="224">
        <v>29</v>
      </c>
      <c r="AU18" s="224">
        <v>39</v>
      </c>
      <c r="AV18" s="224">
        <v>44</v>
      </c>
      <c r="AW18" s="222">
        <v>27</v>
      </c>
      <c r="AX18" s="225">
        <v>164</v>
      </c>
      <c r="AY18" s="226">
        <v>164</v>
      </c>
      <c r="AZ18" s="221">
        <v>0</v>
      </c>
      <c r="BA18" s="222">
        <v>0</v>
      </c>
      <c r="BB18" s="222">
        <v>0</v>
      </c>
      <c r="BC18" s="223">
        <v>1</v>
      </c>
      <c r="BD18" s="224">
        <v>1</v>
      </c>
      <c r="BE18" s="224">
        <v>0</v>
      </c>
      <c r="BF18" s="224">
        <v>2</v>
      </c>
      <c r="BG18" s="222">
        <v>1</v>
      </c>
      <c r="BH18" s="225">
        <v>5</v>
      </c>
      <c r="BI18" s="227">
        <v>5</v>
      </c>
      <c r="BJ18" s="228">
        <v>0</v>
      </c>
      <c r="BK18" s="222">
        <v>0</v>
      </c>
      <c r="BL18" s="222">
        <v>0</v>
      </c>
      <c r="BM18" s="223">
        <v>0</v>
      </c>
      <c r="BN18" s="224">
        <v>0</v>
      </c>
      <c r="BO18" s="224">
        <v>0</v>
      </c>
      <c r="BP18" s="224">
        <v>0</v>
      </c>
      <c r="BQ18" s="222">
        <v>1</v>
      </c>
      <c r="BR18" s="225">
        <v>1</v>
      </c>
      <c r="BS18" s="226">
        <v>1</v>
      </c>
      <c r="BT18" s="221">
        <v>0</v>
      </c>
      <c r="BU18" s="222">
        <v>0</v>
      </c>
      <c r="BV18" s="222">
        <v>0</v>
      </c>
      <c r="BW18" s="223">
        <v>0</v>
      </c>
      <c r="BX18" s="224">
        <v>0</v>
      </c>
      <c r="BY18" s="224">
        <v>0</v>
      </c>
      <c r="BZ18" s="224">
        <v>0</v>
      </c>
      <c r="CA18" s="222">
        <v>1</v>
      </c>
      <c r="CB18" s="225">
        <v>1</v>
      </c>
      <c r="CC18" s="227">
        <v>1</v>
      </c>
      <c r="CD18" s="228">
        <v>0</v>
      </c>
      <c r="CE18" s="222">
        <v>0</v>
      </c>
      <c r="CF18" s="222">
        <v>0</v>
      </c>
      <c r="CG18" s="223">
        <v>0</v>
      </c>
      <c r="CH18" s="224">
        <v>0</v>
      </c>
      <c r="CI18" s="224">
        <v>0</v>
      </c>
      <c r="CJ18" s="224">
        <v>0</v>
      </c>
      <c r="CK18" s="222">
        <v>0</v>
      </c>
      <c r="CL18" s="225">
        <v>0</v>
      </c>
      <c r="CM18" s="227">
        <v>0</v>
      </c>
      <c r="CN18" s="228">
        <v>0</v>
      </c>
      <c r="CO18" s="222">
        <v>0</v>
      </c>
      <c r="CP18" s="222">
        <v>0</v>
      </c>
      <c r="CQ18" s="223">
        <v>0</v>
      </c>
      <c r="CR18" s="224">
        <v>0</v>
      </c>
      <c r="CS18" s="224">
        <v>0</v>
      </c>
      <c r="CT18" s="224">
        <v>0</v>
      </c>
      <c r="CU18" s="222">
        <v>0</v>
      </c>
      <c r="CV18" s="225">
        <v>0</v>
      </c>
      <c r="CW18" s="226">
        <v>0</v>
      </c>
      <c r="CX18" s="221">
        <v>0</v>
      </c>
      <c r="CY18" s="222">
        <v>0</v>
      </c>
      <c r="CZ18" s="222">
        <v>0</v>
      </c>
      <c r="DA18" s="223">
        <v>0</v>
      </c>
      <c r="DB18" s="224">
        <v>0</v>
      </c>
      <c r="DC18" s="224">
        <v>0</v>
      </c>
      <c r="DD18" s="224">
        <v>0</v>
      </c>
      <c r="DE18" s="222">
        <v>0</v>
      </c>
      <c r="DF18" s="225">
        <v>0</v>
      </c>
      <c r="DG18" s="227">
        <v>0</v>
      </c>
      <c r="DH18" s="228">
        <v>0</v>
      </c>
      <c r="DI18" s="222">
        <v>0</v>
      </c>
      <c r="DJ18" s="222">
        <v>0</v>
      </c>
      <c r="DK18" s="223">
        <v>0</v>
      </c>
      <c r="DL18" s="224">
        <v>0</v>
      </c>
      <c r="DM18" s="224">
        <v>0</v>
      </c>
      <c r="DN18" s="224">
        <v>0</v>
      </c>
      <c r="DO18" s="222">
        <v>0</v>
      </c>
      <c r="DP18" s="225">
        <v>0</v>
      </c>
      <c r="DQ18" s="227">
        <v>0</v>
      </c>
      <c r="DR18" s="228">
        <v>0</v>
      </c>
      <c r="DS18" s="222">
        <v>0</v>
      </c>
      <c r="DT18" s="222">
        <v>0</v>
      </c>
      <c r="DU18" s="223">
        <v>26</v>
      </c>
      <c r="DV18" s="224">
        <v>32</v>
      </c>
      <c r="DW18" s="224">
        <v>124</v>
      </c>
      <c r="DX18" s="224">
        <v>165</v>
      </c>
      <c r="DY18" s="222">
        <v>104</v>
      </c>
      <c r="DZ18" s="225">
        <v>451</v>
      </c>
      <c r="EA18" s="227">
        <v>451</v>
      </c>
      <c r="EB18" s="37"/>
    </row>
    <row r="19" spans="1:132" ht="20.25" customHeight="1" x14ac:dyDescent="0.2">
      <c r="A19" s="62" t="s">
        <v>16</v>
      </c>
      <c r="B19" s="221">
        <v>0</v>
      </c>
      <c r="C19" s="222">
        <v>0</v>
      </c>
      <c r="D19" s="222">
        <v>0</v>
      </c>
      <c r="E19" s="223">
        <v>8</v>
      </c>
      <c r="F19" s="224">
        <v>24</v>
      </c>
      <c r="G19" s="224">
        <v>192</v>
      </c>
      <c r="H19" s="224">
        <v>273</v>
      </c>
      <c r="I19" s="222">
        <v>201</v>
      </c>
      <c r="J19" s="225">
        <v>698</v>
      </c>
      <c r="K19" s="226">
        <v>698</v>
      </c>
      <c r="L19" s="221">
        <v>0</v>
      </c>
      <c r="M19" s="222">
        <v>0</v>
      </c>
      <c r="N19" s="225">
        <v>0</v>
      </c>
      <c r="O19" s="223">
        <v>8</v>
      </c>
      <c r="P19" s="224">
        <v>24</v>
      </c>
      <c r="Q19" s="224">
        <v>192</v>
      </c>
      <c r="R19" s="224">
        <v>271</v>
      </c>
      <c r="S19" s="222">
        <v>196</v>
      </c>
      <c r="T19" s="225">
        <v>691</v>
      </c>
      <c r="U19" s="227">
        <v>691</v>
      </c>
      <c r="V19" s="228">
        <v>0</v>
      </c>
      <c r="W19" s="222">
        <v>0</v>
      </c>
      <c r="X19" s="225">
        <v>0</v>
      </c>
      <c r="Y19" s="228">
        <v>0</v>
      </c>
      <c r="Z19" s="224">
        <v>0</v>
      </c>
      <c r="AA19" s="224">
        <v>0</v>
      </c>
      <c r="AB19" s="224">
        <v>2</v>
      </c>
      <c r="AC19" s="222">
        <v>5</v>
      </c>
      <c r="AD19" s="225">
        <v>7</v>
      </c>
      <c r="AE19" s="229">
        <v>7</v>
      </c>
      <c r="AF19" s="228">
        <v>0</v>
      </c>
      <c r="AG19" s="222">
        <v>0</v>
      </c>
      <c r="AH19" s="225">
        <v>0</v>
      </c>
      <c r="AI19" s="228">
        <v>73</v>
      </c>
      <c r="AJ19" s="224">
        <v>89</v>
      </c>
      <c r="AK19" s="224">
        <v>130</v>
      </c>
      <c r="AL19" s="224">
        <v>116</v>
      </c>
      <c r="AM19" s="222">
        <v>59</v>
      </c>
      <c r="AN19" s="225">
        <v>467</v>
      </c>
      <c r="AO19" s="229">
        <v>467</v>
      </c>
      <c r="AP19" s="228">
        <v>0</v>
      </c>
      <c r="AQ19" s="222">
        <v>0</v>
      </c>
      <c r="AR19" s="225">
        <v>0</v>
      </c>
      <c r="AS19" s="223">
        <v>72</v>
      </c>
      <c r="AT19" s="224">
        <v>89</v>
      </c>
      <c r="AU19" s="224">
        <v>129</v>
      </c>
      <c r="AV19" s="224">
        <v>115</v>
      </c>
      <c r="AW19" s="222">
        <v>58</v>
      </c>
      <c r="AX19" s="225">
        <v>463</v>
      </c>
      <c r="AY19" s="226">
        <v>463</v>
      </c>
      <c r="AZ19" s="221">
        <v>0</v>
      </c>
      <c r="BA19" s="222">
        <v>0</v>
      </c>
      <c r="BB19" s="222">
        <v>0</v>
      </c>
      <c r="BC19" s="223">
        <v>1</v>
      </c>
      <c r="BD19" s="224">
        <v>0</v>
      </c>
      <c r="BE19" s="224">
        <v>1</v>
      </c>
      <c r="BF19" s="224">
        <v>1</v>
      </c>
      <c r="BG19" s="222">
        <v>1</v>
      </c>
      <c r="BH19" s="225">
        <v>4</v>
      </c>
      <c r="BI19" s="227">
        <v>4</v>
      </c>
      <c r="BJ19" s="228">
        <v>0</v>
      </c>
      <c r="BK19" s="222">
        <v>0</v>
      </c>
      <c r="BL19" s="222">
        <v>0</v>
      </c>
      <c r="BM19" s="223">
        <v>0</v>
      </c>
      <c r="BN19" s="224">
        <v>0</v>
      </c>
      <c r="BO19" s="224">
        <v>0</v>
      </c>
      <c r="BP19" s="224">
        <v>0</v>
      </c>
      <c r="BQ19" s="222">
        <v>2</v>
      </c>
      <c r="BR19" s="225">
        <v>2</v>
      </c>
      <c r="BS19" s="226">
        <v>2</v>
      </c>
      <c r="BT19" s="221">
        <v>0</v>
      </c>
      <c r="BU19" s="222">
        <v>0</v>
      </c>
      <c r="BV19" s="222">
        <v>0</v>
      </c>
      <c r="BW19" s="223">
        <v>0</v>
      </c>
      <c r="BX19" s="224">
        <v>0</v>
      </c>
      <c r="BY19" s="224">
        <v>0</v>
      </c>
      <c r="BZ19" s="224">
        <v>0</v>
      </c>
      <c r="CA19" s="222">
        <v>2</v>
      </c>
      <c r="CB19" s="225">
        <v>2</v>
      </c>
      <c r="CC19" s="227">
        <v>2</v>
      </c>
      <c r="CD19" s="228">
        <v>0</v>
      </c>
      <c r="CE19" s="222">
        <v>0</v>
      </c>
      <c r="CF19" s="222">
        <v>0</v>
      </c>
      <c r="CG19" s="223">
        <v>0</v>
      </c>
      <c r="CH19" s="224">
        <v>0</v>
      </c>
      <c r="CI19" s="224">
        <v>0</v>
      </c>
      <c r="CJ19" s="224">
        <v>0</v>
      </c>
      <c r="CK19" s="222">
        <v>0</v>
      </c>
      <c r="CL19" s="225">
        <v>0</v>
      </c>
      <c r="CM19" s="227">
        <v>0</v>
      </c>
      <c r="CN19" s="228">
        <v>0</v>
      </c>
      <c r="CO19" s="222">
        <v>0</v>
      </c>
      <c r="CP19" s="222">
        <v>0</v>
      </c>
      <c r="CQ19" s="223">
        <v>0</v>
      </c>
      <c r="CR19" s="224">
        <v>0</v>
      </c>
      <c r="CS19" s="224">
        <v>6</v>
      </c>
      <c r="CT19" s="224">
        <v>12</v>
      </c>
      <c r="CU19" s="222">
        <v>10</v>
      </c>
      <c r="CV19" s="225">
        <v>28</v>
      </c>
      <c r="CW19" s="226">
        <v>28</v>
      </c>
      <c r="CX19" s="221">
        <v>0</v>
      </c>
      <c r="CY19" s="222">
        <v>0</v>
      </c>
      <c r="CZ19" s="222">
        <v>0</v>
      </c>
      <c r="DA19" s="223">
        <v>0</v>
      </c>
      <c r="DB19" s="224">
        <v>0</v>
      </c>
      <c r="DC19" s="224">
        <v>6</v>
      </c>
      <c r="DD19" s="224">
        <v>12</v>
      </c>
      <c r="DE19" s="222">
        <v>10</v>
      </c>
      <c r="DF19" s="225">
        <v>28</v>
      </c>
      <c r="DG19" s="227">
        <v>28</v>
      </c>
      <c r="DH19" s="228">
        <v>0</v>
      </c>
      <c r="DI19" s="222">
        <v>0</v>
      </c>
      <c r="DJ19" s="222">
        <v>0</v>
      </c>
      <c r="DK19" s="223">
        <v>0</v>
      </c>
      <c r="DL19" s="224">
        <v>0</v>
      </c>
      <c r="DM19" s="224">
        <v>0</v>
      </c>
      <c r="DN19" s="224">
        <v>0</v>
      </c>
      <c r="DO19" s="222">
        <v>0</v>
      </c>
      <c r="DP19" s="225">
        <v>0</v>
      </c>
      <c r="DQ19" s="227">
        <v>0</v>
      </c>
      <c r="DR19" s="228">
        <v>0</v>
      </c>
      <c r="DS19" s="222">
        <v>0</v>
      </c>
      <c r="DT19" s="222">
        <v>0</v>
      </c>
      <c r="DU19" s="223">
        <v>81</v>
      </c>
      <c r="DV19" s="224">
        <v>113</v>
      </c>
      <c r="DW19" s="224">
        <v>325</v>
      </c>
      <c r="DX19" s="224">
        <v>397</v>
      </c>
      <c r="DY19" s="222">
        <v>270</v>
      </c>
      <c r="DZ19" s="225">
        <v>1186</v>
      </c>
      <c r="EA19" s="227">
        <v>1186</v>
      </c>
      <c r="EB19" s="37"/>
    </row>
    <row r="20" spans="1:132" ht="20.25" customHeight="1" x14ac:dyDescent="0.2">
      <c r="A20" s="62" t="s">
        <v>17</v>
      </c>
      <c r="B20" s="221">
        <v>0</v>
      </c>
      <c r="C20" s="222">
        <v>0</v>
      </c>
      <c r="D20" s="222">
        <v>0</v>
      </c>
      <c r="E20" s="223">
        <v>6</v>
      </c>
      <c r="F20" s="224">
        <v>25</v>
      </c>
      <c r="G20" s="224">
        <v>200</v>
      </c>
      <c r="H20" s="224">
        <v>270</v>
      </c>
      <c r="I20" s="222">
        <v>190</v>
      </c>
      <c r="J20" s="225">
        <v>691</v>
      </c>
      <c r="K20" s="226">
        <v>691</v>
      </c>
      <c r="L20" s="221">
        <v>0</v>
      </c>
      <c r="M20" s="222">
        <v>0</v>
      </c>
      <c r="N20" s="225">
        <v>0</v>
      </c>
      <c r="O20" s="223">
        <v>6</v>
      </c>
      <c r="P20" s="224">
        <v>25</v>
      </c>
      <c r="Q20" s="224">
        <v>199</v>
      </c>
      <c r="R20" s="224">
        <v>268</v>
      </c>
      <c r="S20" s="222">
        <v>187</v>
      </c>
      <c r="T20" s="225">
        <v>685</v>
      </c>
      <c r="U20" s="227">
        <v>685</v>
      </c>
      <c r="V20" s="228">
        <v>0</v>
      </c>
      <c r="W20" s="222">
        <v>0</v>
      </c>
      <c r="X20" s="225">
        <v>0</v>
      </c>
      <c r="Y20" s="228">
        <v>0</v>
      </c>
      <c r="Z20" s="224">
        <v>0</v>
      </c>
      <c r="AA20" s="224">
        <v>1</v>
      </c>
      <c r="AB20" s="224">
        <v>2</v>
      </c>
      <c r="AC20" s="222">
        <v>3</v>
      </c>
      <c r="AD20" s="225">
        <v>6</v>
      </c>
      <c r="AE20" s="229">
        <v>6</v>
      </c>
      <c r="AF20" s="228">
        <v>0</v>
      </c>
      <c r="AG20" s="222">
        <v>0</v>
      </c>
      <c r="AH20" s="225">
        <v>0</v>
      </c>
      <c r="AI20" s="228">
        <v>37</v>
      </c>
      <c r="AJ20" s="224">
        <v>96</v>
      </c>
      <c r="AK20" s="224">
        <v>143</v>
      </c>
      <c r="AL20" s="224">
        <v>107</v>
      </c>
      <c r="AM20" s="222">
        <v>63</v>
      </c>
      <c r="AN20" s="225">
        <v>446</v>
      </c>
      <c r="AO20" s="229">
        <v>446</v>
      </c>
      <c r="AP20" s="228">
        <v>0</v>
      </c>
      <c r="AQ20" s="222">
        <v>0</v>
      </c>
      <c r="AR20" s="225">
        <v>0</v>
      </c>
      <c r="AS20" s="223">
        <v>36</v>
      </c>
      <c r="AT20" s="224">
        <v>95</v>
      </c>
      <c r="AU20" s="224">
        <v>141</v>
      </c>
      <c r="AV20" s="224">
        <v>103</v>
      </c>
      <c r="AW20" s="222">
        <v>63</v>
      </c>
      <c r="AX20" s="225">
        <v>438</v>
      </c>
      <c r="AY20" s="226">
        <v>438</v>
      </c>
      <c r="AZ20" s="221">
        <v>0</v>
      </c>
      <c r="BA20" s="222">
        <v>0</v>
      </c>
      <c r="BB20" s="222">
        <v>0</v>
      </c>
      <c r="BC20" s="223">
        <v>1</v>
      </c>
      <c r="BD20" s="224">
        <v>1</v>
      </c>
      <c r="BE20" s="224">
        <v>2</v>
      </c>
      <c r="BF20" s="224">
        <v>4</v>
      </c>
      <c r="BG20" s="222">
        <v>0</v>
      </c>
      <c r="BH20" s="225">
        <v>8</v>
      </c>
      <c r="BI20" s="227">
        <v>8</v>
      </c>
      <c r="BJ20" s="228">
        <v>0</v>
      </c>
      <c r="BK20" s="222">
        <v>0</v>
      </c>
      <c r="BL20" s="222">
        <v>0</v>
      </c>
      <c r="BM20" s="223">
        <v>0</v>
      </c>
      <c r="BN20" s="224">
        <v>0</v>
      </c>
      <c r="BO20" s="224">
        <v>1</v>
      </c>
      <c r="BP20" s="224">
        <v>0</v>
      </c>
      <c r="BQ20" s="222">
        <v>3</v>
      </c>
      <c r="BR20" s="225">
        <v>4</v>
      </c>
      <c r="BS20" s="226">
        <v>4</v>
      </c>
      <c r="BT20" s="221">
        <v>0</v>
      </c>
      <c r="BU20" s="222">
        <v>0</v>
      </c>
      <c r="BV20" s="222">
        <v>0</v>
      </c>
      <c r="BW20" s="223">
        <v>0</v>
      </c>
      <c r="BX20" s="224">
        <v>0</v>
      </c>
      <c r="BY20" s="224">
        <v>1</v>
      </c>
      <c r="BZ20" s="224">
        <v>0</v>
      </c>
      <c r="CA20" s="222">
        <v>3</v>
      </c>
      <c r="CB20" s="225">
        <v>4</v>
      </c>
      <c r="CC20" s="227">
        <v>4</v>
      </c>
      <c r="CD20" s="228">
        <v>0</v>
      </c>
      <c r="CE20" s="222">
        <v>0</v>
      </c>
      <c r="CF20" s="222">
        <v>0</v>
      </c>
      <c r="CG20" s="223">
        <v>0</v>
      </c>
      <c r="CH20" s="224">
        <v>0</v>
      </c>
      <c r="CI20" s="224">
        <v>0</v>
      </c>
      <c r="CJ20" s="224">
        <v>0</v>
      </c>
      <c r="CK20" s="222">
        <v>0</v>
      </c>
      <c r="CL20" s="225">
        <v>0</v>
      </c>
      <c r="CM20" s="227">
        <v>0</v>
      </c>
      <c r="CN20" s="228">
        <v>0</v>
      </c>
      <c r="CO20" s="222">
        <v>0</v>
      </c>
      <c r="CP20" s="222">
        <v>0</v>
      </c>
      <c r="CQ20" s="223">
        <v>0</v>
      </c>
      <c r="CR20" s="224">
        <v>0</v>
      </c>
      <c r="CS20" s="224">
        <v>0</v>
      </c>
      <c r="CT20" s="224">
        <v>4</v>
      </c>
      <c r="CU20" s="222">
        <v>12</v>
      </c>
      <c r="CV20" s="225">
        <v>16</v>
      </c>
      <c r="CW20" s="226">
        <v>16</v>
      </c>
      <c r="CX20" s="221">
        <v>0</v>
      </c>
      <c r="CY20" s="222">
        <v>0</v>
      </c>
      <c r="CZ20" s="222">
        <v>0</v>
      </c>
      <c r="DA20" s="223">
        <v>0</v>
      </c>
      <c r="DB20" s="224">
        <v>0</v>
      </c>
      <c r="DC20" s="224">
        <v>0</v>
      </c>
      <c r="DD20" s="224">
        <v>4</v>
      </c>
      <c r="DE20" s="222">
        <v>12</v>
      </c>
      <c r="DF20" s="225">
        <v>16</v>
      </c>
      <c r="DG20" s="227">
        <v>16</v>
      </c>
      <c r="DH20" s="228">
        <v>0</v>
      </c>
      <c r="DI20" s="222">
        <v>0</v>
      </c>
      <c r="DJ20" s="222">
        <v>0</v>
      </c>
      <c r="DK20" s="223">
        <v>0</v>
      </c>
      <c r="DL20" s="224">
        <v>0</v>
      </c>
      <c r="DM20" s="224">
        <v>0</v>
      </c>
      <c r="DN20" s="224">
        <v>0</v>
      </c>
      <c r="DO20" s="222">
        <v>0</v>
      </c>
      <c r="DP20" s="225">
        <v>0</v>
      </c>
      <c r="DQ20" s="227">
        <v>0</v>
      </c>
      <c r="DR20" s="228">
        <v>0</v>
      </c>
      <c r="DS20" s="222">
        <v>0</v>
      </c>
      <c r="DT20" s="222">
        <v>0</v>
      </c>
      <c r="DU20" s="223">
        <v>43</v>
      </c>
      <c r="DV20" s="224">
        <v>121</v>
      </c>
      <c r="DW20" s="224">
        <v>344</v>
      </c>
      <c r="DX20" s="224">
        <v>381</v>
      </c>
      <c r="DY20" s="222">
        <v>268</v>
      </c>
      <c r="DZ20" s="225">
        <v>1157</v>
      </c>
      <c r="EA20" s="227">
        <v>1157</v>
      </c>
      <c r="EB20" s="37"/>
    </row>
    <row r="21" spans="1:132" ht="20.25" customHeight="1" x14ac:dyDescent="0.2">
      <c r="A21" s="62" t="s">
        <v>18</v>
      </c>
      <c r="B21" s="221">
        <v>0</v>
      </c>
      <c r="C21" s="222">
        <v>0</v>
      </c>
      <c r="D21" s="222">
        <v>0</v>
      </c>
      <c r="E21" s="223">
        <v>6</v>
      </c>
      <c r="F21" s="224">
        <v>11</v>
      </c>
      <c r="G21" s="224">
        <v>178</v>
      </c>
      <c r="H21" s="224">
        <v>377</v>
      </c>
      <c r="I21" s="222">
        <v>263</v>
      </c>
      <c r="J21" s="225">
        <v>835</v>
      </c>
      <c r="K21" s="226">
        <v>835</v>
      </c>
      <c r="L21" s="221">
        <v>0</v>
      </c>
      <c r="M21" s="222">
        <v>0</v>
      </c>
      <c r="N21" s="225">
        <v>0</v>
      </c>
      <c r="O21" s="223">
        <v>6</v>
      </c>
      <c r="P21" s="224">
        <v>11</v>
      </c>
      <c r="Q21" s="224">
        <v>176</v>
      </c>
      <c r="R21" s="224">
        <v>374</v>
      </c>
      <c r="S21" s="222">
        <v>259</v>
      </c>
      <c r="T21" s="225">
        <v>826</v>
      </c>
      <c r="U21" s="227">
        <v>826</v>
      </c>
      <c r="V21" s="228">
        <v>0</v>
      </c>
      <c r="W21" s="222">
        <v>0</v>
      </c>
      <c r="X21" s="225">
        <v>0</v>
      </c>
      <c r="Y21" s="228">
        <v>0</v>
      </c>
      <c r="Z21" s="224">
        <v>0</v>
      </c>
      <c r="AA21" s="224">
        <v>2</v>
      </c>
      <c r="AB21" s="224">
        <v>3</v>
      </c>
      <c r="AC21" s="222">
        <v>4</v>
      </c>
      <c r="AD21" s="225">
        <v>9</v>
      </c>
      <c r="AE21" s="229">
        <v>9</v>
      </c>
      <c r="AF21" s="228">
        <v>0</v>
      </c>
      <c r="AG21" s="222">
        <v>0</v>
      </c>
      <c r="AH21" s="225">
        <v>0</v>
      </c>
      <c r="AI21" s="228">
        <v>40</v>
      </c>
      <c r="AJ21" s="224">
        <v>66</v>
      </c>
      <c r="AK21" s="224">
        <v>104</v>
      </c>
      <c r="AL21" s="224">
        <v>138</v>
      </c>
      <c r="AM21" s="222">
        <v>80</v>
      </c>
      <c r="AN21" s="225">
        <v>428</v>
      </c>
      <c r="AO21" s="229">
        <v>428</v>
      </c>
      <c r="AP21" s="228">
        <v>0</v>
      </c>
      <c r="AQ21" s="222">
        <v>0</v>
      </c>
      <c r="AR21" s="225">
        <v>0</v>
      </c>
      <c r="AS21" s="223">
        <v>39</v>
      </c>
      <c r="AT21" s="224">
        <v>64</v>
      </c>
      <c r="AU21" s="224">
        <v>101</v>
      </c>
      <c r="AV21" s="224">
        <v>137</v>
      </c>
      <c r="AW21" s="222">
        <v>78</v>
      </c>
      <c r="AX21" s="225">
        <v>419</v>
      </c>
      <c r="AY21" s="226">
        <v>419</v>
      </c>
      <c r="AZ21" s="221">
        <v>0</v>
      </c>
      <c r="BA21" s="222">
        <v>0</v>
      </c>
      <c r="BB21" s="222">
        <v>0</v>
      </c>
      <c r="BC21" s="223">
        <v>1</v>
      </c>
      <c r="BD21" s="224">
        <v>2</v>
      </c>
      <c r="BE21" s="224">
        <v>3</v>
      </c>
      <c r="BF21" s="224">
        <v>1</v>
      </c>
      <c r="BG21" s="222">
        <v>2</v>
      </c>
      <c r="BH21" s="225">
        <v>9</v>
      </c>
      <c r="BI21" s="227">
        <v>9</v>
      </c>
      <c r="BJ21" s="228">
        <v>0</v>
      </c>
      <c r="BK21" s="222">
        <v>0</v>
      </c>
      <c r="BL21" s="222">
        <v>0</v>
      </c>
      <c r="BM21" s="223">
        <v>0</v>
      </c>
      <c r="BN21" s="224">
        <v>0</v>
      </c>
      <c r="BO21" s="224">
        <v>0</v>
      </c>
      <c r="BP21" s="224">
        <v>0</v>
      </c>
      <c r="BQ21" s="222">
        <v>7</v>
      </c>
      <c r="BR21" s="225">
        <v>7</v>
      </c>
      <c r="BS21" s="226">
        <v>7</v>
      </c>
      <c r="BT21" s="221">
        <v>0</v>
      </c>
      <c r="BU21" s="222">
        <v>0</v>
      </c>
      <c r="BV21" s="222">
        <v>0</v>
      </c>
      <c r="BW21" s="223">
        <v>0</v>
      </c>
      <c r="BX21" s="224">
        <v>0</v>
      </c>
      <c r="BY21" s="224">
        <v>0</v>
      </c>
      <c r="BZ21" s="224">
        <v>0</v>
      </c>
      <c r="CA21" s="222">
        <v>7</v>
      </c>
      <c r="CB21" s="225">
        <v>7</v>
      </c>
      <c r="CC21" s="227">
        <v>7</v>
      </c>
      <c r="CD21" s="228">
        <v>0</v>
      </c>
      <c r="CE21" s="222">
        <v>0</v>
      </c>
      <c r="CF21" s="222">
        <v>0</v>
      </c>
      <c r="CG21" s="223">
        <v>0</v>
      </c>
      <c r="CH21" s="224">
        <v>0</v>
      </c>
      <c r="CI21" s="224">
        <v>0</v>
      </c>
      <c r="CJ21" s="224">
        <v>0</v>
      </c>
      <c r="CK21" s="222">
        <v>0</v>
      </c>
      <c r="CL21" s="225">
        <v>0</v>
      </c>
      <c r="CM21" s="227">
        <v>0</v>
      </c>
      <c r="CN21" s="228">
        <v>0</v>
      </c>
      <c r="CO21" s="222">
        <v>0</v>
      </c>
      <c r="CP21" s="222">
        <v>0</v>
      </c>
      <c r="CQ21" s="223">
        <v>0</v>
      </c>
      <c r="CR21" s="224">
        <v>0</v>
      </c>
      <c r="CS21" s="224">
        <v>2</v>
      </c>
      <c r="CT21" s="224">
        <v>11</v>
      </c>
      <c r="CU21" s="222">
        <v>18</v>
      </c>
      <c r="CV21" s="225">
        <v>31</v>
      </c>
      <c r="CW21" s="226">
        <v>31</v>
      </c>
      <c r="CX21" s="221">
        <v>0</v>
      </c>
      <c r="CY21" s="222">
        <v>0</v>
      </c>
      <c r="CZ21" s="222">
        <v>0</v>
      </c>
      <c r="DA21" s="223">
        <v>0</v>
      </c>
      <c r="DB21" s="224">
        <v>0</v>
      </c>
      <c r="DC21" s="224">
        <v>2</v>
      </c>
      <c r="DD21" s="224">
        <v>11</v>
      </c>
      <c r="DE21" s="222">
        <v>18</v>
      </c>
      <c r="DF21" s="225">
        <v>31</v>
      </c>
      <c r="DG21" s="227">
        <v>31</v>
      </c>
      <c r="DH21" s="228">
        <v>0</v>
      </c>
      <c r="DI21" s="222">
        <v>0</v>
      </c>
      <c r="DJ21" s="222">
        <v>0</v>
      </c>
      <c r="DK21" s="223">
        <v>0</v>
      </c>
      <c r="DL21" s="224">
        <v>0</v>
      </c>
      <c r="DM21" s="224">
        <v>0</v>
      </c>
      <c r="DN21" s="224">
        <v>0</v>
      </c>
      <c r="DO21" s="222">
        <v>0</v>
      </c>
      <c r="DP21" s="225">
        <v>0</v>
      </c>
      <c r="DQ21" s="227">
        <v>0</v>
      </c>
      <c r="DR21" s="228">
        <v>0</v>
      </c>
      <c r="DS21" s="222">
        <v>0</v>
      </c>
      <c r="DT21" s="222">
        <v>0</v>
      </c>
      <c r="DU21" s="223">
        <v>46</v>
      </c>
      <c r="DV21" s="224">
        <v>77</v>
      </c>
      <c r="DW21" s="224">
        <v>284</v>
      </c>
      <c r="DX21" s="224">
        <v>523</v>
      </c>
      <c r="DY21" s="222">
        <v>365</v>
      </c>
      <c r="DZ21" s="225">
        <v>1295</v>
      </c>
      <c r="EA21" s="227">
        <v>1295</v>
      </c>
      <c r="EB21" s="37"/>
    </row>
    <row r="22" spans="1:132" ht="20.25" customHeight="1" x14ac:dyDescent="0.2">
      <c r="A22" s="62" t="s">
        <v>19</v>
      </c>
      <c r="B22" s="221">
        <v>0</v>
      </c>
      <c r="C22" s="222">
        <v>0</v>
      </c>
      <c r="D22" s="222">
        <v>0</v>
      </c>
      <c r="E22" s="223">
        <v>0</v>
      </c>
      <c r="F22" s="224">
        <v>7</v>
      </c>
      <c r="G22" s="224">
        <v>113</v>
      </c>
      <c r="H22" s="224">
        <v>134</v>
      </c>
      <c r="I22" s="222">
        <v>96</v>
      </c>
      <c r="J22" s="225">
        <v>350</v>
      </c>
      <c r="K22" s="226">
        <v>350</v>
      </c>
      <c r="L22" s="221">
        <v>0</v>
      </c>
      <c r="M22" s="222">
        <v>0</v>
      </c>
      <c r="N22" s="225">
        <v>0</v>
      </c>
      <c r="O22" s="223">
        <v>0</v>
      </c>
      <c r="P22" s="224">
        <v>7</v>
      </c>
      <c r="Q22" s="224">
        <v>112</v>
      </c>
      <c r="R22" s="224">
        <v>134</v>
      </c>
      <c r="S22" s="222">
        <v>96</v>
      </c>
      <c r="T22" s="225">
        <v>349</v>
      </c>
      <c r="U22" s="227">
        <v>349</v>
      </c>
      <c r="V22" s="228">
        <v>0</v>
      </c>
      <c r="W22" s="222">
        <v>0</v>
      </c>
      <c r="X22" s="225">
        <v>0</v>
      </c>
      <c r="Y22" s="228">
        <v>0</v>
      </c>
      <c r="Z22" s="224">
        <v>0</v>
      </c>
      <c r="AA22" s="224">
        <v>1</v>
      </c>
      <c r="AB22" s="224">
        <v>0</v>
      </c>
      <c r="AC22" s="222">
        <v>0</v>
      </c>
      <c r="AD22" s="225">
        <v>1</v>
      </c>
      <c r="AE22" s="229">
        <v>1</v>
      </c>
      <c r="AF22" s="228">
        <v>0</v>
      </c>
      <c r="AG22" s="222">
        <v>0</v>
      </c>
      <c r="AH22" s="225">
        <v>0</v>
      </c>
      <c r="AI22" s="228">
        <v>16</v>
      </c>
      <c r="AJ22" s="224">
        <v>48</v>
      </c>
      <c r="AK22" s="224">
        <v>65</v>
      </c>
      <c r="AL22" s="224">
        <v>62</v>
      </c>
      <c r="AM22" s="222">
        <v>29</v>
      </c>
      <c r="AN22" s="225">
        <v>220</v>
      </c>
      <c r="AO22" s="229">
        <v>220</v>
      </c>
      <c r="AP22" s="228">
        <v>0</v>
      </c>
      <c r="AQ22" s="222">
        <v>0</v>
      </c>
      <c r="AR22" s="225">
        <v>0</v>
      </c>
      <c r="AS22" s="223">
        <v>16</v>
      </c>
      <c r="AT22" s="224">
        <v>48</v>
      </c>
      <c r="AU22" s="224">
        <v>63</v>
      </c>
      <c r="AV22" s="224">
        <v>60</v>
      </c>
      <c r="AW22" s="222">
        <v>29</v>
      </c>
      <c r="AX22" s="225">
        <v>216</v>
      </c>
      <c r="AY22" s="226">
        <v>216</v>
      </c>
      <c r="AZ22" s="221">
        <v>0</v>
      </c>
      <c r="BA22" s="222">
        <v>0</v>
      </c>
      <c r="BB22" s="222">
        <v>0</v>
      </c>
      <c r="BC22" s="223">
        <v>0</v>
      </c>
      <c r="BD22" s="224">
        <v>0</v>
      </c>
      <c r="BE22" s="224">
        <v>2</v>
      </c>
      <c r="BF22" s="224">
        <v>2</v>
      </c>
      <c r="BG22" s="222">
        <v>0</v>
      </c>
      <c r="BH22" s="225">
        <v>4</v>
      </c>
      <c r="BI22" s="227">
        <v>4</v>
      </c>
      <c r="BJ22" s="228">
        <v>0</v>
      </c>
      <c r="BK22" s="222">
        <v>0</v>
      </c>
      <c r="BL22" s="222">
        <v>0</v>
      </c>
      <c r="BM22" s="223">
        <v>0</v>
      </c>
      <c r="BN22" s="224">
        <v>0</v>
      </c>
      <c r="BO22" s="224">
        <v>0</v>
      </c>
      <c r="BP22" s="224">
        <v>0</v>
      </c>
      <c r="BQ22" s="222">
        <v>0</v>
      </c>
      <c r="BR22" s="225">
        <v>0</v>
      </c>
      <c r="BS22" s="226">
        <v>0</v>
      </c>
      <c r="BT22" s="221">
        <v>0</v>
      </c>
      <c r="BU22" s="222">
        <v>0</v>
      </c>
      <c r="BV22" s="222">
        <v>0</v>
      </c>
      <c r="BW22" s="223">
        <v>0</v>
      </c>
      <c r="BX22" s="224">
        <v>0</v>
      </c>
      <c r="BY22" s="224">
        <v>0</v>
      </c>
      <c r="BZ22" s="224">
        <v>0</v>
      </c>
      <c r="CA22" s="222">
        <v>0</v>
      </c>
      <c r="CB22" s="225">
        <v>0</v>
      </c>
      <c r="CC22" s="227">
        <v>0</v>
      </c>
      <c r="CD22" s="228">
        <v>0</v>
      </c>
      <c r="CE22" s="222">
        <v>0</v>
      </c>
      <c r="CF22" s="222">
        <v>0</v>
      </c>
      <c r="CG22" s="223">
        <v>0</v>
      </c>
      <c r="CH22" s="224">
        <v>0</v>
      </c>
      <c r="CI22" s="224">
        <v>0</v>
      </c>
      <c r="CJ22" s="224">
        <v>0</v>
      </c>
      <c r="CK22" s="222">
        <v>0</v>
      </c>
      <c r="CL22" s="225">
        <v>0</v>
      </c>
      <c r="CM22" s="227">
        <v>0</v>
      </c>
      <c r="CN22" s="228">
        <v>0</v>
      </c>
      <c r="CO22" s="222">
        <v>0</v>
      </c>
      <c r="CP22" s="222">
        <v>0</v>
      </c>
      <c r="CQ22" s="223">
        <v>0</v>
      </c>
      <c r="CR22" s="224">
        <v>0</v>
      </c>
      <c r="CS22" s="224">
        <v>0</v>
      </c>
      <c r="CT22" s="224">
        <v>4</v>
      </c>
      <c r="CU22" s="222">
        <v>6</v>
      </c>
      <c r="CV22" s="225">
        <v>10</v>
      </c>
      <c r="CW22" s="226">
        <v>10</v>
      </c>
      <c r="CX22" s="221">
        <v>0</v>
      </c>
      <c r="CY22" s="222">
        <v>0</v>
      </c>
      <c r="CZ22" s="222">
        <v>0</v>
      </c>
      <c r="DA22" s="223">
        <v>0</v>
      </c>
      <c r="DB22" s="224">
        <v>0</v>
      </c>
      <c r="DC22" s="224">
        <v>0</v>
      </c>
      <c r="DD22" s="224">
        <v>4</v>
      </c>
      <c r="DE22" s="222">
        <v>5</v>
      </c>
      <c r="DF22" s="225">
        <v>9</v>
      </c>
      <c r="DG22" s="227">
        <v>9</v>
      </c>
      <c r="DH22" s="228">
        <v>0</v>
      </c>
      <c r="DI22" s="222">
        <v>0</v>
      </c>
      <c r="DJ22" s="222">
        <v>0</v>
      </c>
      <c r="DK22" s="223">
        <v>0</v>
      </c>
      <c r="DL22" s="224">
        <v>0</v>
      </c>
      <c r="DM22" s="224">
        <v>0</v>
      </c>
      <c r="DN22" s="224">
        <v>0</v>
      </c>
      <c r="DO22" s="222">
        <v>1</v>
      </c>
      <c r="DP22" s="225">
        <v>1</v>
      </c>
      <c r="DQ22" s="227">
        <v>1</v>
      </c>
      <c r="DR22" s="228">
        <v>0</v>
      </c>
      <c r="DS22" s="222">
        <v>0</v>
      </c>
      <c r="DT22" s="222">
        <v>0</v>
      </c>
      <c r="DU22" s="223">
        <v>16</v>
      </c>
      <c r="DV22" s="224">
        <v>55</v>
      </c>
      <c r="DW22" s="224">
        <v>177</v>
      </c>
      <c r="DX22" s="224">
        <v>199</v>
      </c>
      <c r="DY22" s="222">
        <v>130</v>
      </c>
      <c r="DZ22" s="225">
        <v>577</v>
      </c>
      <c r="EA22" s="227">
        <v>577</v>
      </c>
      <c r="EB22" s="37"/>
    </row>
    <row r="23" spans="1:132" ht="20.25" customHeight="1" x14ac:dyDescent="0.2">
      <c r="A23" s="62" t="s">
        <v>20</v>
      </c>
      <c r="B23" s="221">
        <v>0</v>
      </c>
      <c r="C23" s="222">
        <v>0</v>
      </c>
      <c r="D23" s="222">
        <v>0</v>
      </c>
      <c r="E23" s="223">
        <v>5</v>
      </c>
      <c r="F23" s="224">
        <v>23</v>
      </c>
      <c r="G23" s="224">
        <v>154</v>
      </c>
      <c r="H23" s="224">
        <v>191</v>
      </c>
      <c r="I23" s="222">
        <v>111</v>
      </c>
      <c r="J23" s="225">
        <v>484</v>
      </c>
      <c r="K23" s="226">
        <v>484</v>
      </c>
      <c r="L23" s="221">
        <v>0</v>
      </c>
      <c r="M23" s="222">
        <v>0</v>
      </c>
      <c r="N23" s="225">
        <v>0</v>
      </c>
      <c r="O23" s="223">
        <v>5</v>
      </c>
      <c r="P23" s="224">
        <v>23</v>
      </c>
      <c r="Q23" s="224">
        <v>153</v>
      </c>
      <c r="R23" s="224">
        <v>188</v>
      </c>
      <c r="S23" s="222">
        <v>110</v>
      </c>
      <c r="T23" s="225">
        <v>479</v>
      </c>
      <c r="U23" s="227">
        <v>479</v>
      </c>
      <c r="V23" s="228">
        <v>0</v>
      </c>
      <c r="W23" s="222">
        <v>0</v>
      </c>
      <c r="X23" s="225">
        <v>0</v>
      </c>
      <c r="Y23" s="228">
        <v>0</v>
      </c>
      <c r="Z23" s="224">
        <v>0</v>
      </c>
      <c r="AA23" s="224">
        <v>1</v>
      </c>
      <c r="AB23" s="224">
        <v>3</v>
      </c>
      <c r="AC23" s="222">
        <v>1</v>
      </c>
      <c r="AD23" s="225">
        <v>5</v>
      </c>
      <c r="AE23" s="229">
        <v>5</v>
      </c>
      <c r="AF23" s="228">
        <v>0</v>
      </c>
      <c r="AG23" s="222">
        <v>0</v>
      </c>
      <c r="AH23" s="225">
        <v>0</v>
      </c>
      <c r="AI23" s="228">
        <v>22</v>
      </c>
      <c r="AJ23" s="224">
        <v>34</v>
      </c>
      <c r="AK23" s="224">
        <v>42</v>
      </c>
      <c r="AL23" s="224">
        <v>45</v>
      </c>
      <c r="AM23" s="222">
        <v>22</v>
      </c>
      <c r="AN23" s="225">
        <v>165</v>
      </c>
      <c r="AO23" s="229">
        <v>165</v>
      </c>
      <c r="AP23" s="228">
        <v>0</v>
      </c>
      <c r="AQ23" s="222">
        <v>0</v>
      </c>
      <c r="AR23" s="225">
        <v>0</v>
      </c>
      <c r="AS23" s="223">
        <v>22</v>
      </c>
      <c r="AT23" s="224">
        <v>34</v>
      </c>
      <c r="AU23" s="224">
        <v>42</v>
      </c>
      <c r="AV23" s="224">
        <v>43</v>
      </c>
      <c r="AW23" s="222">
        <v>22</v>
      </c>
      <c r="AX23" s="225">
        <v>163</v>
      </c>
      <c r="AY23" s="226">
        <v>163</v>
      </c>
      <c r="AZ23" s="221">
        <v>0</v>
      </c>
      <c r="BA23" s="222">
        <v>0</v>
      </c>
      <c r="BB23" s="222">
        <v>0</v>
      </c>
      <c r="BC23" s="223">
        <v>0</v>
      </c>
      <c r="BD23" s="224">
        <v>0</v>
      </c>
      <c r="BE23" s="224">
        <v>0</v>
      </c>
      <c r="BF23" s="224">
        <v>2</v>
      </c>
      <c r="BG23" s="222">
        <v>0</v>
      </c>
      <c r="BH23" s="225">
        <v>2</v>
      </c>
      <c r="BI23" s="227">
        <v>2</v>
      </c>
      <c r="BJ23" s="228">
        <v>0</v>
      </c>
      <c r="BK23" s="222">
        <v>0</v>
      </c>
      <c r="BL23" s="222">
        <v>0</v>
      </c>
      <c r="BM23" s="223">
        <v>0</v>
      </c>
      <c r="BN23" s="224">
        <v>0</v>
      </c>
      <c r="BO23" s="224">
        <v>0</v>
      </c>
      <c r="BP23" s="224">
        <v>0</v>
      </c>
      <c r="BQ23" s="222">
        <v>2</v>
      </c>
      <c r="BR23" s="225">
        <v>2</v>
      </c>
      <c r="BS23" s="226">
        <v>2</v>
      </c>
      <c r="BT23" s="221">
        <v>0</v>
      </c>
      <c r="BU23" s="222">
        <v>0</v>
      </c>
      <c r="BV23" s="222">
        <v>0</v>
      </c>
      <c r="BW23" s="223">
        <v>0</v>
      </c>
      <c r="BX23" s="224">
        <v>0</v>
      </c>
      <c r="BY23" s="224">
        <v>0</v>
      </c>
      <c r="BZ23" s="224">
        <v>0</v>
      </c>
      <c r="CA23" s="222">
        <v>2</v>
      </c>
      <c r="CB23" s="225">
        <v>2</v>
      </c>
      <c r="CC23" s="227">
        <v>2</v>
      </c>
      <c r="CD23" s="228">
        <v>0</v>
      </c>
      <c r="CE23" s="222">
        <v>0</v>
      </c>
      <c r="CF23" s="222">
        <v>0</v>
      </c>
      <c r="CG23" s="223">
        <v>0</v>
      </c>
      <c r="CH23" s="224">
        <v>0</v>
      </c>
      <c r="CI23" s="224">
        <v>0</v>
      </c>
      <c r="CJ23" s="224">
        <v>0</v>
      </c>
      <c r="CK23" s="222">
        <v>0</v>
      </c>
      <c r="CL23" s="225">
        <v>0</v>
      </c>
      <c r="CM23" s="227">
        <v>0</v>
      </c>
      <c r="CN23" s="228">
        <v>0</v>
      </c>
      <c r="CO23" s="222">
        <v>0</v>
      </c>
      <c r="CP23" s="222">
        <v>0</v>
      </c>
      <c r="CQ23" s="223">
        <v>0</v>
      </c>
      <c r="CR23" s="224">
        <v>0</v>
      </c>
      <c r="CS23" s="224">
        <v>1</v>
      </c>
      <c r="CT23" s="224">
        <v>0</v>
      </c>
      <c r="CU23" s="222">
        <v>5</v>
      </c>
      <c r="CV23" s="225">
        <v>6</v>
      </c>
      <c r="CW23" s="226">
        <v>6</v>
      </c>
      <c r="CX23" s="221">
        <v>0</v>
      </c>
      <c r="CY23" s="222">
        <v>0</v>
      </c>
      <c r="CZ23" s="222">
        <v>0</v>
      </c>
      <c r="DA23" s="223">
        <v>0</v>
      </c>
      <c r="DB23" s="224">
        <v>0</v>
      </c>
      <c r="DC23" s="224">
        <v>1</v>
      </c>
      <c r="DD23" s="224">
        <v>0</v>
      </c>
      <c r="DE23" s="222">
        <v>5</v>
      </c>
      <c r="DF23" s="225">
        <v>6</v>
      </c>
      <c r="DG23" s="227">
        <v>6</v>
      </c>
      <c r="DH23" s="228">
        <v>0</v>
      </c>
      <c r="DI23" s="222">
        <v>0</v>
      </c>
      <c r="DJ23" s="222">
        <v>0</v>
      </c>
      <c r="DK23" s="223">
        <v>0</v>
      </c>
      <c r="DL23" s="224">
        <v>0</v>
      </c>
      <c r="DM23" s="224">
        <v>0</v>
      </c>
      <c r="DN23" s="224">
        <v>0</v>
      </c>
      <c r="DO23" s="222">
        <v>0</v>
      </c>
      <c r="DP23" s="225">
        <v>0</v>
      </c>
      <c r="DQ23" s="227">
        <v>0</v>
      </c>
      <c r="DR23" s="228">
        <v>0</v>
      </c>
      <c r="DS23" s="222">
        <v>0</v>
      </c>
      <c r="DT23" s="222">
        <v>0</v>
      </c>
      <c r="DU23" s="223">
        <v>27</v>
      </c>
      <c r="DV23" s="224">
        <v>57</v>
      </c>
      <c r="DW23" s="224">
        <v>197</v>
      </c>
      <c r="DX23" s="224">
        <v>236</v>
      </c>
      <c r="DY23" s="222">
        <v>140</v>
      </c>
      <c r="DZ23" s="225">
        <v>657</v>
      </c>
      <c r="EA23" s="227">
        <v>657</v>
      </c>
      <c r="EB23" s="37"/>
    </row>
    <row r="24" spans="1:132" ht="20.25" customHeight="1" x14ac:dyDescent="0.2">
      <c r="A24" s="62" t="s">
        <v>21</v>
      </c>
      <c r="B24" s="221">
        <v>0</v>
      </c>
      <c r="C24" s="222">
        <v>0</v>
      </c>
      <c r="D24" s="222">
        <v>0</v>
      </c>
      <c r="E24" s="223">
        <v>3</v>
      </c>
      <c r="F24" s="224">
        <v>13</v>
      </c>
      <c r="G24" s="224">
        <v>169</v>
      </c>
      <c r="H24" s="224">
        <v>184</v>
      </c>
      <c r="I24" s="222">
        <v>135</v>
      </c>
      <c r="J24" s="225">
        <v>504</v>
      </c>
      <c r="K24" s="226">
        <v>504</v>
      </c>
      <c r="L24" s="221">
        <v>0</v>
      </c>
      <c r="M24" s="222">
        <v>0</v>
      </c>
      <c r="N24" s="225">
        <v>0</v>
      </c>
      <c r="O24" s="223">
        <v>3</v>
      </c>
      <c r="P24" s="224">
        <v>13</v>
      </c>
      <c r="Q24" s="224">
        <v>168</v>
      </c>
      <c r="R24" s="224">
        <v>184</v>
      </c>
      <c r="S24" s="222">
        <v>132</v>
      </c>
      <c r="T24" s="225">
        <v>500</v>
      </c>
      <c r="U24" s="227">
        <v>500</v>
      </c>
      <c r="V24" s="228">
        <v>0</v>
      </c>
      <c r="W24" s="222">
        <v>0</v>
      </c>
      <c r="X24" s="225">
        <v>0</v>
      </c>
      <c r="Y24" s="228">
        <v>0</v>
      </c>
      <c r="Z24" s="224">
        <v>0</v>
      </c>
      <c r="AA24" s="224">
        <v>1</v>
      </c>
      <c r="AB24" s="224">
        <v>0</v>
      </c>
      <c r="AC24" s="222">
        <v>3</v>
      </c>
      <c r="AD24" s="225">
        <v>4</v>
      </c>
      <c r="AE24" s="229">
        <v>4</v>
      </c>
      <c r="AF24" s="228">
        <v>0</v>
      </c>
      <c r="AG24" s="222">
        <v>0</v>
      </c>
      <c r="AH24" s="225">
        <v>0</v>
      </c>
      <c r="AI24" s="228">
        <v>21</v>
      </c>
      <c r="AJ24" s="224">
        <v>34</v>
      </c>
      <c r="AK24" s="224">
        <v>43</v>
      </c>
      <c r="AL24" s="224">
        <v>51</v>
      </c>
      <c r="AM24" s="222">
        <v>25</v>
      </c>
      <c r="AN24" s="225">
        <v>174</v>
      </c>
      <c r="AO24" s="229">
        <v>174</v>
      </c>
      <c r="AP24" s="228">
        <v>0</v>
      </c>
      <c r="AQ24" s="222">
        <v>0</v>
      </c>
      <c r="AR24" s="225">
        <v>0</v>
      </c>
      <c r="AS24" s="223">
        <v>21</v>
      </c>
      <c r="AT24" s="224">
        <v>34</v>
      </c>
      <c r="AU24" s="224">
        <v>43</v>
      </c>
      <c r="AV24" s="224">
        <v>47</v>
      </c>
      <c r="AW24" s="222">
        <v>22</v>
      </c>
      <c r="AX24" s="225">
        <v>167</v>
      </c>
      <c r="AY24" s="226">
        <v>167</v>
      </c>
      <c r="AZ24" s="221">
        <v>0</v>
      </c>
      <c r="BA24" s="222">
        <v>0</v>
      </c>
      <c r="BB24" s="222">
        <v>0</v>
      </c>
      <c r="BC24" s="223">
        <v>0</v>
      </c>
      <c r="BD24" s="224">
        <v>0</v>
      </c>
      <c r="BE24" s="224">
        <v>0</v>
      </c>
      <c r="BF24" s="224">
        <v>4</v>
      </c>
      <c r="BG24" s="222">
        <v>3</v>
      </c>
      <c r="BH24" s="225">
        <v>7</v>
      </c>
      <c r="BI24" s="227">
        <v>7</v>
      </c>
      <c r="BJ24" s="228">
        <v>0</v>
      </c>
      <c r="BK24" s="222">
        <v>0</v>
      </c>
      <c r="BL24" s="222">
        <v>0</v>
      </c>
      <c r="BM24" s="223">
        <v>0</v>
      </c>
      <c r="BN24" s="224">
        <v>0</v>
      </c>
      <c r="BO24" s="224">
        <v>1</v>
      </c>
      <c r="BP24" s="224">
        <v>1</v>
      </c>
      <c r="BQ24" s="222">
        <v>4</v>
      </c>
      <c r="BR24" s="225">
        <v>6</v>
      </c>
      <c r="BS24" s="226">
        <v>6</v>
      </c>
      <c r="BT24" s="221">
        <v>0</v>
      </c>
      <c r="BU24" s="222">
        <v>0</v>
      </c>
      <c r="BV24" s="222">
        <v>0</v>
      </c>
      <c r="BW24" s="223">
        <v>0</v>
      </c>
      <c r="BX24" s="224">
        <v>0</v>
      </c>
      <c r="BY24" s="224">
        <v>1</v>
      </c>
      <c r="BZ24" s="224">
        <v>1</v>
      </c>
      <c r="CA24" s="222">
        <v>4</v>
      </c>
      <c r="CB24" s="225">
        <v>6</v>
      </c>
      <c r="CC24" s="227">
        <v>6</v>
      </c>
      <c r="CD24" s="228">
        <v>0</v>
      </c>
      <c r="CE24" s="222">
        <v>0</v>
      </c>
      <c r="CF24" s="222">
        <v>0</v>
      </c>
      <c r="CG24" s="223">
        <v>0</v>
      </c>
      <c r="CH24" s="224">
        <v>0</v>
      </c>
      <c r="CI24" s="224">
        <v>0</v>
      </c>
      <c r="CJ24" s="224">
        <v>0</v>
      </c>
      <c r="CK24" s="222">
        <v>0</v>
      </c>
      <c r="CL24" s="225">
        <v>0</v>
      </c>
      <c r="CM24" s="227">
        <v>0</v>
      </c>
      <c r="CN24" s="228">
        <v>0</v>
      </c>
      <c r="CO24" s="222">
        <v>0</v>
      </c>
      <c r="CP24" s="222">
        <v>0</v>
      </c>
      <c r="CQ24" s="223">
        <v>0</v>
      </c>
      <c r="CR24" s="224">
        <v>0</v>
      </c>
      <c r="CS24" s="224">
        <v>1</v>
      </c>
      <c r="CT24" s="224">
        <v>8</v>
      </c>
      <c r="CU24" s="222">
        <v>4</v>
      </c>
      <c r="CV24" s="225">
        <v>13</v>
      </c>
      <c r="CW24" s="226">
        <v>13</v>
      </c>
      <c r="CX24" s="221">
        <v>0</v>
      </c>
      <c r="CY24" s="222">
        <v>0</v>
      </c>
      <c r="CZ24" s="222">
        <v>0</v>
      </c>
      <c r="DA24" s="223">
        <v>0</v>
      </c>
      <c r="DB24" s="224">
        <v>0</v>
      </c>
      <c r="DC24" s="224">
        <v>1</v>
      </c>
      <c r="DD24" s="224">
        <v>8</v>
      </c>
      <c r="DE24" s="222">
        <v>4</v>
      </c>
      <c r="DF24" s="225">
        <v>13</v>
      </c>
      <c r="DG24" s="227">
        <v>13</v>
      </c>
      <c r="DH24" s="228">
        <v>0</v>
      </c>
      <c r="DI24" s="222">
        <v>0</v>
      </c>
      <c r="DJ24" s="222">
        <v>0</v>
      </c>
      <c r="DK24" s="223">
        <v>0</v>
      </c>
      <c r="DL24" s="224">
        <v>0</v>
      </c>
      <c r="DM24" s="224">
        <v>0</v>
      </c>
      <c r="DN24" s="224">
        <v>0</v>
      </c>
      <c r="DO24" s="222">
        <v>0</v>
      </c>
      <c r="DP24" s="225">
        <v>0</v>
      </c>
      <c r="DQ24" s="227">
        <v>0</v>
      </c>
      <c r="DR24" s="228">
        <v>0</v>
      </c>
      <c r="DS24" s="222">
        <v>0</v>
      </c>
      <c r="DT24" s="222">
        <v>0</v>
      </c>
      <c r="DU24" s="223">
        <v>24</v>
      </c>
      <c r="DV24" s="224">
        <v>47</v>
      </c>
      <c r="DW24" s="224">
        <v>214</v>
      </c>
      <c r="DX24" s="224">
        <v>244</v>
      </c>
      <c r="DY24" s="222">
        <v>167</v>
      </c>
      <c r="DZ24" s="225">
        <v>696</v>
      </c>
      <c r="EA24" s="227">
        <v>696</v>
      </c>
      <c r="EB24" s="37"/>
    </row>
    <row r="25" spans="1:132" ht="20.25" customHeight="1" x14ac:dyDescent="0.2">
      <c r="A25" s="62" t="s">
        <v>22</v>
      </c>
      <c r="B25" s="221">
        <v>0</v>
      </c>
      <c r="C25" s="222">
        <v>0</v>
      </c>
      <c r="D25" s="222">
        <v>0</v>
      </c>
      <c r="E25" s="223">
        <v>2</v>
      </c>
      <c r="F25" s="224">
        <v>6</v>
      </c>
      <c r="G25" s="224">
        <v>40</v>
      </c>
      <c r="H25" s="224">
        <v>60</v>
      </c>
      <c r="I25" s="222">
        <v>33</v>
      </c>
      <c r="J25" s="225">
        <v>141</v>
      </c>
      <c r="K25" s="226">
        <v>141</v>
      </c>
      <c r="L25" s="221">
        <v>0</v>
      </c>
      <c r="M25" s="222">
        <v>0</v>
      </c>
      <c r="N25" s="225">
        <v>0</v>
      </c>
      <c r="O25" s="223">
        <v>2</v>
      </c>
      <c r="P25" s="224">
        <v>6</v>
      </c>
      <c r="Q25" s="224">
        <v>40</v>
      </c>
      <c r="R25" s="224">
        <v>60</v>
      </c>
      <c r="S25" s="222">
        <v>31</v>
      </c>
      <c r="T25" s="225">
        <v>139</v>
      </c>
      <c r="U25" s="227">
        <v>139</v>
      </c>
      <c r="V25" s="228">
        <v>0</v>
      </c>
      <c r="W25" s="222">
        <v>0</v>
      </c>
      <c r="X25" s="225">
        <v>0</v>
      </c>
      <c r="Y25" s="228">
        <v>0</v>
      </c>
      <c r="Z25" s="224">
        <v>0</v>
      </c>
      <c r="AA25" s="224">
        <v>0</v>
      </c>
      <c r="AB25" s="224">
        <v>0</v>
      </c>
      <c r="AC25" s="222">
        <v>2</v>
      </c>
      <c r="AD25" s="225">
        <v>2</v>
      </c>
      <c r="AE25" s="229">
        <v>2</v>
      </c>
      <c r="AF25" s="228">
        <v>0</v>
      </c>
      <c r="AG25" s="222">
        <v>0</v>
      </c>
      <c r="AH25" s="225">
        <v>0</v>
      </c>
      <c r="AI25" s="228">
        <v>13</v>
      </c>
      <c r="AJ25" s="224">
        <v>26</v>
      </c>
      <c r="AK25" s="224">
        <v>28</v>
      </c>
      <c r="AL25" s="224">
        <v>37</v>
      </c>
      <c r="AM25" s="222">
        <v>19</v>
      </c>
      <c r="AN25" s="225">
        <v>123</v>
      </c>
      <c r="AO25" s="229">
        <v>123</v>
      </c>
      <c r="AP25" s="228">
        <v>0</v>
      </c>
      <c r="AQ25" s="222">
        <v>0</v>
      </c>
      <c r="AR25" s="225">
        <v>0</v>
      </c>
      <c r="AS25" s="223">
        <v>13</v>
      </c>
      <c r="AT25" s="224">
        <v>26</v>
      </c>
      <c r="AU25" s="224">
        <v>28</v>
      </c>
      <c r="AV25" s="224">
        <v>36</v>
      </c>
      <c r="AW25" s="222">
        <v>19</v>
      </c>
      <c r="AX25" s="225">
        <v>122</v>
      </c>
      <c r="AY25" s="226">
        <v>122</v>
      </c>
      <c r="AZ25" s="221">
        <v>0</v>
      </c>
      <c r="BA25" s="222">
        <v>0</v>
      </c>
      <c r="BB25" s="222">
        <v>0</v>
      </c>
      <c r="BC25" s="223">
        <v>0</v>
      </c>
      <c r="BD25" s="224">
        <v>0</v>
      </c>
      <c r="BE25" s="224">
        <v>0</v>
      </c>
      <c r="BF25" s="224">
        <v>1</v>
      </c>
      <c r="BG25" s="222">
        <v>0</v>
      </c>
      <c r="BH25" s="225">
        <v>1</v>
      </c>
      <c r="BI25" s="227">
        <v>1</v>
      </c>
      <c r="BJ25" s="228">
        <v>0</v>
      </c>
      <c r="BK25" s="222">
        <v>0</v>
      </c>
      <c r="BL25" s="222">
        <v>0</v>
      </c>
      <c r="BM25" s="223">
        <v>0</v>
      </c>
      <c r="BN25" s="224">
        <v>0</v>
      </c>
      <c r="BO25" s="224">
        <v>0</v>
      </c>
      <c r="BP25" s="224">
        <v>0</v>
      </c>
      <c r="BQ25" s="222">
        <v>4</v>
      </c>
      <c r="BR25" s="225">
        <v>4</v>
      </c>
      <c r="BS25" s="226">
        <v>4</v>
      </c>
      <c r="BT25" s="221">
        <v>0</v>
      </c>
      <c r="BU25" s="222">
        <v>0</v>
      </c>
      <c r="BV25" s="222">
        <v>0</v>
      </c>
      <c r="BW25" s="223">
        <v>0</v>
      </c>
      <c r="BX25" s="224">
        <v>0</v>
      </c>
      <c r="BY25" s="224">
        <v>0</v>
      </c>
      <c r="BZ25" s="224">
        <v>0</v>
      </c>
      <c r="CA25" s="222">
        <v>4</v>
      </c>
      <c r="CB25" s="225">
        <v>4</v>
      </c>
      <c r="CC25" s="227">
        <v>4</v>
      </c>
      <c r="CD25" s="228">
        <v>0</v>
      </c>
      <c r="CE25" s="222">
        <v>0</v>
      </c>
      <c r="CF25" s="222">
        <v>0</v>
      </c>
      <c r="CG25" s="223">
        <v>0</v>
      </c>
      <c r="CH25" s="224">
        <v>0</v>
      </c>
      <c r="CI25" s="224">
        <v>0</v>
      </c>
      <c r="CJ25" s="224">
        <v>0</v>
      </c>
      <c r="CK25" s="222">
        <v>0</v>
      </c>
      <c r="CL25" s="225">
        <v>0</v>
      </c>
      <c r="CM25" s="227">
        <v>0</v>
      </c>
      <c r="CN25" s="228">
        <v>0</v>
      </c>
      <c r="CO25" s="222">
        <v>0</v>
      </c>
      <c r="CP25" s="222">
        <v>0</v>
      </c>
      <c r="CQ25" s="223">
        <v>0</v>
      </c>
      <c r="CR25" s="224">
        <v>0</v>
      </c>
      <c r="CS25" s="224">
        <v>1</v>
      </c>
      <c r="CT25" s="224">
        <v>3</v>
      </c>
      <c r="CU25" s="222">
        <v>3</v>
      </c>
      <c r="CV25" s="225">
        <v>7</v>
      </c>
      <c r="CW25" s="226">
        <v>7</v>
      </c>
      <c r="CX25" s="221">
        <v>0</v>
      </c>
      <c r="CY25" s="222">
        <v>0</v>
      </c>
      <c r="CZ25" s="222">
        <v>0</v>
      </c>
      <c r="DA25" s="223">
        <v>0</v>
      </c>
      <c r="DB25" s="224">
        <v>0</v>
      </c>
      <c r="DC25" s="224">
        <v>1</v>
      </c>
      <c r="DD25" s="224">
        <v>2</v>
      </c>
      <c r="DE25" s="222">
        <v>3</v>
      </c>
      <c r="DF25" s="225">
        <v>6</v>
      </c>
      <c r="DG25" s="227">
        <v>6</v>
      </c>
      <c r="DH25" s="228">
        <v>0</v>
      </c>
      <c r="DI25" s="222">
        <v>0</v>
      </c>
      <c r="DJ25" s="222">
        <v>0</v>
      </c>
      <c r="DK25" s="223">
        <v>0</v>
      </c>
      <c r="DL25" s="224">
        <v>0</v>
      </c>
      <c r="DM25" s="224">
        <v>0</v>
      </c>
      <c r="DN25" s="224">
        <v>1</v>
      </c>
      <c r="DO25" s="222">
        <v>0</v>
      </c>
      <c r="DP25" s="225">
        <v>1</v>
      </c>
      <c r="DQ25" s="227">
        <v>1</v>
      </c>
      <c r="DR25" s="228">
        <v>0</v>
      </c>
      <c r="DS25" s="222">
        <v>0</v>
      </c>
      <c r="DT25" s="222">
        <v>0</v>
      </c>
      <c r="DU25" s="223">
        <v>15</v>
      </c>
      <c r="DV25" s="224">
        <v>32</v>
      </c>
      <c r="DW25" s="224">
        <v>69</v>
      </c>
      <c r="DX25" s="224">
        <v>100</v>
      </c>
      <c r="DY25" s="222">
        <v>59</v>
      </c>
      <c r="DZ25" s="225">
        <v>275</v>
      </c>
      <c r="EA25" s="227">
        <v>275</v>
      </c>
      <c r="EB25" s="37"/>
    </row>
    <row r="26" spans="1:132" ht="20.25" customHeight="1" x14ac:dyDescent="0.2">
      <c r="A26" s="62" t="s">
        <v>23</v>
      </c>
      <c r="B26" s="221">
        <v>0</v>
      </c>
      <c r="C26" s="222">
        <v>0</v>
      </c>
      <c r="D26" s="222">
        <v>0</v>
      </c>
      <c r="E26" s="223">
        <v>4</v>
      </c>
      <c r="F26" s="224">
        <v>16</v>
      </c>
      <c r="G26" s="224">
        <v>70</v>
      </c>
      <c r="H26" s="224">
        <v>128</v>
      </c>
      <c r="I26" s="222">
        <v>106</v>
      </c>
      <c r="J26" s="225">
        <v>324</v>
      </c>
      <c r="K26" s="226">
        <v>324</v>
      </c>
      <c r="L26" s="221">
        <v>0</v>
      </c>
      <c r="M26" s="222">
        <v>0</v>
      </c>
      <c r="N26" s="225">
        <v>0</v>
      </c>
      <c r="O26" s="223">
        <v>4</v>
      </c>
      <c r="P26" s="224">
        <v>16</v>
      </c>
      <c r="Q26" s="224">
        <v>69</v>
      </c>
      <c r="R26" s="224">
        <v>128</v>
      </c>
      <c r="S26" s="222">
        <v>105</v>
      </c>
      <c r="T26" s="225">
        <v>322</v>
      </c>
      <c r="U26" s="227">
        <v>322</v>
      </c>
      <c r="V26" s="228">
        <v>0</v>
      </c>
      <c r="W26" s="222">
        <v>0</v>
      </c>
      <c r="X26" s="225">
        <v>0</v>
      </c>
      <c r="Y26" s="228">
        <v>0</v>
      </c>
      <c r="Z26" s="224">
        <v>0</v>
      </c>
      <c r="AA26" s="224">
        <v>1</v>
      </c>
      <c r="AB26" s="224">
        <v>0</v>
      </c>
      <c r="AC26" s="222">
        <v>1</v>
      </c>
      <c r="AD26" s="225">
        <v>2</v>
      </c>
      <c r="AE26" s="229">
        <v>2</v>
      </c>
      <c r="AF26" s="228">
        <v>0</v>
      </c>
      <c r="AG26" s="222">
        <v>0</v>
      </c>
      <c r="AH26" s="225">
        <v>0</v>
      </c>
      <c r="AI26" s="228">
        <v>15</v>
      </c>
      <c r="AJ26" s="224">
        <v>37</v>
      </c>
      <c r="AK26" s="224">
        <v>40</v>
      </c>
      <c r="AL26" s="224">
        <v>61</v>
      </c>
      <c r="AM26" s="222">
        <v>22</v>
      </c>
      <c r="AN26" s="225">
        <v>175</v>
      </c>
      <c r="AO26" s="229">
        <v>175</v>
      </c>
      <c r="AP26" s="228">
        <v>0</v>
      </c>
      <c r="AQ26" s="222">
        <v>0</v>
      </c>
      <c r="AR26" s="225">
        <v>0</v>
      </c>
      <c r="AS26" s="223">
        <v>15</v>
      </c>
      <c r="AT26" s="224">
        <v>36</v>
      </c>
      <c r="AU26" s="224">
        <v>40</v>
      </c>
      <c r="AV26" s="224">
        <v>61</v>
      </c>
      <c r="AW26" s="222">
        <v>20</v>
      </c>
      <c r="AX26" s="225">
        <v>172</v>
      </c>
      <c r="AY26" s="226">
        <v>172</v>
      </c>
      <c r="AZ26" s="221">
        <v>0</v>
      </c>
      <c r="BA26" s="222">
        <v>0</v>
      </c>
      <c r="BB26" s="222">
        <v>0</v>
      </c>
      <c r="BC26" s="223">
        <v>0</v>
      </c>
      <c r="BD26" s="224">
        <v>1</v>
      </c>
      <c r="BE26" s="224">
        <v>0</v>
      </c>
      <c r="BF26" s="224">
        <v>0</v>
      </c>
      <c r="BG26" s="222">
        <v>2</v>
      </c>
      <c r="BH26" s="225">
        <v>3</v>
      </c>
      <c r="BI26" s="227">
        <v>3</v>
      </c>
      <c r="BJ26" s="228">
        <v>0</v>
      </c>
      <c r="BK26" s="222">
        <v>0</v>
      </c>
      <c r="BL26" s="222">
        <v>0</v>
      </c>
      <c r="BM26" s="223">
        <v>0</v>
      </c>
      <c r="BN26" s="224">
        <v>0</v>
      </c>
      <c r="BO26" s="224">
        <v>0</v>
      </c>
      <c r="BP26" s="224">
        <v>2</v>
      </c>
      <c r="BQ26" s="222">
        <v>3</v>
      </c>
      <c r="BR26" s="225">
        <v>5</v>
      </c>
      <c r="BS26" s="226">
        <v>5</v>
      </c>
      <c r="BT26" s="221">
        <v>0</v>
      </c>
      <c r="BU26" s="222">
        <v>0</v>
      </c>
      <c r="BV26" s="222">
        <v>0</v>
      </c>
      <c r="BW26" s="223">
        <v>0</v>
      </c>
      <c r="BX26" s="224">
        <v>0</v>
      </c>
      <c r="BY26" s="224">
        <v>0</v>
      </c>
      <c r="BZ26" s="224">
        <v>2</v>
      </c>
      <c r="CA26" s="222">
        <v>3</v>
      </c>
      <c r="CB26" s="225">
        <v>5</v>
      </c>
      <c r="CC26" s="227">
        <v>5</v>
      </c>
      <c r="CD26" s="228">
        <v>0</v>
      </c>
      <c r="CE26" s="222">
        <v>0</v>
      </c>
      <c r="CF26" s="222">
        <v>0</v>
      </c>
      <c r="CG26" s="223">
        <v>0</v>
      </c>
      <c r="CH26" s="224">
        <v>0</v>
      </c>
      <c r="CI26" s="224">
        <v>0</v>
      </c>
      <c r="CJ26" s="224">
        <v>0</v>
      </c>
      <c r="CK26" s="222">
        <v>0</v>
      </c>
      <c r="CL26" s="225">
        <v>0</v>
      </c>
      <c r="CM26" s="227">
        <v>0</v>
      </c>
      <c r="CN26" s="228">
        <v>0</v>
      </c>
      <c r="CO26" s="222">
        <v>0</v>
      </c>
      <c r="CP26" s="222">
        <v>0</v>
      </c>
      <c r="CQ26" s="223">
        <v>0</v>
      </c>
      <c r="CR26" s="224">
        <v>0</v>
      </c>
      <c r="CS26" s="224">
        <v>0</v>
      </c>
      <c r="CT26" s="224">
        <v>1</v>
      </c>
      <c r="CU26" s="222">
        <v>3</v>
      </c>
      <c r="CV26" s="225">
        <v>4</v>
      </c>
      <c r="CW26" s="226">
        <v>4</v>
      </c>
      <c r="CX26" s="221">
        <v>0</v>
      </c>
      <c r="CY26" s="222">
        <v>0</v>
      </c>
      <c r="CZ26" s="222">
        <v>0</v>
      </c>
      <c r="DA26" s="223">
        <v>0</v>
      </c>
      <c r="DB26" s="224">
        <v>0</v>
      </c>
      <c r="DC26" s="224">
        <v>0</v>
      </c>
      <c r="DD26" s="224">
        <v>1</v>
      </c>
      <c r="DE26" s="222">
        <v>3</v>
      </c>
      <c r="DF26" s="225">
        <v>4</v>
      </c>
      <c r="DG26" s="227">
        <v>4</v>
      </c>
      <c r="DH26" s="228">
        <v>0</v>
      </c>
      <c r="DI26" s="222">
        <v>0</v>
      </c>
      <c r="DJ26" s="222">
        <v>0</v>
      </c>
      <c r="DK26" s="223">
        <v>0</v>
      </c>
      <c r="DL26" s="224">
        <v>0</v>
      </c>
      <c r="DM26" s="224">
        <v>0</v>
      </c>
      <c r="DN26" s="224">
        <v>0</v>
      </c>
      <c r="DO26" s="222">
        <v>0</v>
      </c>
      <c r="DP26" s="225">
        <v>0</v>
      </c>
      <c r="DQ26" s="227">
        <v>0</v>
      </c>
      <c r="DR26" s="228">
        <v>0</v>
      </c>
      <c r="DS26" s="222">
        <v>0</v>
      </c>
      <c r="DT26" s="222">
        <v>0</v>
      </c>
      <c r="DU26" s="223">
        <v>19</v>
      </c>
      <c r="DV26" s="224">
        <v>53</v>
      </c>
      <c r="DW26" s="224">
        <v>110</v>
      </c>
      <c r="DX26" s="224">
        <v>190</v>
      </c>
      <c r="DY26" s="222">
        <v>133</v>
      </c>
      <c r="DZ26" s="225">
        <v>505</v>
      </c>
      <c r="EA26" s="227">
        <v>505</v>
      </c>
      <c r="EB26" s="37"/>
    </row>
    <row r="27" spans="1:132" ht="20.25" customHeight="1" x14ac:dyDescent="0.2">
      <c r="A27" s="62" t="s">
        <v>24</v>
      </c>
      <c r="B27" s="221">
        <v>0</v>
      </c>
      <c r="C27" s="222">
        <v>0</v>
      </c>
      <c r="D27" s="222">
        <v>0</v>
      </c>
      <c r="E27" s="223">
        <v>0</v>
      </c>
      <c r="F27" s="224">
        <v>0</v>
      </c>
      <c r="G27" s="224">
        <v>32</v>
      </c>
      <c r="H27" s="224">
        <v>67</v>
      </c>
      <c r="I27" s="222">
        <v>62</v>
      </c>
      <c r="J27" s="225">
        <v>161</v>
      </c>
      <c r="K27" s="226">
        <v>161</v>
      </c>
      <c r="L27" s="221">
        <v>0</v>
      </c>
      <c r="M27" s="222">
        <v>0</v>
      </c>
      <c r="N27" s="225">
        <v>0</v>
      </c>
      <c r="O27" s="223">
        <v>0</v>
      </c>
      <c r="P27" s="224">
        <v>0</v>
      </c>
      <c r="Q27" s="224">
        <v>32</v>
      </c>
      <c r="R27" s="224">
        <v>67</v>
      </c>
      <c r="S27" s="222">
        <v>62</v>
      </c>
      <c r="T27" s="225">
        <v>161</v>
      </c>
      <c r="U27" s="227">
        <v>161</v>
      </c>
      <c r="V27" s="228">
        <v>0</v>
      </c>
      <c r="W27" s="222">
        <v>0</v>
      </c>
      <c r="X27" s="225">
        <v>0</v>
      </c>
      <c r="Y27" s="228">
        <v>0</v>
      </c>
      <c r="Z27" s="224">
        <v>0</v>
      </c>
      <c r="AA27" s="224">
        <v>0</v>
      </c>
      <c r="AB27" s="224">
        <v>0</v>
      </c>
      <c r="AC27" s="222">
        <v>0</v>
      </c>
      <c r="AD27" s="225">
        <v>0</v>
      </c>
      <c r="AE27" s="229">
        <v>0</v>
      </c>
      <c r="AF27" s="228">
        <v>0</v>
      </c>
      <c r="AG27" s="222">
        <v>0</v>
      </c>
      <c r="AH27" s="225">
        <v>0</v>
      </c>
      <c r="AI27" s="228">
        <v>12</v>
      </c>
      <c r="AJ27" s="224">
        <v>22</v>
      </c>
      <c r="AK27" s="224">
        <v>18</v>
      </c>
      <c r="AL27" s="224">
        <v>27</v>
      </c>
      <c r="AM27" s="222">
        <v>10</v>
      </c>
      <c r="AN27" s="225">
        <v>89</v>
      </c>
      <c r="AO27" s="229">
        <v>89</v>
      </c>
      <c r="AP27" s="228">
        <v>0</v>
      </c>
      <c r="AQ27" s="222">
        <v>0</v>
      </c>
      <c r="AR27" s="225">
        <v>0</v>
      </c>
      <c r="AS27" s="223">
        <v>12</v>
      </c>
      <c r="AT27" s="224">
        <v>22</v>
      </c>
      <c r="AU27" s="224">
        <v>18</v>
      </c>
      <c r="AV27" s="224">
        <v>26</v>
      </c>
      <c r="AW27" s="222">
        <v>10</v>
      </c>
      <c r="AX27" s="225">
        <v>88</v>
      </c>
      <c r="AY27" s="226">
        <v>88</v>
      </c>
      <c r="AZ27" s="221">
        <v>0</v>
      </c>
      <c r="BA27" s="222">
        <v>0</v>
      </c>
      <c r="BB27" s="222">
        <v>0</v>
      </c>
      <c r="BC27" s="223">
        <v>0</v>
      </c>
      <c r="BD27" s="224">
        <v>0</v>
      </c>
      <c r="BE27" s="224">
        <v>0</v>
      </c>
      <c r="BF27" s="224">
        <v>1</v>
      </c>
      <c r="BG27" s="222">
        <v>0</v>
      </c>
      <c r="BH27" s="225">
        <v>1</v>
      </c>
      <c r="BI27" s="227">
        <v>1</v>
      </c>
      <c r="BJ27" s="228">
        <v>0</v>
      </c>
      <c r="BK27" s="222">
        <v>0</v>
      </c>
      <c r="BL27" s="222">
        <v>0</v>
      </c>
      <c r="BM27" s="223">
        <v>0</v>
      </c>
      <c r="BN27" s="224">
        <v>0</v>
      </c>
      <c r="BO27" s="224">
        <v>0</v>
      </c>
      <c r="BP27" s="224">
        <v>0</v>
      </c>
      <c r="BQ27" s="222">
        <v>1</v>
      </c>
      <c r="BR27" s="225">
        <v>1</v>
      </c>
      <c r="BS27" s="226">
        <v>1</v>
      </c>
      <c r="BT27" s="221">
        <v>0</v>
      </c>
      <c r="BU27" s="222">
        <v>0</v>
      </c>
      <c r="BV27" s="222">
        <v>0</v>
      </c>
      <c r="BW27" s="223">
        <v>0</v>
      </c>
      <c r="BX27" s="224">
        <v>0</v>
      </c>
      <c r="BY27" s="224">
        <v>0</v>
      </c>
      <c r="BZ27" s="224">
        <v>0</v>
      </c>
      <c r="CA27" s="222">
        <v>1</v>
      </c>
      <c r="CB27" s="225">
        <v>1</v>
      </c>
      <c r="CC27" s="227">
        <v>1</v>
      </c>
      <c r="CD27" s="228">
        <v>0</v>
      </c>
      <c r="CE27" s="222">
        <v>0</v>
      </c>
      <c r="CF27" s="222">
        <v>0</v>
      </c>
      <c r="CG27" s="223">
        <v>0</v>
      </c>
      <c r="CH27" s="224">
        <v>0</v>
      </c>
      <c r="CI27" s="224">
        <v>0</v>
      </c>
      <c r="CJ27" s="224">
        <v>0</v>
      </c>
      <c r="CK27" s="222">
        <v>0</v>
      </c>
      <c r="CL27" s="225">
        <v>0</v>
      </c>
      <c r="CM27" s="227">
        <v>0</v>
      </c>
      <c r="CN27" s="228">
        <v>0</v>
      </c>
      <c r="CO27" s="222">
        <v>0</v>
      </c>
      <c r="CP27" s="222">
        <v>0</v>
      </c>
      <c r="CQ27" s="223">
        <v>0</v>
      </c>
      <c r="CR27" s="224">
        <v>0</v>
      </c>
      <c r="CS27" s="224">
        <v>0</v>
      </c>
      <c r="CT27" s="224">
        <v>0</v>
      </c>
      <c r="CU27" s="222">
        <v>0</v>
      </c>
      <c r="CV27" s="225">
        <v>0</v>
      </c>
      <c r="CW27" s="226">
        <v>0</v>
      </c>
      <c r="CX27" s="221">
        <v>0</v>
      </c>
      <c r="CY27" s="222">
        <v>0</v>
      </c>
      <c r="CZ27" s="222">
        <v>0</v>
      </c>
      <c r="DA27" s="223">
        <v>0</v>
      </c>
      <c r="DB27" s="224">
        <v>0</v>
      </c>
      <c r="DC27" s="224">
        <v>0</v>
      </c>
      <c r="DD27" s="224">
        <v>0</v>
      </c>
      <c r="DE27" s="222">
        <v>0</v>
      </c>
      <c r="DF27" s="225">
        <v>0</v>
      </c>
      <c r="DG27" s="227">
        <v>0</v>
      </c>
      <c r="DH27" s="228">
        <v>0</v>
      </c>
      <c r="DI27" s="222">
        <v>0</v>
      </c>
      <c r="DJ27" s="222">
        <v>0</v>
      </c>
      <c r="DK27" s="223">
        <v>0</v>
      </c>
      <c r="DL27" s="224">
        <v>0</v>
      </c>
      <c r="DM27" s="224">
        <v>0</v>
      </c>
      <c r="DN27" s="224">
        <v>0</v>
      </c>
      <c r="DO27" s="222">
        <v>0</v>
      </c>
      <c r="DP27" s="225">
        <v>0</v>
      </c>
      <c r="DQ27" s="227">
        <v>0</v>
      </c>
      <c r="DR27" s="228">
        <v>0</v>
      </c>
      <c r="DS27" s="222">
        <v>0</v>
      </c>
      <c r="DT27" s="222">
        <v>0</v>
      </c>
      <c r="DU27" s="223">
        <v>12</v>
      </c>
      <c r="DV27" s="224">
        <v>22</v>
      </c>
      <c r="DW27" s="224">
        <v>50</v>
      </c>
      <c r="DX27" s="224">
        <v>94</v>
      </c>
      <c r="DY27" s="222">
        <v>72</v>
      </c>
      <c r="DZ27" s="225">
        <v>250</v>
      </c>
      <c r="EA27" s="227">
        <v>250</v>
      </c>
      <c r="EB27" s="37"/>
    </row>
    <row r="28" spans="1:132" ht="20.25" customHeight="1" x14ac:dyDescent="0.2">
      <c r="A28" s="62" t="s">
        <v>25</v>
      </c>
      <c r="B28" s="221">
        <v>0</v>
      </c>
      <c r="C28" s="222">
        <v>0</v>
      </c>
      <c r="D28" s="222">
        <v>0</v>
      </c>
      <c r="E28" s="223">
        <v>6</v>
      </c>
      <c r="F28" s="224">
        <v>9</v>
      </c>
      <c r="G28" s="224">
        <v>67</v>
      </c>
      <c r="H28" s="224">
        <v>70</v>
      </c>
      <c r="I28" s="222">
        <v>52</v>
      </c>
      <c r="J28" s="225">
        <v>204</v>
      </c>
      <c r="K28" s="226">
        <v>204</v>
      </c>
      <c r="L28" s="221">
        <v>0</v>
      </c>
      <c r="M28" s="222">
        <v>0</v>
      </c>
      <c r="N28" s="225">
        <v>0</v>
      </c>
      <c r="O28" s="223">
        <v>6</v>
      </c>
      <c r="P28" s="224">
        <v>9</v>
      </c>
      <c r="Q28" s="224">
        <v>67</v>
      </c>
      <c r="R28" s="224">
        <v>69</v>
      </c>
      <c r="S28" s="222">
        <v>48</v>
      </c>
      <c r="T28" s="225">
        <v>199</v>
      </c>
      <c r="U28" s="227">
        <v>199</v>
      </c>
      <c r="V28" s="228">
        <v>0</v>
      </c>
      <c r="W28" s="222">
        <v>0</v>
      </c>
      <c r="X28" s="225">
        <v>0</v>
      </c>
      <c r="Y28" s="228">
        <v>0</v>
      </c>
      <c r="Z28" s="224">
        <v>0</v>
      </c>
      <c r="AA28" s="224">
        <v>0</v>
      </c>
      <c r="AB28" s="224">
        <v>1</v>
      </c>
      <c r="AC28" s="222">
        <v>4</v>
      </c>
      <c r="AD28" s="225">
        <v>5</v>
      </c>
      <c r="AE28" s="229">
        <v>5</v>
      </c>
      <c r="AF28" s="228">
        <v>0</v>
      </c>
      <c r="AG28" s="222">
        <v>0</v>
      </c>
      <c r="AH28" s="225">
        <v>0</v>
      </c>
      <c r="AI28" s="228">
        <v>14</v>
      </c>
      <c r="AJ28" s="224">
        <v>19</v>
      </c>
      <c r="AK28" s="224">
        <v>22</v>
      </c>
      <c r="AL28" s="224">
        <v>48</v>
      </c>
      <c r="AM28" s="222">
        <v>18</v>
      </c>
      <c r="AN28" s="225">
        <v>121</v>
      </c>
      <c r="AO28" s="229">
        <v>121</v>
      </c>
      <c r="AP28" s="228">
        <v>0</v>
      </c>
      <c r="AQ28" s="222">
        <v>0</v>
      </c>
      <c r="AR28" s="225">
        <v>0</v>
      </c>
      <c r="AS28" s="223">
        <v>14</v>
      </c>
      <c r="AT28" s="224">
        <v>19</v>
      </c>
      <c r="AU28" s="224">
        <v>22</v>
      </c>
      <c r="AV28" s="224">
        <v>47</v>
      </c>
      <c r="AW28" s="222">
        <v>18</v>
      </c>
      <c r="AX28" s="225">
        <v>120</v>
      </c>
      <c r="AY28" s="226">
        <v>120</v>
      </c>
      <c r="AZ28" s="221">
        <v>0</v>
      </c>
      <c r="BA28" s="222">
        <v>0</v>
      </c>
      <c r="BB28" s="222">
        <v>0</v>
      </c>
      <c r="BC28" s="223">
        <v>0</v>
      </c>
      <c r="BD28" s="224">
        <v>0</v>
      </c>
      <c r="BE28" s="224">
        <v>0</v>
      </c>
      <c r="BF28" s="224">
        <v>1</v>
      </c>
      <c r="BG28" s="222">
        <v>0</v>
      </c>
      <c r="BH28" s="225">
        <v>1</v>
      </c>
      <c r="BI28" s="227">
        <v>1</v>
      </c>
      <c r="BJ28" s="228">
        <v>0</v>
      </c>
      <c r="BK28" s="222">
        <v>0</v>
      </c>
      <c r="BL28" s="222">
        <v>0</v>
      </c>
      <c r="BM28" s="223">
        <v>0</v>
      </c>
      <c r="BN28" s="224">
        <v>0</v>
      </c>
      <c r="BO28" s="224">
        <v>0</v>
      </c>
      <c r="BP28" s="224">
        <v>0</v>
      </c>
      <c r="BQ28" s="222">
        <v>1</v>
      </c>
      <c r="BR28" s="225">
        <v>1</v>
      </c>
      <c r="BS28" s="226">
        <v>1</v>
      </c>
      <c r="BT28" s="221">
        <v>0</v>
      </c>
      <c r="BU28" s="222">
        <v>0</v>
      </c>
      <c r="BV28" s="222">
        <v>0</v>
      </c>
      <c r="BW28" s="223">
        <v>0</v>
      </c>
      <c r="BX28" s="224">
        <v>0</v>
      </c>
      <c r="BY28" s="224">
        <v>0</v>
      </c>
      <c r="BZ28" s="224">
        <v>0</v>
      </c>
      <c r="CA28" s="222">
        <v>1</v>
      </c>
      <c r="CB28" s="225">
        <v>1</v>
      </c>
      <c r="CC28" s="227">
        <v>1</v>
      </c>
      <c r="CD28" s="228">
        <v>0</v>
      </c>
      <c r="CE28" s="222">
        <v>0</v>
      </c>
      <c r="CF28" s="222">
        <v>0</v>
      </c>
      <c r="CG28" s="223">
        <v>0</v>
      </c>
      <c r="CH28" s="224">
        <v>0</v>
      </c>
      <c r="CI28" s="224">
        <v>0</v>
      </c>
      <c r="CJ28" s="224">
        <v>0</v>
      </c>
      <c r="CK28" s="222">
        <v>0</v>
      </c>
      <c r="CL28" s="225">
        <v>0</v>
      </c>
      <c r="CM28" s="227">
        <v>0</v>
      </c>
      <c r="CN28" s="228">
        <v>0</v>
      </c>
      <c r="CO28" s="222">
        <v>0</v>
      </c>
      <c r="CP28" s="222">
        <v>0</v>
      </c>
      <c r="CQ28" s="223">
        <v>0</v>
      </c>
      <c r="CR28" s="224">
        <v>0</v>
      </c>
      <c r="CS28" s="224">
        <v>0</v>
      </c>
      <c r="CT28" s="224">
        <v>1</v>
      </c>
      <c r="CU28" s="222">
        <v>0</v>
      </c>
      <c r="CV28" s="225">
        <v>1</v>
      </c>
      <c r="CW28" s="226">
        <v>1</v>
      </c>
      <c r="CX28" s="221">
        <v>0</v>
      </c>
      <c r="CY28" s="222">
        <v>0</v>
      </c>
      <c r="CZ28" s="222">
        <v>0</v>
      </c>
      <c r="DA28" s="223">
        <v>0</v>
      </c>
      <c r="DB28" s="224">
        <v>0</v>
      </c>
      <c r="DC28" s="224">
        <v>0</v>
      </c>
      <c r="DD28" s="224">
        <v>1</v>
      </c>
      <c r="DE28" s="222">
        <v>0</v>
      </c>
      <c r="DF28" s="225">
        <v>1</v>
      </c>
      <c r="DG28" s="227">
        <v>1</v>
      </c>
      <c r="DH28" s="228">
        <v>0</v>
      </c>
      <c r="DI28" s="222">
        <v>0</v>
      </c>
      <c r="DJ28" s="222">
        <v>0</v>
      </c>
      <c r="DK28" s="223">
        <v>0</v>
      </c>
      <c r="DL28" s="224">
        <v>0</v>
      </c>
      <c r="DM28" s="224">
        <v>0</v>
      </c>
      <c r="DN28" s="224">
        <v>0</v>
      </c>
      <c r="DO28" s="222">
        <v>0</v>
      </c>
      <c r="DP28" s="225">
        <v>0</v>
      </c>
      <c r="DQ28" s="227">
        <v>0</v>
      </c>
      <c r="DR28" s="228">
        <v>0</v>
      </c>
      <c r="DS28" s="222">
        <v>0</v>
      </c>
      <c r="DT28" s="222">
        <v>0</v>
      </c>
      <c r="DU28" s="223">
        <v>20</v>
      </c>
      <c r="DV28" s="224">
        <v>28</v>
      </c>
      <c r="DW28" s="224">
        <v>89</v>
      </c>
      <c r="DX28" s="224">
        <v>119</v>
      </c>
      <c r="DY28" s="222">
        <v>70</v>
      </c>
      <c r="DZ28" s="225">
        <v>326</v>
      </c>
      <c r="EA28" s="227">
        <v>326</v>
      </c>
      <c r="EB28" s="37"/>
    </row>
    <row r="29" spans="1:132" ht="20.25" customHeight="1" x14ac:dyDescent="0.2">
      <c r="A29" s="62" t="s">
        <v>26</v>
      </c>
      <c r="B29" s="221">
        <v>0</v>
      </c>
      <c r="C29" s="222">
        <v>0</v>
      </c>
      <c r="D29" s="222">
        <v>0</v>
      </c>
      <c r="E29" s="223">
        <v>1</v>
      </c>
      <c r="F29" s="224">
        <v>5</v>
      </c>
      <c r="G29" s="224">
        <v>41</v>
      </c>
      <c r="H29" s="224">
        <v>73</v>
      </c>
      <c r="I29" s="222">
        <v>62</v>
      </c>
      <c r="J29" s="225">
        <v>182</v>
      </c>
      <c r="K29" s="226">
        <v>182</v>
      </c>
      <c r="L29" s="221">
        <v>0</v>
      </c>
      <c r="M29" s="222">
        <v>0</v>
      </c>
      <c r="N29" s="225">
        <v>0</v>
      </c>
      <c r="O29" s="223">
        <v>1</v>
      </c>
      <c r="P29" s="224">
        <v>5</v>
      </c>
      <c r="Q29" s="224">
        <v>40</v>
      </c>
      <c r="R29" s="224">
        <v>72</v>
      </c>
      <c r="S29" s="222">
        <v>61</v>
      </c>
      <c r="T29" s="225">
        <v>179</v>
      </c>
      <c r="U29" s="227">
        <v>179</v>
      </c>
      <c r="V29" s="228">
        <v>0</v>
      </c>
      <c r="W29" s="222">
        <v>0</v>
      </c>
      <c r="X29" s="225">
        <v>0</v>
      </c>
      <c r="Y29" s="228">
        <v>0</v>
      </c>
      <c r="Z29" s="224">
        <v>0</v>
      </c>
      <c r="AA29" s="224">
        <v>1</v>
      </c>
      <c r="AB29" s="224">
        <v>1</v>
      </c>
      <c r="AC29" s="222">
        <v>1</v>
      </c>
      <c r="AD29" s="225">
        <v>3</v>
      </c>
      <c r="AE29" s="229">
        <v>3</v>
      </c>
      <c r="AF29" s="228">
        <v>0</v>
      </c>
      <c r="AG29" s="222">
        <v>0</v>
      </c>
      <c r="AH29" s="225">
        <v>0</v>
      </c>
      <c r="AI29" s="228">
        <v>11</v>
      </c>
      <c r="AJ29" s="224">
        <v>24</v>
      </c>
      <c r="AK29" s="224">
        <v>24</v>
      </c>
      <c r="AL29" s="224">
        <v>20</v>
      </c>
      <c r="AM29" s="222">
        <v>8</v>
      </c>
      <c r="AN29" s="225">
        <v>87</v>
      </c>
      <c r="AO29" s="229">
        <v>87</v>
      </c>
      <c r="AP29" s="228">
        <v>0</v>
      </c>
      <c r="AQ29" s="222">
        <v>0</v>
      </c>
      <c r="AR29" s="225">
        <v>0</v>
      </c>
      <c r="AS29" s="223">
        <v>11</v>
      </c>
      <c r="AT29" s="224">
        <v>24</v>
      </c>
      <c r="AU29" s="224">
        <v>24</v>
      </c>
      <c r="AV29" s="224">
        <v>19</v>
      </c>
      <c r="AW29" s="222">
        <v>8</v>
      </c>
      <c r="AX29" s="225">
        <v>86</v>
      </c>
      <c r="AY29" s="226">
        <v>86</v>
      </c>
      <c r="AZ29" s="221">
        <v>0</v>
      </c>
      <c r="BA29" s="222">
        <v>0</v>
      </c>
      <c r="BB29" s="222">
        <v>0</v>
      </c>
      <c r="BC29" s="223">
        <v>0</v>
      </c>
      <c r="BD29" s="224">
        <v>0</v>
      </c>
      <c r="BE29" s="224">
        <v>0</v>
      </c>
      <c r="BF29" s="224">
        <v>1</v>
      </c>
      <c r="BG29" s="222">
        <v>0</v>
      </c>
      <c r="BH29" s="225">
        <v>1</v>
      </c>
      <c r="BI29" s="227">
        <v>1</v>
      </c>
      <c r="BJ29" s="228">
        <v>0</v>
      </c>
      <c r="BK29" s="222">
        <v>0</v>
      </c>
      <c r="BL29" s="222">
        <v>0</v>
      </c>
      <c r="BM29" s="223">
        <v>0</v>
      </c>
      <c r="BN29" s="224">
        <v>0</v>
      </c>
      <c r="BO29" s="224">
        <v>0</v>
      </c>
      <c r="BP29" s="224">
        <v>1</v>
      </c>
      <c r="BQ29" s="222">
        <v>0</v>
      </c>
      <c r="BR29" s="225">
        <v>1</v>
      </c>
      <c r="BS29" s="226">
        <v>1</v>
      </c>
      <c r="BT29" s="221">
        <v>0</v>
      </c>
      <c r="BU29" s="222">
        <v>0</v>
      </c>
      <c r="BV29" s="222">
        <v>0</v>
      </c>
      <c r="BW29" s="223">
        <v>0</v>
      </c>
      <c r="BX29" s="224">
        <v>0</v>
      </c>
      <c r="BY29" s="224">
        <v>0</v>
      </c>
      <c r="BZ29" s="224">
        <v>1</v>
      </c>
      <c r="CA29" s="222">
        <v>0</v>
      </c>
      <c r="CB29" s="225">
        <v>1</v>
      </c>
      <c r="CC29" s="227">
        <v>1</v>
      </c>
      <c r="CD29" s="228">
        <v>0</v>
      </c>
      <c r="CE29" s="222">
        <v>0</v>
      </c>
      <c r="CF29" s="222">
        <v>0</v>
      </c>
      <c r="CG29" s="223">
        <v>0</v>
      </c>
      <c r="CH29" s="224">
        <v>0</v>
      </c>
      <c r="CI29" s="224">
        <v>0</v>
      </c>
      <c r="CJ29" s="224">
        <v>0</v>
      </c>
      <c r="CK29" s="222">
        <v>0</v>
      </c>
      <c r="CL29" s="225">
        <v>0</v>
      </c>
      <c r="CM29" s="227">
        <v>0</v>
      </c>
      <c r="CN29" s="228">
        <v>0</v>
      </c>
      <c r="CO29" s="222">
        <v>0</v>
      </c>
      <c r="CP29" s="222">
        <v>0</v>
      </c>
      <c r="CQ29" s="223">
        <v>0</v>
      </c>
      <c r="CR29" s="224">
        <v>0</v>
      </c>
      <c r="CS29" s="224">
        <v>0</v>
      </c>
      <c r="CT29" s="224">
        <v>0</v>
      </c>
      <c r="CU29" s="222">
        <v>1</v>
      </c>
      <c r="CV29" s="225">
        <v>1</v>
      </c>
      <c r="CW29" s="226">
        <v>1</v>
      </c>
      <c r="CX29" s="221">
        <v>0</v>
      </c>
      <c r="CY29" s="222">
        <v>0</v>
      </c>
      <c r="CZ29" s="222">
        <v>0</v>
      </c>
      <c r="DA29" s="223">
        <v>0</v>
      </c>
      <c r="DB29" s="224">
        <v>0</v>
      </c>
      <c r="DC29" s="224">
        <v>0</v>
      </c>
      <c r="DD29" s="224">
        <v>0</v>
      </c>
      <c r="DE29" s="222">
        <v>1</v>
      </c>
      <c r="DF29" s="225">
        <v>1</v>
      </c>
      <c r="DG29" s="227">
        <v>1</v>
      </c>
      <c r="DH29" s="228">
        <v>0</v>
      </c>
      <c r="DI29" s="222">
        <v>0</v>
      </c>
      <c r="DJ29" s="222">
        <v>0</v>
      </c>
      <c r="DK29" s="223">
        <v>0</v>
      </c>
      <c r="DL29" s="224">
        <v>0</v>
      </c>
      <c r="DM29" s="224">
        <v>0</v>
      </c>
      <c r="DN29" s="224">
        <v>0</v>
      </c>
      <c r="DO29" s="222">
        <v>0</v>
      </c>
      <c r="DP29" s="225">
        <v>0</v>
      </c>
      <c r="DQ29" s="227">
        <v>0</v>
      </c>
      <c r="DR29" s="228">
        <v>0</v>
      </c>
      <c r="DS29" s="222">
        <v>0</v>
      </c>
      <c r="DT29" s="222">
        <v>0</v>
      </c>
      <c r="DU29" s="223">
        <v>12</v>
      </c>
      <c r="DV29" s="224">
        <v>29</v>
      </c>
      <c r="DW29" s="224">
        <v>65</v>
      </c>
      <c r="DX29" s="224">
        <v>94</v>
      </c>
      <c r="DY29" s="222">
        <v>71</v>
      </c>
      <c r="DZ29" s="225">
        <v>271</v>
      </c>
      <c r="EA29" s="227">
        <v>271</v>
      </c>
      <c r="EB29" s="37"/>
    </row>
    <row r="30" spans="1:132" ht="20.25" customHeight="1" x14ac:dyDescent="0.2">
      <c r="A30" s="62" t="s">
        <v>27</v>
      </c>
      <c r="B30" s="221">
        <v>0</v>
      </c>
      <c r="C30" s="222">
        <v>0</v>
      </c>
      <c r="D30" s="222">
        <v>0</v>
      </c>
      <c r="E30" s="223">
        <v>2</v>
      </c>
      <c r="F30" s="224">
        <v>2</v>
      </c>
      <c r="G30" s="224">
        <v>39</v>
      </c>
      <c r="H30" s="224">
        <v>57</v>
      </c>
      <c r="I30" s="222">
        <v>41</v>
      </c>
      <c r="J30" s="225">
        <v>141</v>
      </c>
      <c r="K30" s="226">
        <v>141</v>
      </c>
      <c r="L30" s="221">
        <v>0</v>
      </c>
      <c r="M30" s="222">
        <v>0</v>
      </c>
      <c r="N30" s="225">
        <v>0</v>
      </c>
      <c r="O30" s="223">
        <v>2</v>
      </c>
      <c r="P30" s="224">
        <v>2</v>
      </c>
      <c r="Q30" s="224">
        <v>37</v>
      </c>
      <c r="R30" s="224">
        <v>57</v>
      </c>
      <c r="S30" s="222">
        <v>41</v>
      </c>
      <c r="T30" s="225">
        <v>139</v>
      </c>
      <c r="U30" s="227">
        <v>139</v>
      </c>
      <c r="V30" s="228">
        <v>0</v>
      </c>
      <c r="W30" s="222">
        <v>0</v>
      </c>
      <c r="X30" s="225">
        <v>0</v>
      </c>
      <c r="Y30" s="228">
        <v>0</v>
      </c>
      <c r="Z30" s="224">
        <v>0</v>
      </c>
      <c r="AA30" s="224">
        <v>2</v>
      </c>
      <c r="AB30" s="224">
        <v>0</v>
      </c>
      <c r="AC30" s="222">
        <v>0</v>
      </c>
      <c r="AD30" s="225">
        <v>2</v>
      </c>
      <c r="AE30" s="229">
        <v>2</v>
      </c>
      <c r="AF30" s="228">
        <v>0</v>
      </c>
      <c r="AG30" s="222">
        <v>0</v>
      </c>
      <c r="AH30" s="225">
        <v>0</v>
      </c>
      <c r="AI30" s="228">
        <v>7</v>
      </c>
      <c r="AJ30" s="224">
        <v>12</v>
      </c>
      <c r="AK30" s="224">
        <v>26</v>
      </c>
      <c r="AL30" s="224">
        <v>17</v>
      </c>
      <c r="AM30" s="222">
        <v>12</v>
      </c>
      <c r="AN30" s="225">
        <v>74</v>
      </c>
      <c r="AO30" s="229">
        <v>74</v>
      </c>
      <c r="AP30" s="228">
        <v>0</v>
      </c>
      <c r="AQ30" s="222">
        <v>0</v>
      </c>
      <c r="AR30" s="225">
        <v>0</v>
      </c>
      <c r="AS30" s="223">
        <v>7</v>
      </c>
      <c r="AT30" s="224">
        <v>12</v>
      </c>
      <c r="AU30" s="224">
        <v>25</v>
      </c>
      <c r="AV30" s="224">
        <v>17</v>
      </c>
      <c r="AW30" s="222">
        <v>12</v>
      </c>
      <c r="AX30" s="225">
        <v>73</v>
      </c>
      <c r="AY30" s="226">
        <v>73</v>
      </c>
      <c r="AZ30" s="221">
        <v>0</v>
      </c>
      <c r="BA30" s="222">
        <v>0</v>
      </c>
      <c r="BB30" s="222">
        <v>0</v>
      </c>
      <c r="BC30" s="223">
        <v>0</v>
      </c>
      <c r="BD30" s="224">
        <v>0</v>
      </c>
      <c r="BE30" s="224">
        <v>1</v>
      </c>
      <c r="BF30" s="224">
        <v>0</v>
      </c>
      <c r="BG30" s="222">
        <v>0</v>
      </c>
      <c r="BH30" s="225">
        <v>1</v>
      </c>
      <c r="BI30" s="227">
        <v>1</v>
      </c>
      <c r="BJ30" s="228">
        <v>0</v>
      </c>
      <c r="BK30" s="222">
        <v>0</v>
      </c>
      <c r="BL30" s="222">
        <v>0</v>
      </c>
      <c r="BM30" s="223">
        <v>0</v>
      </c>
      <c r="BN30" s="224">
        <v>0</v>
      </c>
      <c r="BO30" s="224">
        <v>0</v>
      </c>
      <c r="BP30" s="224">
        <v>0</v>
      </c>
      <c r="BQ30" s="222">
        <v>0</v>
      </c>
      <c r="BR30" s="225">
        <v>0</v>
      </c>
      <c r="BS30" s="226">
        <v>0</v>
      </c>
      <c r="BT30" s="221">
        <v>0</v>
      </c>
      <c r="BU30" s="222">
        <v>0</v>
      </c>
      <c r="BV30" s="222">
        <v>0</v>
      </c>
      <c r="BW30" s="223">
        <v>0</v>
      </c>
      <c r="BX30" s="224">
        <v>0</v>
      </c>
      <c r="BY30" s="224">
        <v>0</v>
      </c>
      <c r="BZ30" s="224">
        <v>0</v>
      </c>
      <c r="CA30" s="222">
        <v>0</v>
      </c>
      <c r="CB30" s="225">
        <v>0</v>
      </c>
      <c r="CC30" s="227">
        <v>0</v>
      </c>
      <c r="CD30" s="228">
        <v>0</v>
      </c>
      <c r="CE30" s="222">
        <v>0</v>
      </c>
      <c r="CF30" s="222">
        <v>0</v>
      </c>
      <c r="CG30" s="223">
        <v>0</v>
      </c>
      <c r="CH30" s="224">
        <v>0</v>
      </c>
      <c r="CI30" s="224">
        <v>0</v>
      </c>
      <c r="CJ30" s="224">
        <v>0</v>
      </c>
      <c r="CK30" s="222">
        <v>0</v>
      </c>
      <c r="CL30" s="225">
        <v>0</v>
      </c>
      <c r="CM30" s="227">
        <v>0</v>
      </c>
      <c r="CN30" s="228">
        <v>0</v>
      </c>
      <c r="CO30" s="222">
        <v>0</v>
      </c>
      <c r="CP30" s="222">
        <v>0</v>
      </c>
      <c r="CQ30" s="223">
        <v>0</v>
      </c>
      <c r="CR30" s="224">
        <v>0</v>
      </c>
      <c r="CS30" s="224">
        <v>1</v>
      </c>
      <c r="CT30" s="224">
        <v>2</v>
      </c>
      <c r="CU30" s="222">
        <v>1</v>
      </c>
      <c r="CV30" s="225">
        <v>4</v>
      </c>
      <c r="CW30" s="226">
        <v>4</v>
      </c>
      <c r="CX30" s="221">
        <v>0</v>
      </c>
      <c r="CY30" s="222">
        <v>0</v>
      </c>
      <c r="CZ30" s="222">
        <v>0</v>
      </c>
      <c r="DA30" s="223">
        <v>0</v>
      </c>
      <c r="DB30" s="224">
        <v>0</v>
      </c>
      <c r="DC30" s="224">
        <v>1</v>
      </c>
      <c r="DD30" s="224">
        <v>2</v>
      </c>
      <c r="DE30" s="222">
        <v>0</v>
      </c>
      <c r="DF30" s="225">
        <v>3</v>
      </c>
      <c r="DG30" s="227">
        <v>3</v>
      </c>
      <c r="DH30" s="228">
        <v>0</v>
      </c>
      <c r="DI30" s="222">
        <v>0</v>
      </c>
      <c r="DJ30" s="222">
        <v>0</v>
      </c>
      <c r="DK30" s="223">
        <v>0</v>
      </c>
      <c r="DL30" s="224">
        <v>0</v>
      </c>
      <c r="DM30" s="224">
        <v>0</v>
      </c>
      <c r="DN30" s="224">
        <v>0</v>
      </c>
      <c r="DO30" s="222">
        <v>1</v>
      </c>
      <c r="DP30" s="225">
        <v>1</v>
      </c>
      <c r="DQ30" s="227">
        <v>1</v>
      </c>
      <c r="DR30" s="228">
        <v>0</v>
      </c>
      <c r="DS30" s="222">
        <v>0</v>
      </c>
      <c r="DT30" s="222">
        <v>0</v>
      </c>
      <c r="DU30" s="223">
        <v>9</v>
      </c>
      <c r="DV30" s="224">
        <v>14</v>
      </c>
      <c r="DW30" s="224">
        <v>66</v>
      </c>
      <c r="DX30" s="224">
        <v>75</v>
      </c>
      <c r="DY30" s="222">
        <v>54</v>
      </c>
      <c r="DZ30" s="225">
        <v>218</v>
      </c>
      <c r="EA30" s="227">
        <v>218</v>
      </c>
      <c r="EB30" s="37"/>
    </row>
    <row r="31" spans="1:132" ht="20.25" customHeight="1" x14ac:dyDescent="0.2">
      <c r="A31" s="62" t="s">
        <v>28</v>
      </c>
      <c r="B31" s="221">
        <v>0</v>
      </c>
      <c r="C31" s="222">
        <v>0</v>
      </c>
      <c r="D31" s="222">
        <v>0</v>
      </c>
      <c r="E31" s="223">
        <v>0</v>
      </c>
      <c r="F31" s="224">
        <v>2</v>
      </c>
      <c r="G31" s="224">
        <v>13</v>
      </c>
      <c r="H31" s="224">
        <v>16</v>
      </c>
      <c r="I31" s="222">
        <v>12</v>
      </c>
      <c r="J31" s="225">
        <v>43</v>
      </c>
      <c r="K31" s="226">
        <v>43</v>
      </c>
      <c r="L31" s="221">
        <v>0</v>
      </c>
      <c r="M31" s="222">
        <v>0</v>
      </c>
      <c r="N31" s="225">
        <v>0</v>
      </c>
      <c r="O31" s="223">
        <v>0</v>
      </c>
      <c r="P31" s="224">
        <v>2</v>
      </c>
      <c r="Q31" s="224">
        <v>13</v>
      </c>
      <c r="R31" s="224">
        <v>16</v>
      </c>
      <c r="S31" s="222">
        <v>12</v>
      </c>
      <c r="T31" s="225">
        <v>43</v>
      </c>
      <c r="U31" s="227">
        <v>43</v>
      </c>
      <c r="V31" s="228">
        <v>0</v>
      </c>
      <c r="W31" s="222">
        <v>0</v>
      </c>
      <c r="X31" s="225">
        <v>0</v>
      </c>
      <c r="Y31" s="228">
        <v>0</v>
      </c>
      <c r="Z31" s="224">
        <v>0</v>
      </c>
      <c r="AA31" s="224">
        <v>0</v>
      </c>
      <c r="AB31" s="224">
        <v>0</v>
      </c>
      <c r="AC31" s="222">
        <v>0</v>
      </c>
      <c r="AD31" s="225">
        <v>0</v>
      </c>
      <c r="AE31" s="229">
        <v>0</v>
      </c>
      <c r="AF31" s="228">
        <v>0</v>
      </c>
      <c r="AG31" s="222">
        <v>0</v>
      </c>
      <c r="AH31" s="225">
        <v>0</v>
      </c>
      <c r="AI31" s="228">
        <v>1</v>
      </c>
      <c r="AJ31" s="224">
        <v>9</v>
      </c>
      <c r="AK31" s="224">
        <v>7</v>
      </c>
      <c r="AL31" s="224">
        <v>12</v>
      </c>
      <c r="AM31" s="222">
        <v>4</v>
      </c>
      <c r="AN31" s="225">
        <v>33</v>
      </c>
      <c r="AO31" s="229">
        <v>33</v>
      </c>
      <c r="AP31" s="228">
        <v>0</v>
      </c>
      <c r="AQ31" s="222">
        <v>0</v>
      </c>
      <c r="AR31" s="225">
        <v>0</v>
      </c>
      <c r="AS31" s="223">
        <v>1</v>
      </c>
      <c r="AT31" s="224">
        <v>9</v>
      </c>
      <c r="AU31" s="224">
        <v>7</v>
      </c>
      <c r="AV31" s="224">
        <v>11</v>
      </c>
      <c r="AW31" s="222">
        <v>4</v>
      </c>
      <c r="AX31" s="225">
        <v>32</v>
      </c>
      <c r="AY31" s="226">
        <v>32</v>
      </c>
      <c r="AZ31" s="221">
        <v>0</v>
      </c>
      <c r="BA31" s="222">
        <v>0</v>
      </c>
      <c r="BB31" s="222">
        <v>0</v>
      </c>
      <c r="BC31" s="223">
        <v>0</v>
      </c>
      <c r="BD31" s="224">
        <v>0</v>
      </c>
      <c r="BE31" s="224">
        <v>0</v>
      </c>
      <c r="BF31" s="224">
        <v>1</v>
      </c>
      <c r="BG31" s="222">
        <v>0</v>
      </c>
      <c r="BH31" s="225">
        <v>1</v>
      </c>
      <c r="BI31" s="227">
        <v>1</v>
      </c>
      <c r="BJ31" s="228">
        <v>0</v>
      </c>
      <c r="BK31" s="222">
        <v>0</v>
      </c>
      <c r="BL31" s="222">
        <v>0</v>
      </c>
      <c r="BM31" s="223">
        <v>0</v>
      </c>
      <c r="BN31" s="224">
        <v>0</v>
      </c>
      <c r="BO31" s="224">
        <v>0</v>
      </c>
      <c r="BP31" s="224">
        <v>0</v>
      </c>
      <c r="BQ31" s="222">
        <v>0</v>
      </c>
      <c r="BR31" s="225">
        <v>0</v>
      </c>
      <c r="BS31" s="226">
        <v>0</v>
      </c>
      <c r="BT31" s="221">
        <v>0</v>
      </c>
      <c r="BU31" s="222">
        <v>0</v>
      </c>
      <c r="BV31" s="222">
        <v>0</v>
      </c>
      <c r="BW31" s="223">
        <v>0</v>
      </c>
      <c r="BX31" s="224">
        <v>0</v>
      </c>
      <c r="BY31" s="224">
        <v>0</v>
      </c>
      <c r="BZ31" s="224">
        <v>0</v>
      </c>
      <c r="CA31" s="222">
        <v>0</v>
      </c>
      <c r="CB31" s="225">
        <v>0</v>
      </c>
      <c r="CC31" s="227">
        <v>0</v>
      </c>
      <c r="CD31" s="228">
        <v>0</v>
      </c>
      <c r="CE31" s="222">
        <v>0</v>
      </c>
      <c r="CF31" s="222">
        <v>0</v>
      </c>
      <c r="CG31" s="223">
        <v>0</v>
      </c>
      <c r="CH31" s="224">
        <v>0</v>
      </c>
      <c r="CI31" s="224">
        <v>0</v>
      </c>
      <c r="CJ31" s="224">
        <v>0</v>
      </c>
      <c r="CK31" s="222">
        <v>0</v>
      </c>
      <c r="CL31" s="225">
        <v>0</v>
      </c>
      <c r="CM31" s="227">
        <v>0</v>
      </c>
      <c r="CN31" s="228">
        <v>0</v>
      </c>
      <c r="CO31" s="222">
        <v>0</v>
      </c>
      <c r="CP31" s="222">
        <v>0</v>
      </c>
      <c r="CQ31" s="223">
        <v>0</v>
      </c>
      <c r="CR31" s="224">
        <v>0</v>
      </c>
      <c r="CS31" s="224">
        <v>0</v>
      </c>
      <c r="CT31" s="224">
        <v>0</v>
      </c>
      <c r="CU31" s="222">
        <v>0</v>
      </c>
      <c r="CV31" s="225">
        <v>0</v>
      </c>
      <c r="CW31" s="226">
        <v>0</v>
      </c>
      <c r="CX31" s="221">
        <v>0</v>
      </c>
      <c r="CY31" s="222">
        <v>0</v>
      </c>
      <c r="CZ31" s="222">
        <v>0</v>
      </c>
      <c r="DA31" s="223">
        <v>0</v>
      </c>
      <c r="DB31" s="224">
        <v>0</v>
      </c>
      <c r="DC31" s="224">
        <v>0</v>
      </c>
      <c r="DD31" s="224">
        <v>0</v>
      </c>
      <c r="DE31" s="222">
        <v>0</v>
      </c>
      <c r="DF31" s="225">
        <v>0</v>
      </c>
      <c r="DG31" s="227">
        <v>0</v>
      </c>
      <c r="DH31" s="228">
        <v>0</v>
      </c>
      <c r="DI31" s="222">
        <v>0</v>
      </c>
      <c r="DJ31" s="222">
        <v>0</v>
      </c>
      <c r="DK31" s="223">
        <v>0</v>
      </c>
      <c r="DL31" s="224">
        <v>0</v>
      </c>
      <c r="DM31" s="224">
        <v>0</v>
      </c>
      <c r="DN31" s="224">
        <v>0</v>
      </c>
      <c r="DO31" s="222">
        <v>0</v>
      </c>
      <c r="DP31" s="225">
        <v>0</v>
      </c>
      <c r="DQ31" s="227">
        <v>0</v>
      </c>
      <c r="DR31" s="228">
        <v>0</v>
      </c>
      <c r="DS31" s="222">
        <v>0</v>
      </c>
      <c r="DT31" s="222">
        <v>0</v>
      </c>
      <c r="DU31" s="223">
        <v>1</v>
      </c>
      <c r="DV31" s="224">
        <v>11</v>
      </c>
      <c r="DW31" s="224">
        <v>20</v>
      </c>
      <c r="DX31" s="224">
        <v>28</v>
      </c>
      <c r="DY31" s="222">
        <v>16</v>
      </c>
      <c r="DZ31" s="225">
        <v>76</v>
      </c>
      <c r="EA31" s="227">
        <v>76</v>
      </c>
      <c r="EB31" s="37"/>
    </row>
    <row r="32" spans="1:132" ht="20.25" customHeight="1" x14ac:dyDescent="0.2">
      <c r="A32" s="62" t="s">
        <v>29</v>
      </c>
      <c r="B32" s="221">
        <v>0</v>
      </c>
      <c r="C32" s="222">
        <v>0</v>
      </c>
      <c r="D32" s="222">
        <v>0</v>
      </c>
      <c r="E32" s="223">
        <v>0</v>
      </c>
      <c r="F32" s="224">
        <v>2</v>
      </c>
      <c r="G32" s="224">
        <v>21</v>
      </c>
      <c r="H32" s="224">
        <v>31</v>
      </c>
      <c r="I32" s="222">
        <v>20</v>
      </c>
      <c r="J32" s="225">
        <v>74</v>
      </c>
      <c r="K32" s="226">
        <v>74</v>
      </c>
      <c r="L32" s="221">
        <v>0</v>
      </c>
      <c r="M32" s="222">
        <v>0</v>
      </c>
      <c r="N32" s="225">
        <v>0</v>
      </c>
      <c r="O32" s="223">
        <v>0</v>
      </c>
      <c r="P32" s="224">
        <v>2</v>
      </c>
      <c r="Q32" s="224">
        <v>21</v>
      </c>
      <c r="R32" s="224">
        <v>31</v>
      </c>
      <c r="S32" s="222">
        <v>20</v>
      </c>
      <c r="T32" s="225">
        <v>74</v>
      </c>
      <c r="U32" s="227">
        <v>74</v>
      </c>
      <c r="V32" s="228">
        <v>0</v>
      </c>
      <c r="W32" s="222">
        <v>0</v>
      </c>
      <c r="X32" s="225">
        <v>0</v>
      </c>
      <c r="Y32" s="228">
        <v>0</v>
      </c>
      <c r="Z32" s="224">
        <v>0</v>
      </c>
      <c r="AA32" s="224">
        <v>0</v>
      </c>
      <c r="AB32" s="224">
        <v>0</v>
      </c>
      <c r="AC32" s="222">
        <v>0</v>
      </c>
      <c r="AD32" s="225">
        <v>0</v>
      </c>
      <c r="AE32" s="229">
        <v>0</v>
      </c>
      <c r="AF32" s="228">
        <v>0</v>
      </c>
      <c r="AG32" s="222">
        <v>0</v>
      </c>
      <c r="AH32" s="225">
        <v>0</v>
      </c>
      <c r="AI32" s="228">
        <v>3</v>
      </c>
      <c r="AJ32" s="224">
        <v>9</v>
      </c>
      <c r="AK32" s="224">
        <v>8</v>
      </c>
      <c r="AL32" s="224">
        <v>13</v>
      </c>
      <c r="AM32" s="222">
        <v>8</v>
      </c>
      <c r="AN32" s="225">
        <v>41</v>
      </c>
      <c r="AO32" s="229">
        <v>41</v>
      </c>
      <c r="AP32" s="228">
        <v>0</v>
      </c>
      <c r="AQ32" s="222">
        <v>0</v>
      </c>
      <c r="AR32" s="225">
        <v>0</v>
      </c>
      <c r="AS32" s="223">
        <v>3</v>
      </c>
      <c r="AT32" s="224">
        <v>8</v>
      </c>
      <c r="AU32" s="224">
        <v>8</v>
      </c>
      <c r="AV32" s="224">
        <v>13</v>
      </c>
      <c r="AW32" s="222">
        <v>7</v>
      </c>
      <c r="AX32" s="225">
        <v>39</v>
      </c>
      <c r="AY32" s="226">
        <v>39</v>
      </c>
      <c r="AZ32" s="221">
        <v>0</v>
      </c>
      <c r="BA32" s="222">
        <v>0</v>
      </c>
      <c r="BB32" s="222">
        <v>0</v>
      </c>
      <c r="BC32" s="223">
        <v>0</v>
      </c>
      <c r="BD32" s="224">
        <v>1</v>
      </c>
      <c r="BE32" s="224">
        <v>0</v>
      </c>
      <c r="BF32" s="224">
        <v>0</v>
      </c>
      <c r="BG32" s="222">
        <v>1</v>
      </c>
      <c r="BH32" s="225">
        <v>2</v>
      </c>
      <c r="BI32" s="227">
        <v>2</v>
      </c>
      <c r="BJ32" s="228">
        <v>0</v>
      </c>
      <c r="BK32" s="222">
        <v>0</v>
      </c>
      <c r="BL32" s="222">
        <v>0</v>
      </c>
      <c r="BM32" s="223">
        <v>0</v>
      </c>
      <c r="BN32" s="224">
        <v>0</v>
      </c>
      <c r="BO32" s="224">
        <v>0</v>
      </c>
      <c r="BP32" s="224">
        <v>0</v>
      </c>
      <c r="BQ32" s="222">
        <v>1</v>
      </c>
      <c r="BR32" s="225">
        <v>1</v>
      </c>
      <c r="BS32" s="226">
        <v>1</v>
      </c>
      <c r="BT32" s="221">
        <v>0</v>
      </c>
      <c r="BU32" s="222">
        <v>0</v>
      </c>
      <c r="BV32" s="222">
        <v>0</v>
      </c>
      <c r="BW32" s="223">
        <v>0</v>
      </c>
      <c r="BX32" s="224">
        <v>0</v>
      </c>
      <c r="BY32" s="224">
        <v>0</v>
      </c>
      <c r="BZ32" s="224">
        <v>0</v>
      </c>
      <c r="CA32" s="222">
        <v>1</v>
      </c>
      <c r="CB32" s="225">
        <v>1</v>
      </c>
      <c r="CC32" s="227">
        <v>1</v>
      </c>
      <c r="CD32" s="228">
        <v>0</v>
      </c>
      <c r="CE32" s="222">
        <v>0</v>
      </c>
      <c r="CF32" s="222">
        <v>0</v>
      </c>
      <c r="CG32" s="223">
        <v>0</v>
      </c>
      <c r="CH32" s="224">
        <v>0</v>
      </c>
      <c r="CI32" s="224">
        <v>0</v>
      </c>
      <c r="CJ32" s="224">
        <v>0</v>
      </c>
      <c r="CK32" s="222">
        <v>0</v>
      </c>
      <c r="CL32" s="225">
        <v>0</v>
      </c>
      <c r="CM32" s="227">
        <v>0</v>
      </c>
      <c r="CN32" s="228">
        <v>0</v>
      </c>
      <c r="CO32" s="222">
        <v>0</v>
      </c>
      <c r="CP32" s="222">
        <v>0</v>
      </c>
      <c r="CQ32" s="223">
        <v>0</v>
      </c>
      <c r="CR32" s="224">
        <v>0</v>
      </c>
      <c r="CS32" s="224">
        <v>0</v>
      </c>
      <c r="CT32" s="224">
        <v>0</v>
      </c>
      <c r="CU32" s="222">
        <v>1</v>
      </c>
      <c r="CV32" s="225">
        <v>1</v>
      </c>
      <c r="CW32" s="226">
        <v>1</v>
      </c>
      <c r="CX32" s="221">
        <v>0</v>
      </c>
      <c r="CY32" s="222">
        <v>0</v>
      </c>
      <c r="CZ32" s="222">
        <v>0</v>
      </c>
      <c r="DA32" s="223">
        <v>0</v>
      </c>
      <c r="DB32" s="224">
        <v>0</v>
      </c>
      <c r="DC32" s="224">
        <v>0</v>
      </c>
      <c r="DD32" s="224">
        <v>0</v>
      </c>
      <c r="DE32" s="222">
        <v>1</v>
      </c>
      <c r="DF32" s="225">
        <v>1</v>
      </c>
      <c r="DG32" s="227">
        <v>1</v>
      </c>
      <c r="DH32" s="228">
        <v>0</v>
      </c>
      <c r="DI32" s="222">
        <v>0</v>
      </c>
      <c r="DJ32" s="222">
        <v>0</v>
      </c>
      <c r="DK32" s="223">
        <v>0</v>
      </c>
      <c r="DL32" s="224">
        <v>0</v>
      </c>
      <c r="DM32" s="224">
        <v>0</v>
      </c>
      <c r="DN32" s="224">
        <v>0</v>
      </c>
      <c r="DO32" s="222">
        <v>0</v>
      </c>
      <c r="DP32" s="225">
        <v>0</v>
      </c>
      <c r="DQ32" s="227">
        <v>0</v>
      </c>
      <c r="DR32" s="228">
        <v>0</v>
      </c>
      <c r="DS32" s="222">
        <v>0</v>
      </c>
      <c r="DT32" s="222">
        <v>0</v>
      </c>
      <c r="DU32" s="223">
        <v>3</v>
      </c>
      <c r="DV32" s="224">
        <v>11</v>
      </c>
      <c r="DW32" s="224">
        <v>28</v>
      </c>
      <c r="DX32" s="224">
        <v>44</v>
      </c>
      <c r="DY32" s="222">
        <v>30</v>
      </c>
      <c r="DZ32" s="225">
        <v>116</v>
      </c>
      <c r="EA32" s="227">
        <v>116</v>
      </c>
      <c r="EB32" s="37"/>
    </row>
    <row r="33" spans="1:132" ht="20.25" customHeight="1" x14ac:dyDescent="0.2">
      <c r="A33" s="62" t="s">
        <v>30</v>
      </c>
      <c r="B33" s="221">
        <v>0</v>
      </c>
      <c r="C33" s="222">
        <v>0</v>
      </c>
      <c r="D33" s="222">
        <v>0</v>
      </c>
      <c r="E33" s="223">
        <v>1</v>
      </c>
      <c r="F33" s="224">
        <v>2</v>
      </c>
      <c r="G33" s="224">
        <v>22</v>
      </c>
      <c r="H33" s="224">
        <v>22</v>
      </c>
      <c r="I33" s="222">
        <v>19</v>
      </c>
      <c r="J33" s="225">
        <v>66</v>
      </c>
      <c r="K33" s="226">
        <v>66</v>
      </c>
      <c r="L33" s="221">
        <v>0</v>
      </c>
      <c r="M33" s="222">
        <v>0</v>
      </c>
      <c r="N33" s="225">
        <v>0</v>
      </c>
      <c r="O33" s="223">
        <v>1</v>
      </c>
      <c r="P33" s="224">
        <v>2</v>
      </c>
      <c r="Q33" s="224">
        <v>22</v>
      </c>
      <c r="R33" s="224">
        <v>22</v>
      </c>
      <c r="S33" s="222">
        <v>19</v>
      </c>
      <c r="T33" s="225">
        <v>66</v>
      </c>
      <c r="U33" s="227">
        <v>66</v>
      </c>
      <c r="V33" s="228">
        <v>0</v>
      </c>
      <c r="W33" s="222">
        <v>0</v>
      </c>
      <c r="X33" s="225">
        <v>0</v>
      </c>
      <c r="Y33" s="228">
        <v>0</v>
      </c>
      <c r="Z33" s="224">
        <v>0</v>
      </c>
      <c r="AA33" s="224">
        <v>0</v>
      </c>
      <c r="AB33" s="224">
        <v>0</v>
      </c>
      <c r="AC33" s="222">
        <v>0</v>
      </c>
      <c r="AD33" s="225">
        <v>0</v>
      </c>
      <c r="AE33" s="229">
        <v>0</v>
      </c>
      <c r="AF33" s="228">
        <v>0</v>
      </c>
      <c r="AG33" s="222">
        <v>0</v>
      </c>
      <c r="AH33" s="225">
        <v>0</v>
      </c>
      <c r="AI33" s="228">
        <v>5</v>
      </c>
      <c r="AJ33" s="224">
        <v>6</v>
      </c>
      <c r="AK33" s="224">
        <v>10</v>
      </c>
      <c r="AL33" s="224">
        <v>20</v>
      </c>
      <c r="AM33" s="222">
        <v>6</v>
      </c>
      <c r="AN33" s="225">
        <v>47</v>
      </c>
      <c r="AO33" s="229">
        <v>47</v>
      </c>
      <c r="AP33" s="228">
        <v>0</v>
      </c>
      <c r="AQ33" s="222">
        <v>0</v>
      </c>
      <c r="AR33" s="225">
        <v>0</v>
      </c>
      <c r="AS33" s="223">
        <v>5</v>
      </c>
      <c r="AT33" s="224">
        <v>6</v>
      </c>
      <c r="AU33" s="224">
        <v>9</v>
      </c>
      <c r="AV33" s="224">
        <v>20</v>
      </c>
      <c r="AW33" s="222">
        <v>6</v>
      </c>
      <c r="AX33" s="225">
        <v>46</v>
      </c>
      <c r="AY33" s="226">
        <v>46</v>
      </c>
      <c r="AZ33" s="221">
        <v>0</v>
      </c>
      <c r="BA33" s="222">
        <v>0</v>
      </c>
      <c r="BB33" s="222">
        <v>0</v>
      </c>
      <c r="BC33" s="223">
        <v>0</v>
      </c>
      <c r="BD33" s="224">
        <v>0</v>
      </c>
      <c r="BE33" s="224">
        <v>1</v>
      </c>
      <c r="BF33" s="224">
        <v>0</v>
      </c>
      <c r="BG33" s="222">
        <v>0</v>
      </c>
      <c r="BH33" s="225">
        <v>1</v>
      </c>
      <c r="BI33" s="227">
        <v>1</v>
      </c>
      <c r="BJ33" s="228">
        <v>0</v>
      </c>
      <c r="BK33" s="222">
        <v>0</v>
      </c>
      <c r="BL33" s="222">
        <v>0</v>
      </c>
      <c r="BM33" s="223">
        <v>0</v>
      </c>
      <c r="BN33" s="224">
        <v>0</v>
      </c>
      <c r="BO33" s="224">
        <v>0</v>
      </c>
      <c r="BP33" s="224">
        <v>0</v>
      </c>
      <c r="BQ33" s="222">
        <v>0</v>
      </c>
      <c r="BR33" s="225">
        <v>0</v>
      </c>
      <c r="BS33" s="226">
        <v>0</v>
      </c>
      <c r="BT33" s="221">
        <v>0</v>
      </c>
      <c r="BU33" s="222">
        <v>0</v>
      </c>
      <c r="BV33" s="222">
        <v>0</v>
      </c>
      <c r="BW33" s="223">
        <v>0</v>
      </c>
      <c r="BX33" s="224">
        <v>0</v>
      </c>
      <c r="BY33" s="224">
        <v>0</v>
      </c>
      <c r="BZ33" s="224">
        <v>0</v>
      </c>
      <c r="CA33" s="222">
        <v>0</v>
      </c>
      <c r="CB33" s="225">
        <v>0</v>
      </c>
      <c r="CC33" s="227">
        <v>0</v>
      </c>
      <c r="CD33" s="228">
        <v>0</v>
      </c>
      <c r="CE33" s="222">
        <v>0</v>
      </c>
      <c r="CF33" s="222">
        <v>0</v>
      </c>
      <c r="CG33" s="223">
        <v>0</v>
      </c>
      <c r="CH33" s="224">
        <v>0</v>
      </c>
      <c r="CI33" s="224">
        <v>0</v>
      </c>
      <c r="CJ33" s="224">
        <v>0</v>
      </c>
      <c r="CK33" s="222">
        <v>0</v>
      </c>
      <c r="CL33" s="225">
        <v>0</v>
      </c>
      <c r="CM33" s="227">
        <v>0</v>
      </c>
      <c r="CN33" s="228">
        <v>0</v>
      </c>
      <c r="CO33" s="222">
        <v>0</v>
      </c>
      <c r="CP33" s="222">
        <v>0</v>
      </c>
      <c r="CQ33" s="223">
        <v>0</v>
      </c>
      <c r="CR33" s="224">
        <v>1</v>
      </c>
      <c r="CS33" s="224">
        <v>0</v>
      </c>
      <c r="CT33" s="224">
        <v>0</v>
      </c>
      <c r="CU33" s="222">
        <v>2</v>
      </c>
      <c r="CV33" s="225">
        <v>3</v>
      </c>
      <c r="CW33" s="226">
        <v>3</v>
      </c>
      <c r="CX33" s="221">
        <v>0</v>
      </c>
      <c r="CY33" s="222">
        <v>0</v>
      </c>
      <c r="CZ33" s="222">
        <v>0</v>
      </c>
      <c r="DA33" s="223">
        <v>0</v>
      </c>
      <c r="DB33" s="224">
        <v>1</v>
      </c>
      <c r="DC33" s="224">
        <v>0</v>
      </c>
      <c r="DD33" s="224">
        <v>0</v>
      </c>
      <c r="DE33" s="222">
        <v>2</v>
      </c>
      <c r="DF33" s="225">
        <v>3</v>
      </c>
      <c r="DG33" s="227">
        <v>3</v>
      </c>
      <c r="DH33" s="228">
        <v>0</v>
      </c>
      <c r="DI33" s="222">
        <v>0</v>
      </c>
      <c r="DJ33" s="222">
        <v>0</v>
      </c>
      <c r="DK33" s="223">
        <v>0</v>
      </c>
      <c r="DL33" s="224">
        <v>0</v>
      </c>
      <c r="DM33" s="224">
        <v>0</v>
      </c>
      <c r="DN33" s="224">
        <v>0</v>
      </c>
      <c r="DO33" s="222">
        <v>0</v>
      </c>
      <c r="DP33" s="225">
        <v>0</v>
      </c>
      <c r="DQ33" s="227">
        <v>0</v>
      </c>
      <c r="DR33" s="228">
        <v>0</v>
      </c>
      <c r="DS33" s="222">
        <v>0</v>
      </c>
      <c r="DT33" s="222">
        <v>0</v>
      </c>
      <c r="DU33" s="223">
        <v>6</v>
      </c>
      <c r="DV33" s="224">
        <v>9</v>
      </c>
      <c r="DW33" s="224">
        <v>32</v>
      </c>
      <c r="DX33" s="224">
        <v>42</v>
      </c>
      <c r="DY33" s="222">
        <v>27</v>
      </c>
      <c r="DZ33" s="225">
        <v>116</v>
      </c>
      <c r="EA33" s="227">
        <v>116</v>
      </c>
      <c r="EB33" s="37"/>
    </row>
    <row r="34" spans="1:132" ht="20.25" customHeight="1" x14ac:dyDescent="0.2">
      <c r="A34" s="62" t="s">
        <v>31</v>
      </c>
      <c r="B34" s="221">
        <v>0</v>
      </c>
      <c r="C34" s="222">
        <v>0</v>
      </c>
      <c r="D34" s="222">
        <v>0</v>
      </c>
      <c r="E34" s="223">
        <v>0</v>
      </c>
      <c r="F34" s="224">
        <v>3</v>
      </c>
      <c r="G34" s="224">
        <v>27</v>
      </c>
      <c r="H34" s="224">
        <v>22</v>
      </c>
      <c r="I34" s="222">
        <v>25</v>
      </c>
      <c r="J34" s="225">
        <v>77</v>
      </c>
      <c r="K34" s="226">
        <v>77</v>
      </c>
      <c r="L34" s="221">
        <v>0</v>
      </c>
      <c r="M34" s="222">
        <v>0</v>
      </c>
      <c r="N34" s="225">
        <v>0</v>
      </c>
      <c r="O34" s="223">
        <v>0</v>
      </c>
      <c r="P34" s="224">
        <v>3</v>
      </c>
      <c r="Q34" s="224">
        <v>26</v>
      </c>
      <c r="R34" s="224">
        <v>22</v>
      </c>
      <c r="S34" s="222">
        <v>25</v>
      </c>
      <c r="T34" s="225">
        <v>76</v>
      </c>
      <c r="U34" s="227">
        <v>76</v>
      </c>
      <c r="V34" s="228">
        <v>0</v>
      </c>
      <c r="W34" s="222">
        <v>0</v>
      </c>
      <c r="X34" s="225">
        <v>0</v>
      </c>
      <c r="Y34" s="228">
        <v>0</v>
      </c>
      <c r="Z34" s="224">
        <v>0</v>
      </c>
      <c r="AA34" s="224">
        <v>1</v>
      </c>
      <c r="AB34" s="224">
        <v>0</v>
      </c>
      <c r="AC34" s="222">
        <v>0</v>
      </c>
      <c r="AD34" s="225">
        <v>1</v>
      </c>
      <c r="AE34" s="229">
        <v>1</v>
      </c>
      <c r="AF34" s="228">
        <v>0</v>
      </c>
      <c r="AG34" s="222">
        <v>0</v>
      </c>
      <c r="AH34" s="225">
        <v>0</v>
      </c>
      <c r="AI34" s="228">
        <v>3</v>
      </c>
      <c r="AJ34" s="224">
        <v>14</v>
      </c>
      <c r="AK34" s="224">
        <v>6</v>
      </c>
      <c r="AL34" s="224">
        <v>8</v>
      </c>
      <c r="AM34" s="222">
        <v>5</v>
      </c>
      <c r="AN34" s="225">
        <v>36</v>
      </c>
      <c r="AO34" s="229">
        <v>36</v>
      </c>
      <c r="AP34" s="228">
        <v>0</v>
      </c>
      <c r="AQ34" s="222">
        <v>0</v>
      </c>
      <c r="AR34" s="225">
        <v>0</v>
      </c>
      <c r="AS34" s="223">
        <v>3</v>
      </c>
      <c r="AT34" s="224">
        <v>14</v>
      </c>
      <c r="AU34" s="224">
        <v>6</v>
      </c>
      <c r="AV34" s="224">
        <v>8</v>
      </c>
      <c r="AW34" s="222">
        <v>5</v>
      </c>
      <c r="AX34" s="225">
        <v>36</v>
      </c>
      <c r="AY34" s="226">
        <v>36</v>
      </c>
      <c r="AZ34" s="221">
        <v>0</v>
      </c>
      <c r="BA34" s="222">
        <v>0</v>
      </c>
      <c r="BB34" s="222">
        <v>0</v>
      </c>
      <c r="BC34" s="223">
        <v>0</v>
      </c>
      <c r="BD34" s="224">
        <v>0</v>
      </c>
      <c r="BE34" s="224">
        <v>0</v>
      </c>
      <c r="BF34" s="224">
        <v>0</v>
      </c>
      <c r="BG34" s="222">
        <v>0</v>
      </c>
      <c r="BH34" s="225">
        <v>0</v>
      </c>
      <c r="BI34" s="227">
        <v>0</v>
      </c>
      <c r="BJ34" s="228">
        <v>0</v>
      </c>
      <c r="BK34" s="222">
        <v>0</v>
      </c>
      <c r="BL34" s="222">
        <v>0</v>
      </c>
      <c r="BM34" s="223">
        <v>0</v>
      </c>
      <c r="BN34" s="224">
        <v>0</v>
      </c>
      <c r="BO34" s="224">
        <v>0</v>
      </c>
      <c r="BP34" s="224">
        <v>1</v>
      </c>
      <c r="BQ34" s="222">
        <v>0</v>
      </c>
      <c r="BR34" s="225">
        <v>1</v>
      </c>
      <c r="BS34" s="226">
        <v>1</v>
      </c>
      <c r="BT34" s="221">
        <v>0</v>
      </c>
      <c r="BU34" s="222">
        <v>0</v>
      </c>
      <c r="BV34" s="222">
        <v>0</v>
      </c>
      <c r="BW34" s="223">
        <v>0</v>
      </c>
      <c r="BX34" s="224">
        <v>0</v>
      </c>
      <c r="BY34" s="224">
        <v>0</v>
      </c>
      <c r="BZ34" s="224">
        <v>1</v>
      </c>
      <c r="CA34" s="222">
        <v>0</v>
      </c>
      <c r="CB34" s="225">
        <v>1</v>
      </c>
      <c r="CC34" s="227">
        <v>1</v>
      </c>
      <c r="CD34" s="228">
        <v>0</v>
      </c>
      <c r="CE34" s="222">
        <v>0</v>
      </c>
      <c r="CF34" s="222">
        <v>0</v>
      </c>
      <c r="CG34" s="223">
        <v>0</v>
      </c>
      <c r="CH34" s="224">
        <v>0</v>
      </c>
      <c r="CI34" s="224">
        <v>0</v>
      </c>
      <c r="CJ34" s="224">
        <v>0</v>
      </c>
      <c r="CK34" s="222">
        <v>0</v>
      </c>
      <c r="CL34" s="225">
        <v>0</v>
      </c>
      <c r="CM34" s="227">
        <v>0</v>
      </c>
      <c r="CN34" s="228">
        <v>0</v>
      </c>
      <c r="CO34" s="222">
        <v>0</v>
      </c>
      <c r="CP34" s="222">
        <v>0</v>
      </c>
      <c r="CQ34" s="223">
        <v>0</v>
      </c>
      <c r="CR34" s="224">
        <v>0</v>
      </c>
      <c r="CS34" s="224">
        <v>0</v>
      </c>
      <c r="CT34" s="224">
        <v>0</v>
      </c>
      <c r="CU34" s="222">
        <v>1</v>
      </c>
      <c r="CV34" s="225">
        <v>1</v>
      </c>
      <c r="CW34" s="226">
        <v>1</v>
      </c>
      <c r="CX34" s="221">
        <v>0</v>
      </c>
      <c r="CY34" s="222">
        <v>0</v>
      </c>
      <c r="CZ34" s="222">
        <v>0</v>
      </c>
      <c r="DA34" s="223">
        <v>0</v>
      </c>
      <c r="DB34" s="224">
        <v>0</v>
      </c>
      <c r="DC34" s="224">
        <v>0</v>
      </c>
      <c r="DD34" s="224">
        <v>0</v>
      </c>
      <c r="DE34" s="222">
        <v>1</v>
      </c>
      <c r="DF34" s="225">
        <v>1</v>
      </c>
      <c r="DG34" s="227">
        <v>1</v>
      </c>
      <c r="DH34" s="228">
        <v>0</v>
      </c>
      <c r="DI34" s="222">
        <v>0</v>
      </c>
      <c r="DJ34" s="222">
        <v>0</v>
      </c>
      <c r="DK34" s="223">
        <v>0</v>
      </c>
      <c r="DL34" s="224">
        <v>0</v>
      </c>
      <c r="DM34" s="224">
        <v>0</v>
      </c>
      <c r="DN34" s="224">
        <v>0</v>
      </c>
      <c r="DO34" s="222">
        <v>0</v>
      </c>
      <c r="DP34" s="225">
        <v>0</v>
      </c>
      <c r="DQ34" s="227">
        <v>0</v>
      </c>
      <c r="DR34" s="228">
        <v>0</v>
      </c>
      <c r="DS34" s="222">
        <v>0</v>
      </c>
      <c r="DT34" s="222">
        <v>0</v>
      </c>
      <c r="DU34" s="223">
        <v>3</v>
      </c>
      <c r="DV34" s="224">
        <v>17</v>
      </c>
      <c r="DW34" s="224">
        <v>33</v>
      </c>
      <c r="DX34" s="224">
        <v>31</v>
      </c>
      <c r="DY34" s="222">
        <v>31</v>
      </c>
      <c r="DZ34" s="225">
        <v>115</v>
      </c>
      <c r="EA34" s="227">
        <v>115</v>
      </c>
      <c r="EB34" s="37"/>
    </row>
    <row r="35" spans="1:132" ht="20.25" customHeight="1" x14ac:dyDescent="0.2">
      <c r="A35" s="62" t="s">
        <v>32</v>
      </c>
      <c r="B35" s="221">
        <v>0</v>
      </c>
      <c r="C35" s="222">
        <v>0</v>
      </c>
      <c r="D35" s="222">
        <v>0</v>
      </c>
      <c r="E35" s="223">
        <v>1</v>
      </c>
      <c r="F35" s="224">
        <v>1</v>
      </c>
      <c r="G35" s="224">
        <v>10</v>
      </c>
      <c r="H35" s="224">
        <v>22</v>
      </c>
      <c r="I35" s="222">
        <v>8</v>
      </c>
      <c r="J35" s="225">
        <v>42</v>
      </c>
      <c r="K35" s="226">
        <v>42</v>
      </c>
      <c r="L35" s="221">
        <v>0</v>
      </c>
      <c r="M35" s="222">
        <v>0</v>
      </c>
      <c r="N35" s="225">
        <v>0</v>
      </c>
      <c r="O35" s="223">
        <v>1</v>
      </c>
      <c r="P35" s="224">
        <v>1</v>
      </c>
      <c r="Q35" s="224">
        <v>10</v>
      </c>
      <c r="R35" s="224">
        <v>22</v>
      </c>
      <c r="S35" s="222">
        <v>7</v>
      </c>
      <c r="T35" s="225">
        <v>41</v>
      </c>
      <c r="U35" s="227">
        <v>41</v>
      </c>
      <c r="V35" s="228">
        <v>0</v>
      </c>
      <c r="W35" s="222">
        <v>0</v>
      </c>
      <c r="X35" s="225">
        <v>0</v>
      </c>
      <c r="Y35" s="228">
        <v>0</v>
      </c>
      <c r="Z35" s="224">
        <v>0</v>
      </c>
      <c r="AA35" s="224">
        <v>0</v>
      </c>
      <c r="AB35" s="224">
        <v>0</v>
      </c>
      <c r="AC35" s="222">
        <v>1</v>
      </c>
      <c r="AD35" s="225">
        <v>1</v>
      </c>
      <c r="AE35" s="229">
        <v>1</v>
      </c>
      <c r="AF35" s="228">
        <v>0</v>
      </c>
      <c r="AG35" s="222">
        <v>0</v>
      </c>
      <c r="AH35" s="225">
        <v>0</v>
      </c>
      <c r="AI35" s="228">
        <v>4</v>
      </c>
      <c r="AJ35" s="224">
        <v>8</v>
      </c>
      <c r="AK35" s="224">
        <v>12</v>
      </c>
      <c r="AL35" s="224">
        <v>13</v>
      </c>
      <c r="AM35" s="222">
        <v>7</v>
      </c>
      <c r="AN35" s="225">
        <v>44</v>
      </c>
      <c r="AO35" s="229">
        <v>44</v>
      </c>
      <c r="AP35" s="228">
        <v>0</v>
      </c>
      <c r="AQ35" s="222">
        <v>0</v>
      </c>
      <c r="AR35" s="225">
        <v>0</v>
      </c>
      <c r="AS35" s="223">
        <v>4</v>
      </c>
      <c r="AT35" s="224">
        <v>8</v>
      </c>
      <c r="AU35" s="224">
        <v>12</v>
      </c>
      <c r="AV35" s="224">
        <v>13</v>
      </c>
      <c r="AW35" s="222">
        <v>7</v>
      </c>
      <c r="AX35" s="225">
        <v>44</v>
      </c>
      <c r="AY35" s="226">
        <v>44</v>
      </c>
      <c r="AZ35" s="221">
        <v>0</v>
      </c>
      <c r="BA35" s="222">
        <v>0</v>
      </c>
      <c r="BB35" s="222">
        <v>0</v>
      </c>
      <c r="BC35" s="223">
        <v>0</v>
      </c>
      <c r="BD35" s="224">
        <v>0</v>
      </c>
      <c r="BE35" s="224">
        <v>0</v>
      </c>
      <c r="BF35" s="224">
        <v>0</v>
      </c>
      <c r="BG35" s="222">
        <v>0</v>
      </c>
      <c r="BH35" s="225">
        <v>0</v>
      </c>
      <c r="BI35" s="227">
        <v>0</v>
      </c>
      <c r="BJ35" s="228">
        <v>0</v>
      </c>
      <c r="BK35" s="222">
        <v>0</v>
      </c>
      <c r="BL35" s="222">
        <v>0</v>
      </c>
      <c r="BM35" s="223">
        <v>0</v>
      </c>
      <c r="BN35" s="224">
        <v>0</v>
      </c>
      <c r="BO35" s="224">
        <v>0</v>
      </c>
      <c r="BP35" s="224">
        <v>0</v>
      </c>
      <c r="BQ35" s="222">
        <v>0</v>
      </c>
      <c r="BR35" s="225">
        <v>0</v>
      </c>
      <c r="BS35" s="226">
        <v>0</v>
      </c>
      <c r="BT35" s="221">
        <v>0</v>
      </c>
      <c r="BU35" s="222">
        <v>0</v>
      </c>
      <c r="BV35" s="222">
        <v>0</v>
      </c>
      <c r="BW35" s="223">
        <v>0</v>
      </c>
      <c r="BX35" s="224">
        <v>0</v>
      </c>
      <c r="BY35" s="224">
        <v>0</v>
      </c>
      <c r="BZ35" s="224">
        <v>0</v>
      </c>
      <c r="CA35" s="222">
        <v>0</v>
      </c>
      <c r="CB35" s="225">
        <v>0</v>
      </c>
      <c r="CC35" s="227">
        <v>0</v>
      </c>
      <c r="CD35" s="228">
        <v>0</v>
      </c>
      <c r="CE35" s="222">
        <v>0</v>
      </c>
      <c r="CF35" s="222">
        <v>0</v>
      </c>
      <c r="CG35" s="223">
        <v>0</v>
      </c>
      <c r="CH35" s="224">
        <v>0</v>
      </c>
      <c r="CI35" s="224">
        <v>0</v>
      </c>
      <c r="CJ35" s="224">
        <v>0</v>
      </c>
      <c r="CK35" s="222">
        <v>0</v>
      </c>
      <c r="CL35" s="225">
        <v>0</v>
      </c>
      <c r="CM35" s="227">
        <v>0</v>
      </c>
      <c r="CN35" s="228">
        <v>0</v>
      </c>
      <c r="CO35" s="222">
        <v>0</v>
      </c>
      <c r="CP35" s="222">
        <v>0</v>
      </c>
      <c r="CQ35" s="223">
        <v>0</v>
      </c>
      <c r="CR35" s="224">
        <v>0</v>
      </c>
      <c r="CS35" s="224">
        <v>0</v>
      </c>
      <c r="CT35" s="224">
        <v>0</v>
      </c>
      <c r="CU35" s="222">
        <v>0</v>
      </c>
      <c r="CV35" s="225">
        <v>0</v>
      </c>
      <c r="CW35" s="226">
        <v>0</v>
      </c>
      <c r="CX35" s="221">
        <v>0</v>
      </c>
      <c r="CY35" s="222">
        <v>0</v>
      </c>
      <c r="CZ35" s="222">
        <v>0</v>
      </c>
      <c r="DA35" s="223">
        <v>0</v>
      </c>
      <c r="DB35" s="224">
        <v>0</v>
      </c>
      <c r="DC35" s="224">
        <v>0</v>
      </c>
      <c r="DD35" s="224">
        <v>0</v>
      </c>
      <c r="DE35" s="222">
        <v>0</v>
      </c>
      <c r="DF35" s="225">
        <v>0</v>
      </c>
      <c r="DG35" s="227">
        <v>0</v>
      </c>
      <c r="DH35" s="228">
        <v>0</v>
      </c>
      <c r="DI35" s="222">
        <v>0</v>
      </c>
      <c r="DJ35" s="222">
        <v>0</v>
      </c>
      <c r="DK35" s="223">
        <v>0</v>
      </c>
      <c r="DL35" s="224">
        <v>0</v>
      </c>
      <c r="DM35" s="224">
        <v>0</v>
      </c>
      <c r="DN35" s="224">
        <v>0</v>
      </c>
      <c r="DO35" s="222">
        <v>0</v>
      </c>
      <c r="DP35" s="225">
        <v>0</v>
      </c>
      <c r="DQ35" s="227">
        <v>0</v>
      </c>
      <c r="DR35" s="228">
        <v>0</v>
      </c>
      <c r="DS35" s="222">
        <v>0</v>
      </c>
      <c r="DT35" s="222">
        <v>0</v>
      </c>
      <c r="DU35" s="223">
        <v>5</v>
      </c>
      <c r="DV35" s="224">
        <v>9</v>
      </c>
      <c r="DW35" s="224">
        <v>22</v>
      </c>
      <c r="DX35" s="224">
        <v>35</v>
      </c>
      <c r="DY35" s="222">
        <v>15</v>
      </c>
      <c r="DZ35" s="225">
        <v>86</v>
      </c>
      <c r="EA35" s="227">
        <v>86</v>
      </c>
      <c r="EB35" s="37"/>
    </row>
    <row r="36" spans="1:132" ht="20.25" customHeight="1" x14ac:dyDescent="0.2">
      <c r="A36" s="62" t="s">
        <v>33</v>
      </c>
      <c r="B36" s="221">
        <v>0</v>
      </c>
      <c r="C36" s="222">
        <v>0</v>
      </c>
      <c r="D36" s="222">
        <v>0</v>
      </c>
      <c r="E36" s="223">
        <v>0</v>
      </c>
      <c r="F36" s="224">
        <v>7</v>
      </c>
      <c r="G36" s="224">
        <v>27</v>
      </c>
      <c r="H36" s="224">
        <v>27</v>
      </c>
      <c r="I36" s="222">
        <v>26</v>
      </c>
      <c r="J36" s="225">
        <v>87</v>
      </c>
      <c r="K36" s="226">
        <v>87</v>
      </c>
      <c r="L36" s="221">
        <v>0</v>
      </c>
      <c r="M36" s="222">
        <v>0</v>
      </c>
      <c r="N36" s="225">
        <v>0</v>
      </c>
      <c r="O36" s="223">
        <v>0</v>
      </c>
      <c r="P36" s="224">
        <v>7</v>
      </c>
      <c r="Q36" s="224">
        <v>27</v>
      </c>
      <c r="R36" s="224">
        <v>27</v>
      </c>
      <c r="S36" s="222">
        <v>26</v>
      </c>
      <c r="T36" s="225">
        <v>87</v>
      </c>
      <c r="U36" s="227">
        <v>87</v>
      </c>
      <c r="V36" s="228">
        <v>0</v>
      </c>
      <c r="W36" s="222">
        <v>0</v>
      </c>
      <c r="X36" s="225">
        <v>0</v>
      </c>
      <c r="Y36" s="228">
        <v>0</v>
      </c>
      <c r="Z36" s="224">
        <v>0</v>
      </c>
      <c r="AA36" s="224">
        <v>0</v>
      </c>
      <c r="AB36" s="224">
        <v>0</v>
      </c>
      <c r="AC36" s="222">
        <v>0</v>
      </c>
      <c r="AD36" s="225">
        <v>0</v>
      </c>
      <c r="AE36" s="229">
        <v>0</v>
      </c>
      <c r="AF36" s="228">
        <v>0</v>
      </c>
      <c r="AG36" s="222">
        <v>0</v>
      </c>
      <c r="AH36" s="225">
        <v>0</v>
      </c>
      <c r="AI36" s="228">
        <v>11</v>
      </c>
      <c r="AJ36" s="224">
        <v>8</v>
      </c>
      <c r="AK36" s="224">
        <v>12</v>
      </c>
      <c r="AL36" s="224">
        <v>15</v>
      </c>
      <c r="AM36" s="222">
        <v>7</v>
      </c>
      <c r="AN36" s="225">
        <v>53</v>
      </c>
      <c r="AO36" s="229">
        <v>53</v>
      </c>
      <c r="AP36" s="228">
        <v>0</v>
      </c>
      <c r="AQ36" s="222">
        <v>0</v>
      </c>
      <c r="AR36" s="225">
        <v>0</v>
      </c>
      <c r="AS36" s="223">
        <v>11</v>
      </c>
      <c r="AT36" s="224">
        <v>8</v>
      </c>
      <c r="AU36" s="224">
        <v>12</v>
      </c>
      <c r="AV36" s="224">
        <v>15</v>
      </c>
      <c r="AW36" s="222">
        <v>7</v>
      </c>
      <c r="AX36" s="225">
        <v>53</v>
      </c>
      <c r="AY36" s="226">
        <v>53</v>
      </c>
      <c r="AZ36" s="221">
        <v>0</v>
      </c>
      <c r="BA36" s="222">
        <v>0</v>
      </c>
      <c r="BB36" s="222">
        <v>0</v>
      </c>
      <c r="BC36" s="223">
        <v>0</v>
      </c>
      <c r="BD36" s="224">
        <v>0</v>
      </c>
      <c r="BE36" s="224">
        <v>0</v>
      </c>
      <c r="BF36" s="224">
        <v>0</v>
      </c>
      <c r="BG36" s="222">
        <v>0</v>
      </c>
      <c r="BH36" s="225">
        <v>0</v>
      </c>
      <c r="BI36" s="227">
        <v>0</v>
      </c>
      <c r="BJ36" s="228">
        <v>0</v>
      </c>
      <c r="BK36" s="222">
        <v>0</v>
      </c>
      <c r="BL36" s="222">
        <v>0</v>
      </c>
      <c r="BM36" s="223">
        <v>0</v>
      </c>
      <c r="BN36" s="224">
        <v>0</v>
      </c>
      <c r="BO36" s="224">
        <v>0</v>
      </c>
      <c r="BP36" s="224">
        <v>0</v>
      </c>
      <c r="BQ36" s="222">
        <v>0</v>
      </c>
      <c r="BR36" s="225">
        <v>0</v>
      </c>
      <c r="BS36" s="226">
        <v>0</v>
      </c>
      <c r="BT36" s="221">
        <v>0</v>
      </c>
      <c r="BU36" s="222">
        <v>0</v>
      </c>
      <c r="BV36" s="222">
        <v>0</v>
      </c>
      <c r="BW36" s="223">
        <v>0</v>
      </c>
      <c r="BX36" s="224">
        <v>0</v>
      </c>
      <c r="BY36" s="224">
        <v>0</v>
      </c>
      <c r="BZ36" s="224">
        <v>0</v>
      </c>
      <c r="CA36" s="222">
        <v>0</v>
      </c>
      <c r="CB36" s="225">
        <v>0</v>
      </c>
      <c r="CC36" s="227">
        <v>0</v>
      </c>
      <c r="CD36" s="228">
        <v>0</v>
      </c>
      <c r="CE36" s="222">
        <v>0</v>
      </c>
      <c r="CF36" s="222">
        <v>0</v>
      </c>
      <c r="CG36" s="223">
        <v>0</v>
      </c>
      <c r="CH36" s="224">
        <v>0</v>
      </c>
      <c r="CI36" s="224">
        <v>0</v>
      </c>
      <c r="CJ36" s="224">
        <v>0</v>
      </c>
      <c r="CK36" s="222">
        <v>0</v>
      </c>
      <c r="CL36" s="225">
        <v>0</v>
      </c>
      <c r="CM36" s="227">
        <v>0</v>
      </c>
      <c r="CN36" s="228">
        <v>0</v>
      </c>
      <c r="CO36" s="222">
        <v>0</v>
      </c>
      <c r="CP36" s="222">
        <v>0</v>
      </c>
      <c r="CQ36" s="223">
        <v>2</v>
      </c>
      <c r="CR36" s="224">
        <v>5</v>
      </c>
      <c r="CS36" s="224">
        <v>7</v>
      </c>
      <c r="CT36" s="224">
        <v>4</v>
      </c>
      <c r="CU36" s="222">
        <v>5</v>
      </c>
      <c r="CV36" s="225">
        <v>23</v>
      </c>
      <c r="CW36" s="226">
        <v>23</v>
      </c>
      <c r="CX36" s="221">
        <v>0</v>
      </c>
      <c r="CY36" s="222">
        <v>0</v>
      </c>
      <c r="CZ36" s="222">
        <v>0</v>
      </c>
      <c r="DA36" s="223">
        <v>2</v>
      </c>
      <c r="DB36" s="224">
        <v>5</v>
      </c>
      <c r="DC36" s="224">
        <v>7</v>
      </c>
      <c r="DD36" s="224">
        <v>4</v>
      </c>
      <c r="DE36" s="222">
        <v>5</v>
      </c>
      <c r="DF36" s="225">
        <v>23</v>
      </c>
      <c r="DG36" s="227">
        <v>23</v>
      </c>
      <c r="DH36" s="228">
        <v>0</v>
      </c>
      <c r="DI36" s="222">
        <v>0</v>
      </c>
      <c r="DJ36" s="222">
        <v>0</v>
      </c>
      <c r="DK36" s="223">
        <v>0</v>
      </c>
      <c r="DL36" s="224">
        <v>0</v>
      </c>
      <c r="DM36" s="224">
        <v>0</v>
      </c>
      <c r="DN36" s="224">
        <v>0</v>
      </c>
      <c r="DO36" s="222">
        <v>0</v>
      </c>
      <c r="DP36" s="225">
        <v>0</v>
      </c>
      <c r="DQ36" s="227">
        <v>0</v>
      </c>
      <c r="DR36" s="228">
        <v>0</v>
      </c>
      <c r="DS36" s="222">
        <v>0</v>
      </c>
      <c r="DT36" s="222">
        <v>0</v>
      </c>
      <c r="DU36" s="223">
        <v>13</v>
      </c>
      <c r="DV36" s="224">
        <v>20</v>
      </c>
      <c r="DW36" s="224">
        <v>46</v>
      </c>
      <c r="DX36" s="224">
        <v>46</v>
      </c>
      <c r="DY36" s="222">
        <v>38</v>
      </c>
      <c r="DZ36" s="225">
        <v>163</v>
      </c>
      <c r="EA36" s="227">
        <v>163</v>
      </c>
      <c r="EB36" s="37"/>
    </row>
    <row r="37" spans="1:132" ht="20.25" customHeight="1" x14ac:dyDescent="0.2">
      <c r="A37" s="62" t="s">
        <v>34</v>
      </c>
      <c r="B37" s="221">
        <v>0</v>
      </c>
      <c r="C37" s="222">
        <v>0</v>
      </c>
      <c r="D37" s="222">
        <v>0</v>
      </c>
      <c r="E37" s="223">
        <v>0</v>
      </c>
      <c r="F37" s="224">
        <v>0</v>
      </c>
      <c r="G37" s="224">
        <v>5</v>
      </c>
      <c r="H37" s="224">
        <v>22</v>
      </c>
      <c r="I37" s="222">
        <v>16</v>
      </c>
      <c r="J37" s="225">
        <v>43</v>
      </c>
      <c r="K37" s="226">
        <v>43</v>
      </c>
      <c r="L37" s="221">
        <v>0</v>
      </c>
      <c r="M37" s="222">
        <v>0</v>
      </c>
      <c r="N37" s="225">
        <v>0</v>
      </c>
      <c r="O37" s="223">
        <v>0</v>
      </c>
      <c r="P37" s="224">
        <v>0</v>
      </c>
      <c r="Q37" s="224">
        <v>5</v>
      </c>
      <c r="R37" s="224">
        <v>22</v>
      </c>
      <c r="S37" s="222">
        <v>16</v>
      </c>
      <c r="T37" s="225">
        <v>43</v>
      </c>
      <c r="U37" s="227">
        <v>43</v>
      </c>
      <c r="V37" s="228">
        <v>0</v>
      </c>
      <c r="W37" s="222">
        <v>0</v>
      </c>
      <c r="X37" s="225">
        <v>0</v>
      </c>
      <c r="Y37" s="228">
        <v>0</v>
      </c>
      <c r="Z37" s="224">
        <v>0</v>
      </c>
      <c r="AA37" s="224">
        <v>0</v>
      </c>
      <c r="AB37" s="224">
        <v>0</v>
      </c>
      <c r="AC37" s="222">
        <v>0</v>
      </c>
      <c r="AD37" s="225">
        <v>0</v>
      </c>
      <c r="AE37" s="229">
        <v>0</v>
      </c>
      <c r="AF37" s="228">
        <v>0</v>
      </c>
      <c r="AG37" s="222">
        <v>0</v>
      </c>
      <c r="AH37" s="225">
        <v>0</v>
      </c>
      <c r="AI37" s="228">
        <v>5</v>
      </c>
      <c r="AJ37" s="224">
        <v>9</v>
      </c>
      <c r="AK37" s="224">
        <v>12</v>
      </c>
      <c r="AL37" s="224">
        <v>9</v>
      </c>
      <c r="AM37" s="222">
        <v>5</v>
      </c>
      <c r="AN37" s="225">
        <v>40</v>
      </c>
      <c r="AO37" s="229">
        <v>40</v>
      </c>
      <c r="AP37" s="228">
        <v>0</v>
      </c>
      <c r="AQ37" s="222">
        <v>0</v>
      </c>
      <c r="AR37" s="225">
        <v>0</v>
      </c>
      <c r="AS37" s="223">
        <v>5</v>
      </c>
      <c r="AT37" s="224">
        <v>9</v>
      </c>
      <c r="AU37" s="224">
        <v>12</v>
      </c>
      <c r="AV37" s="224">
        <v>9</v>
      </c>
      <c r="AW37" s="222">
        <v>5</v>
      </c>
      <c r="AX37" s="225">
        <v>40</v>
      </c>
      <c r="AY37" s="226">
        <v>40</v>
      </c>
      <c r="AZ37" s="221">
        <v>0</v>
      </c>
      <c r="BA37" s="222">
        <v>0</v>
      </c>
      <c r="BB37" s="222">
        <v>0</v>
      </c>
      <c r="BC37" s="223">
        <v>0</v>
      </c>
      <c r="BD37" s="224">
        <v>0</v>
      </c>
      <c r="BE37" s="224">
        <v>0</v>
      </c>
      <c r="BF37" s="224">
        <v>0</v>
      </c>
      <c r="BG37" s="222">
        <v>0</v>
      </c>
      <c r="BH37" s="225">
        <v>0</v>
      </c>
      <c r="BI37" s="227">
        <v>0</v>
      </c>
      <c r="BJ37" s="228">
        <v>0</v>
      </c>
      <c r="BK37" s="222">
        <v>0</v>
      </c>
      <c r="BL37" s="222">
        <v>0</v>
      </c>
      <c r="BM37" s="223">
        <v>0</v>
      </c>
      <c r="BN37" s="224">
        <v>0</v>
      </c>
      <c r="BO37" s="224">
        <v>0</v>
      </c>
      <c r="BP37" s="224">
        <v>0</v>
      </c>
      <c r="BQ37" s="222">
        <v>0</v>
      </c>
      <c r="BR37" s="225">
        <v>0</v>
      </c>
      <c r="BS37" s="226">
        <v>0</v>
      </c>
      <c r="BT37" s="221">
        <v>0</v>
      </c>
      <c r="BU37" s="222">
        <v>0</v>
      </c>
      <c r="BV37" s="222">
        <v>0</v>
      </c>
      <c r="BW37" s="223">
        <v>0</v>
      </c>
      <c r="BX37" s="224">
        <v>0</v>
      </c>
      <c r="BY37" s="224">
        <v>0</v>
      </c>
      <c r="BZ37" s="224">
        <v>0</v>
      </c>
      <c r="CA37" s="222">
        <v>0</v>
      </c>
      <c r="CB37" s="225">
        <v>0</v>
      </c>
      <c r="CC37" s="227">
        <v>0</v>
      </c>
      <c r="CD37" s="228">
        <v>0</v>
      </c>
      <c r="CE37" s="222">
        <v>0</v>
      </c>
      <c r="CF37" s="222">
        <v>0</v>
      </c>
      <c r="CG37" s="223">
        <v>0</v>
      </c>
      <c r="CH37" s="224">
        <v>0</v>
      </c>
      <c r="CI37" s="224">
        <v>0</v>
      </c>
      <c r="CJ37" s="224">
        <v>0</v>
      </c>
      <c r="CK37" s="222">
        <v>0</v>
      </c>
      <c r="CL37" s="225">
        <v>0</v>
      </c>
      <c r="CM37" s="227">
        <v>0</v>
      </c>
      <c r="CN37" s="228">
        <v>0</v>
      </c>
      <c r="CO37" s="222">
        <v>0</v>
      </c>
      <c r="CP37" s="222">
        <v>0</v>
      </c>
      <c r="CQ37" s="223">
        <v>0</v>
      </c>
      <c r="CR37" s="224">
        <v>1</v>
      </c>
      <c r="CS37" s="224">
        <v>0</v>
      </c>
      <c r="CT37" s="224">
        <v>1</v>
      </c>
      <c r="CU37" s="222">
        <v>1</v>
      </c>
      <c r="CV37" s="225">
        <v>3</v>
      </c>
      <c r="CW37" s="226">
        <v>3</v>
      </c>
      <c r="CX37" s="221">
        <v>0</v>
      </c>
      <c r="CY37" s="222">
        <v>0</v>
      </c>
      <c r="CZ37" s="222">
        <v>0</v>
      </c>
      <c r="DA37" s="223">
        <v>0</v>
      </c>
      <c r="DB37" s="224">
        <v>1</v>
      </c>
      <c r="DC37" s="224">
        <v>0</v>
      </c>
      <c r="DD37" s="224">
        <v>1</v>
      </c>
      <c r="DE37" s="222">
        <v>1</v>
      </c>
      <c r="DF37" s="225">
        <v>3</v>
      </c>
      <c r="DG37" s="227">
        <v>3</v>
      </c>
      <c r="DH37" s="228">
        <v>0</v>
      </c>
      <c r="DI37" s="222">
        <v>0</v>
      </c>
      <c r="DJ37" s="222">
        <v>0</v>
      </c>
      <c r="DK37" s="223">
        <v>0</v>
      </c>
      <c r="DL37" s="224">
        <v>0</v>
      </c>
      <c r="DM37" s="224">
        <v>0</v>
      </c>
      <c r="DN37" s="224">
        <v>0</v>
      </c>
      <c r="DO37" s="222">
        <v>0</v>
      </c>
      <c r="DP37" s="225">
        <v>0</v>
      </c>
      <c r="DQ37" s="227">
        <v>0</v>
      </c>
      <c r="DR37" s="228">
        <v>0</v>
      </c>
      <c r="DS37" s="222">
        <v>0</v>
      </c>
      <c r="DT37" s="222">
        <v>0</v>
      </c>
      <c r="DU37" s="223">
        <v>5</v>
      </c>
      <c r="DV37" s="224">
        <v>10</v>
      </c>
      <c r="DW37" s="224">
        <v>17</v>
      </c>
      <c r="DX37" s="224">
        <v>32</v>
      </c>
      <c r="DY37" s="222">
        <v>21</v>
      </c>
      <c r="DZ37" s="225">
        <v>85</v>
      </c>
      <c r="EA37" s="227">
        <v>85</v>
      </c>
      <c r="EB37" s="37"/>
    </row>
    <row r="38" spans="1:132" ht="20.25" customHeight="1" x14ac:dyDescent="0.2">
      <c r="A38" s="62" t="s">
        <v>35</v>
      </c>
      <c r="B38" s="221">
        <v>0</v>
      </c>
      <c r="C38" s="222">
        <v>0</v>
      </c>
      <c r="D38" s="222">
        <v>0</v>
      </c>
      <c r="E38" s="223">
        <v>1</v>
      </c>
      <c r="F38" s="224">
        <v>2</v>
      </c>
      <c r="G38" s="224">
        <v>27</v>
      </c>
      <c r="H38" s="224">
        <v>49</v>
      </c>
      <c r="I38" s="222">
        <v>34</v>
      </c>
      <c r="J38" s="225">
        <v>113</v>
      </c>
      <c r="K38" s="226">
        <v>113</v>
      </c>
      <c r="L38" s="221">
        <v>0</v>
      </c>
      <c r="M38" s="222">
        <v>0</v>
      </c>
      <c r="N38" s="225">
        <v>0</v>
      </c>
      <c r="O38" s="223">
        <v>1</v>
      </c>
      <c r="P38" s="224">
        <v>2</v>
      </c>
      <c r="Q38" s="224">
        <v>27</v>
      </c>
      <c r="R38" s="224">
        <v>49</v>
      </c>
      <c r="S38" s="222">
        <v>34</v>
      </c>
      <c r="T38" s="225">
        <v>113</v>
      </c>
      <c r="U38" s="227">
        <v>113</v>
      </c>
      <c r="V38" s="228">
        <v>0</v>
      </c>
      <c r="W38" s="222">
        <v>0</v>
      </c>
      <c r="X38" s="225">
        <v>0</v>
      </c>
      <c r="Y38" s="228">
        <v>0</v>
      </c>
      <c r="Z38" s="224">
        <v>0</v>
      </c>
      <c r="AA38" s="224">
        <v>0</v>
      </c>
      <c r="AB38" s="224">
        <v>0</v>
      </c>
      <c r="AC38" s="222">
        <v>0</v>
      </c>
      <c r="AD38" s="225">
        <v>0</v>
      </c>
      <c r="AE38" s="229">
        <v>0</v>
      </c>
      <c r="AF38" s="228">
        <v>0</v>
      </c>
      <c r="AG38" s="222">
        <v>0</v>
      </c>
      <c r="AH38" s="225">
        <v>0</v>
      </c>
      <c r="AI38" s="228">
        <v>27</v>
      </c>
      <c r="AJ38" s="224">
        <v>27</v>
      </c>
      <c r="AK38" s="224">
        <v>26</v>
      </c>
      <c r="AL38" s="224">
        <v>14</v>
      </c>
      <c r="AM38" s="222">
        <v>9</v>
      </c>
      <c r="AN38" s="225">
        <v>103</v>
      </c>
      <c r="AO38" s="229">
        <v>103</v>
      </c>
      <c r="AP38" s="228">
        <v>0</v>
      </c>
      <c r="AQ38" s="222">
        <v>0</v>
      </c>
      <c r="AR38" s="225">
        <v>0</v>
      </c>
      <c r="AS38" s="223">
        <v>27</v>
      </c>
      <c r="AT38" s="224">
        <v>27</v>
      </c>
      <c r="AU38" s="224">
        <v>24</v>
      </c>
      <c r="AV38" s="224">
        <v>13</v>
      </c>
      <c r="AW38" s="222">
        <v>9</v>
      </c>
      <c r="AX38" s="225">
        <v>100</v>
      </c>
      <c r="AY38" s="226">
        <v>100</v>
      </c>
      <c r="AZ38" s="221">
        <v>0</v>
      </c>
      <c r="BA38" s="222">
        <v>0</v>
      </c>
      <c r="BB38" s="222">
        <v>0</v>
      </c>
      <c r="BC38" s="223">
        <v>0</v>
      </c>
      <c r="BD38" s="224">
        <v>0</v>
      </c>
      <c r="BE38" s="224">
        <v>2</v>
      </c>
      <c r="BF38" s="224">
        <v>1</v>
      </c>
      <c r="BG38" s="222">
        <v>0</v>
      </c>
      <c r="BH38" s="225">
        <v>3</v>
      </c>
      <c r="BI38" s="227">
        <v>3</v>
      </c>
      <c r="BJ38" s="228">
        <v>0</v>
      </c>
      <c r="BK38" s="222">
        <v>0</v>
      </c>
      <c r="BL38" s="222">
        <v>0</v>
      </c>
      <c r="BM38" s="223">
        <v>0</v>
      </c>
      <c r="BN38" s="224">
        <v>0</v>
      </c>
      <c r="BO38" s="224">
        <v>0</v>
      </c>
      <c r="BP38" s="224">
        <v>0</v>
      </c>
      <c r="BQ38" s="222">
        <v>0</v>
      </c>
      <c r="BR38" s="225">
        <v>0</v>
      </c>
      <c r="BS38" s="226">
        <v>0</v>
      </c>
      <c r="BT38" s="221">
        <v>0</v>
      </c>
      <c r="BU38" s="222">
        <v>0</v>
      </c>
      <c r="BV38" s="222">
        <v>0</v>
      </c>
      <c r="BW38" s="223">
        <v>0</v>
      </c>
      <c r="BX38" s="224">
        <v>0</v>
      </c>
      <c r="BY38" s="224">
        <v>0</v>
      </c>
      <c r="BZ38" s="224">
        <v>0</v>
      </c>
      <c r="CA38" s="222">
        <v>0</v>
      </c>
      <c r="CB38" s="225">
        <v>0</v>
      </c>
      <c r="CC38" s="227">
        <v>0</v>
      </c>
      <c r="CD38" s="228">
        <v>0</v>
      </c>
      <c r="CE38" s="222">
        <v>0</v>
      </c>
      <c r="CF38" s="222">
        <v>0</v>
      </c>
      <c r="CG38" s="223">
        <v>0</v>
      </c>
      <c r="CH38" s="224">
        <v>0</v>
      </c>
      <c r="CI38" s="224">
        <v>0</v>
      </c>
      <c r="CJ38" s="224">
        <v>0</v>
      </c>
      <c r="CK38" s="222">
        <v>0</v>
      </c>
      <c r="CL38" s="225">
        <v>0</v>
      </c>
      <c r="CM38" s="227">
        <v>0</v>
      </c>
      <c r="CN38" s="228">
        <v>0</v>
      </c>
      <c r="CO38" s="222">
        <v>0</v>
      </c>
      <c r="CP38" s="222">
        <v>0</v>
      </c>
      <c r="CQ38" s="223">
        <v>4</v>
      </c>
      <c r="CR38" s="224">
        <v>2</v>
      </c>
      <c r="CS38" s="224">
        <v>4</v>
      </c>
      <c r="CT38" s="224">
        <v>9</v>
      </c>
      <c r="CU38" s="222">
        <v>10</v>
      </c>
      <c r="CV38" s="225">
        <v>29</v>
      </c>
      <c r="CW38" s="226">
        <v>29</v>
      </c>
      <c r="CX38" s="221">
        <v>0</v>
      </c>
      <c r="CY38" s="222">
        <v>0</v>
      </c>
      <c r="CZ38" s="222">
        <v>0</v>
      </c>
      <c r="DA38" s="223">
        <v>4</v>
      </c>
      <c r="DB38" s="224">
        <v>1</v>
      </c>
      <c r="DC38" s="224">
        <v>4</v>
      </c>
      <c r="DD38" s="224">
        <v>9</v>
      </c>
      <c r="DE38" s="222">
        <v>9</v>
      </c>
      <c r="DF38" s="225">
        <v>27</v>
      </c>
      <c r="DG38" s="227">
        <v>27</v>
      </c>
      <c r="DH38" s="228">
        <v>0</v>
      </c>
      <c r="DI38" s="222">
        <v>0</v>
      </c>
      <c r="DJ38" s="222">
        <v>0</v>
      </c>
      <c r="DK38" s="223">
        <v>0</v>
      </c>
      <c r="DL38" s="224">
        <v>1</v>
      </c>
      <c r="DM38" s="224">
        <v>0</v>
      </c>
      <c r="DN38" s="224">
        <v>0</v>
      </c>
      <c r="DO38" s="222">
        <v>1</v>
      </c>
      <c r="DP38" s="225">
        <v>2</v>
      </c>
      <c r="DQ38" s="227">
        <v>2</v>
      </c>
      <c r="DR38" s="228">
        <v>0</v>
      </c>
      <c r="DS38" s="222">
        <v>0</v>
      </c>
      <c r="DT38" s="222">
        <v>0</v>
      </c>
      <c r="DU38" s="223">
        <v>32</v>
      </c>
      <c r="DV38" s="224">
        <v>31</v>
      </c>
      <c r="DW38" s="224">
        <v>57</v>
      </c>
      <c r="DX38" s="224">
        <v>72</v>
      </c>
      <c r="DY38" s="222">
        <v>53</v>
      </c>
      <c r="DZ38" s="225">
        <v>245</v>
      </c>
      <c r="EA38" s="227">
        <v>245</v>
      </c>
      <c r="EB38" s="37"/>
    </row>
    <row r="39" spans="1:132" ht="20.25" customHeight="1" x14ac:dyDescent="0.2">
      <c r="A39" s="62" t="s">
        <v>36</v>
      </c>
      <c r="B39" s="221">
        <v>0</v>
      </c>
      <c r="C39" s="222">
        <v>0</v>
      </c>
      <c r="D39" s="222">
        <v>0</v>
      </c>
      <c r="E39" s="223">
        <v>0</v>
      </c>
      <c r="F39" s="224">
        <v>3</v>
      </c>
      <c r="G39" s="224">
        <v>51</v>
      </c>
      <c r="H39" s="224">
        <v>85</v>
      </c>
      <c r="I39" s="222">
        <v>78</v>
      </c>
      <c r="J39" s="225">
        <v>217</v>
      </c>
      <c r="K39" s="226">
        <v>217</v>
      </c>
      <c r="L39" s="221">
        <v>0</v>
      </c>
      <c r="M39" s="222">
        <v>0</v>
      </c>
      <c r="N39" s="225">
        <v>0</v>
      </c>
      <c r="O39" s="223">
        <v>0</v>
      </c>
      <c r="P39" s="224">
        <v>3</v>
      </c>
      <c r="Q39" s="224">
        <v>51</v>
      </c>
      <c r="R39" s="224">
        <v>81</v>
      </c>
      <c r="S39" s="222">
        <v>77</v>
      </c>
      <c r="T39" s="225">
        <v>212</v>
      </c>
      <c r="U39" s="227">
        <v>212</v>
      </c>
      <c r="V39" s="228">
        <v>0</v>
      </c>
      <c r="W39" s="222">
        <v>0</v>
      </c>
      <c r="X39" s="225">
        <v>0</v>
      </c>
      <c r="Y39" s="228">
        <v>0</v>
      </c>
      <c r="Z39" s="224">
        <v>0</v>
      </c>
      <c r="AA39" s="224">
        <v>0</v>
      </c>
      <c r="AB39" s="224">
        <v>4</v>
      </c>
      <c r="AC39" s="222">
        <v>1</v>
      </c>
      <c r="AD39" s="225">
        <v>5</v>
      </c>
      <c r="AE39" s="229">
        <v>5</v>
      </c>
      <c r="AF39" s="228">
        <v>0</v>
      </c>
      <c r="AG39" s="222">
        <v>0</v>
      </c>
      <c r="AH39" s="225">
        <v>0</v>
      </c>
      <c r="AI39" s="228">
        <v>21</v>
      </c>
      <c r="AJ39" s="224">
        <v>29</v>
      </c>
      <c r="AK39" s="224">
        <v>37</v>
      </c>
      <c r="AL39" s="224">
        <v>32</v>
      </c>
      <c r="AM39" s="222">
        <v>19</v>
      </c>
      <c r="AN39" s="225">
        <v>138</v>
      </c>
      <c r="AO39" s="229">
        <v>138</v>
      </c>
      <c r="AP39" s="228">
        <v>0</v>
      </c>
      <c r="AQ39" s="222">
        <v>0</v>
      </c>
      <c r="AR39" s="225">
        <v>0</v>
      </c>
      <c r="AS39" s="223">
        <v>21</v>
      </c>
      <c r="AT39" s="224">
        <v>29</v>
      </c>
      <c r="AU39" s="224">
        <v>37</v>
      </c>
      <c r="AV39" s="224">
        <v>31</v>
      </c>
      <c r="AW39" s="222">
        <v>19</v>
      </c>
      <c r="AX39" s="225">
        <v>137</v>
      </c>
      <c r="AY39" s="226">
        <v>137</v>
      </c>
      <c r="AZ39" s="221">
        <v>0</v>
      </c>
      <c r="BA39" s="222">
        <v>0</v>
      </c>
      <c r="BB39" s="222">
        <v>0</v>
      </c>
      <c r="BC39" s="223">
        <v>0</v>
      </c>
      <c r="BD39" s="224">
        <v>0</v>
      </c>
      <c r="BE39" s="224">
        <v>0</v>
      </c>
      <c r="BF39" s="224">
        <v>1</v>
      </c>
      <c r="BG39" s="222">
        <v>0</v>
      </c>
      <c r="BH39" s="225">
        <v>1</v>
      </c>
      <c r="BI39" s="227">
        <v>1</v>
      </c>
      <c r="BJ39" s="228">
        <v>0</v>
      </c>
      <c r="BK39" s="222">
        <v>0</v>
      </c>
      <c r="BL39" s="222">
        <v>0</v>
      </c>
      <c r="BM39" s="223">
        <v>0</v>
      </c>
      <c r="BN39" s="224">
        <v>0</v>
      </c>
      <c r="BO39" s="224">
        <v>0</v>
      </c>
      <c r="BP39" s="224">
        <v>1</v>
      </c>
      <c r="BQ39" s="222">
        <v>1</v>
      </c>
      <c r="BR39" s="225">
        <v>2</v>
      </c>
      <c r="BS39" s="226">
        <v>2</v>
      </c>
      <c r="BT39" s="221">
        <v>0</v>
      </c>
      <c r="BU39" s="222">
        <v>0</v>
      </c>
      <c r="BV39" s="222">
        <v>0</v>
      </c>
      <c r="BW39" s="223">
        <v>0</v>
      </c>
      <c r="BX39" s="224">
        <v>0</v>
      </c>
      <c r="BY39" s="224">
        <v>0</v>
      </c>
      <c r="BZ39" s="224">
        <v>1</v>
      </c>
      <c r="CA39" s="222">
        <v>1</v>
      </c>
      <c r="CB39" s="225">
        <v>2</v>
      </c>
      <c r="CC39" s="227">
        <v>2</v>
      </c>
      <c r="CD39" s="228">
        <v>0</v>
      </c>
      <c r="CE39" s="222">
        <v>0</v>
      </c>
      <c r="CF39" s="222">
        <v>0</v>
      </c>
      <c r="CG39" s="223">
        <v>0</v>
      </c>
      <c r="CH39" s="224">
        <v>0</v>
      </c>
      <c r="CI39" s="224">
        <v>0</v>
      </c>
      <c r="CJ39" s="224">
        <v>0</v>
      </c>
      <c r="CK39" s="222">
        <v>0</v>
      </c>
      <c r="CL39" s="225">
        <v>0</v>
      </c>
      <c r="CM39" s="227">
        <v>0</v>
      </c>
      <c r="CN39" s="228">
        <v>0</v>
      </c>
      <c r="CO39" s="222">
        <v>0</v>
      </c>
      <c r="CP39" s="222">
        <v>0</v>
      </c>
      <c r="CQ39" s="223">
        <v>0</v>
      </c>
      <c r="CR39" s="224">
        <v>0</v>
      </c>
      <c r="CS39" s="224">
        <v>0</v>
      </c>
      <c r="CT39" s="224">
        <v>5</v>
      </c>
      <c r="CU39" s="222">
        <v>1</v>
      </c>
      <c r="CV39" s="225">
        <v>6</v>
      </c>
      <c r="CW39" s="226">
        <v>6</v>
      </c>
      <c r="CX39" s="221">
        <v>0</v>
      </c>
      <c r="CY39" s="222">
        <v>0</v>
      </c>
      <c r="CZ39" s="222">
        <v>0</v>
      </c>
      <c r="DA39" s="223">
        <v>0</v>
      </c>
      <c r="DB39" s="224">
        <v>0</v>
      </c>
      <c r="DC39" s="224">
        <v>0</v>
      </c>
      <c r="DD39" s="224">
        <v>4</v>
      </c>
      <c r="DE39" s="222">
        <v>1</v>
      </c>
      <c r="DF39" s="225">
        <v>5</v>
      </c>
      <c r="DG39" s="227">
        <v>5</v>
      </c>
      <c r="DH39" s="228">
        <v>0</v>
      </c>
      <c r="DI39" s="222">
        <v>0</v>
      </c>
      <c r="DJ39" s="222">
        <v>0</v>
      </c>
      <c r="DK39" s="223">
        <v>0</v>
      </c>
      <c r="DL39" s="224">
        <v>0</v>
      </c>
      <c r="DM39" s="224">
        <v>0</v>
      </c>
      <c r="DN39" s="224">
        <v>1</v>
      </c>
      <c r="DO39" s="222">
        <v>0</v>
      </c>
      <c r="DP39" s="225">
        <v>1</v>
      </c>
      <c r="DQ39" s="227">
        <v>1</v>
      </c>
      <c r="DR39" s="228">
        <v>0</v>
      </c>
      <c r="DS39" s="222">
        <v>0</v>
      </c>
      <c r="DT39" s="222">
        <v>0</v>
      </c>
      <c r="DU39" s="223">
        <v>21</v>
      </c>
      <c r="DV39" s="224">
        <v>32</v>
      </c>
      <c r="DW39" s="224">
        <v>87</v>
      </c>
      <c r="DX39" s="224">
        <v>123</v>
      </c>
      <c r="DY39" s="222">
        <v>99</v>
      </c>
      <c r="DZ39" s="225">
        <v>362</v>
      </c>
      <c r="EA39" s="227">
        <v>362</v>
      </c>
      <c r="EB39" s="37"/>
    </row>
    <row r="40" spans="1:132" ht="20.25" customHeight="1" thickBot="1" x14ac:dyDescent="0.25">
      <c r="A40" s="63" t="s">
        <v>37</v>
      </c>
      <c r="B40" s="230">
        <v>0</v>
      </c>
      <c r="C40" s="231">
        <v>0</v>
      </c>
      <c r="D40" s="231">
        <v>0</v>
      </c>
      <c r="E40" s="232">
        <v>0</v>
      </c>
      <c r="F40" s="233">
        <v>0</v>
      </c>
      <c r="G40" s="233">
        <v>8</v>
      </c>
      <c r="H40" s="233">
        <v>8</v>
      </c>
      <c r="I40" s="231">
        <v>6</v>
      </c>
      <c r="J40" s="234">
        <v>22</v>
      </c>
      <c r="K40" s="235">
        <v>22</v>
      </c>
      <c r="L40" s="230">
        <v>0</v>
      </c>
      <c r="M40" s="231">
        <v>0</v>
      </c>
      <c r="N40" s="234">
        <v>0</v>
      </c>
      <c r="O40" s="232">
        <v>0</v>
      </c>
      <c r="P40" s="233">
        <v>0</v>
      </c>
      <c r="Q40" s="233">
        <v>8</v>
      </c>
      <c r="R40" s="233">
        <v>8</v>
      </c>
      <c r="S40" s="231">
        <v>6</v>
      </c>
      <c r="T40" s="234">
        <v>22</v>
      </c>
      <c r="U40" s="236">
        <v>22</v>
      </c>
      <c r="V40" s="237">
        <v>0</v>
      </c>
      <c r="W40" s="231">
        <v>0</v>
      </c>
      <c r="X40" s="234">
        <v>0</v>
      </c>
      <c r="Y40" s="237">
        <v>0</v>
      </c>
      <c r="Z40" s="233">
        <v>0</v>
      </c>
      <c r="AA40" s="233">
        <v>0</v>
      </c>
      <c r="AB40" s="233">
        <v>0</v>
      </c>
      <c r="AC40" s="231">
        <v>0</v>
      </c>
      <c r="AD40" s="234">
        <v>0</v>
      </c>
      <c r="AE40" s="238">
        <v>0</v>
      </c>
      <c r="AF40" s="237">
        <v>0</v>
      </c>
      <c r="AG40" s="231">
        <v>0</v>
      </c>
      <c r="AH40" s="234">
        <v>0</v>
      </c>
      <c r="AI40" s="237">
        <v>2</v>
      </c>
      <c r="AJ40" s="233">
        <v>1</v>
      </c>
      <c r="AK40" s="233">
        <v>4</v>
      </c>
      <c r="AL40" s="233">
        <v>3</v>
      </c>
      <c r="AM40" s="231">
        <v>0</v>
      </c>
      <c r="AN40" s="234">
        <v>10</v>
      </c>
      <c r="AO40" s="238">
        <v>10</v>
      </c>
      <c r="AP40" s="237">
        <v>0</v>
      </c>
      <c r="AQ40" s="231">
        <v>0</v>
      </c>
      <c r="AR40" s="234">
        <v>0</v>
      </c>
      <c r="AS40" s="232">
        <v>2</v>
      </c>
      <c r="AT40" s="233">
        <v>1</v>
      </c>
      <c r="AU40" s="233">
        <v>4</v>
      </c>
      <c r="AV40" s="233">
        <v>3</v>
      </c>
      <c r="AW40" s="231">
        <v>0</v>
      </c>
      <c r="AX40" s="234">
        <v>10</v>
      </c>
      <c r="AY40" s="235">
        <v>10</v>
      </c>
      <c r="AZ40" s="230">
        <v>0</v>
      </c>
      <c r="BA40" s="231">
        <v>0</v>
      </c>
      <c r="BB40" s="231">
        <v>0</v>
      </c>
      <c r="BC40" s="232">
        <v>0</v>
      </c>
      <c r="BD40" s="233">
        <v>0</v>
      </c>
      <c r="BE40" s="233">
        <v>0</v>
      </c>
      <c r="BF40" s="233">
        <v>0</v>
      </c>
      <c r="BG40" s="231">
        <v>0</v>
      </c>
      <c r="BH40" s="234">
        <v>0</v>
      </c>
      <c r="BI40" s="236">
        <v>0</v>
      </c>
      <c r="BJ40" s="237">
        <v>0</v>
      </c>
      <c r="BK40" s="231">
        <v>0</v>
      </c>
      <c r="BL40" s="231">
        <v>0</v>
      </c>
      <c r="BM40" s="232">
        <v>0</v>
      </c>
      <c r="BN40" s="233">
        <v>0</v>
      </c>
      <c r="BO40" s="233">
        <v>0</v>
      </c>
      <c r="BP40" s="233">
        <v>1</v>
      </c>
      <c r="BQ40" s="231">
        <v>0</v>
      </c>
      <c r="BR40" s="234">
        <v>1</v>
      </c>
      <c r="BS40" s="235">
        <v>1</v>
      </c>
      <c r="BT40" s="230">
        <v>0</v>
      </c>
      <c r="BU40" s="231">
        <v>0</v>
      </c>
      <c r="BV40" s="231">
        <v>0</v>
      </c>
      <c r="BW40" s="232">
        <v>0</v>
      </c>
      <c r="BX40" s="233">
        <v>0</v>
      </c>
      <c r="BY40" s="233">
        <v>0</v>
      </c>
      <c r="BZ40" s="233">
        <v>1</v>
      </c>
      <c r="CA40" s="231">
        <v>0</v>
      </c>
      <c r="CB40" s="234">
        <v>1</v>
      </c>
      <c r="CC40" s="236">
        <v>1</v>
      </c>
      <c r="CD40" s="237">
        <v>0</v>
      </c>
      <c r="CE40" s="231">
        <v>0</v>
      </c>
      <c r="CF40" s="231">
        <v>0</v>
      </c>
      <c r="CG40" s="232">
        <v>0</v>
      </c>
      <c r="CH40" s="233">
        <v>0</v>
      </c>
      <c r="CI40" s="233">
        <v>0</v>
      </c>
      <c r="CJ40" s="233">
        <v>0</v>
      </c>
      <c r="CK40" s="231">
        <v>0</v>
      </c>
      <c r="CL40" s="234">
        <v>0</v>
      </c>
      <c r="CM40" s="236">
        <v>0</v>
      </c>
      <c r="CN40" s="237">
        <v>0</v>
      </c>
      <c r="CO40" s="231">
        <v>0</v>
      </c>
      <c r="CP40" s="231">
        <v>0</v>
      </c>
      <c r="CQ40" s="232">
        <v>0</v>
      </c>
      <c r="CR40" s="233">
        <v>0</v>
      </c>
      <c r="CS40" s="233">
        <v>0</v>
      </c>
      <c r="CT40" s="233">
        <v>0</v>
      </c>
      <c r="CU40" s="231">
        <v>1</v>
      </c>
      <c r="CV40" s="234">
        <v>1</v>
      </c>
      <c r="CW40" s="235">
        <v>1</v>
      </c>
      <c r="CX40" s="230">
        <v>0</v>
      </c>
      <c r="CY40" s="231">
        <v>0</v>
      </c>
      <c r="CZ40" s="231">
        <v>0</v>
      </c>
      <c r="DA40" s="232">
        <v>0</v>
      </c>
      <c r="DB40" s="233">
        <v>0</v>
      </c>
      <c r="DC40" s="233">
        <v>0</v>
      </c>
      <c r="DD40" s="233">
        <v>0</v>
      </c>
      <c r="DE40" s="231">
        <v>1</v>
      </c>
      <c r="DF40" s="234">
        <v>1</v>
      </c>
      <c r="DG40" s="236">
        <v>1</v>
      </c>
      <c r="DH40" s="237">
        <v>0</v>
      </c>
      <c r="DI40" s="231">
        <v>0</v>
      </c>
      <c r="DJ40" s="231">
        <v>0</v>
      </c>
      <c r="DK40" s="232">
        <v>0</v>
      </c>
      <c r="DL40" s="233">
        <v>0</v>
      </c>
      <c r="DM40" s="233">
        <v>0</v>
      </c>
      <c r="DN40" s="233">
        <v>0</v>
      </c>
      <c r="DO40" s="231">
        <v>0</v>
      </c>
      <c r="DP40" s="234">
        <v>0</v>
      </c>
      <c r="DQ40" s="236">
        <v>0</v>
      </c>
      <c r="DR40" s="237">
        <v>0</v>
      </c>
      <c r="DS40" s="231">
        <v>0</v>
      </c>
      <c r="DT40" s="231">
        <v>0</v>
      </c>
      <c r="DU40" s="232">
        <v>2</v>
      </c>
      <c r="DV40" s="233">
        <v>1</v>
      </c>
      <c r="DW40" s="233">
        <v>12</v>
      </c>
      <c r="DX40" s="233">
        <v>12</v>
      </c>
      <c r="DY40" s="231">
        <v>7</v>
      </c>
      <c r="DZ40" s="234">
        <v>34</v>
      </c>
      <c r="EA40" s="236">
        <v>34</v>
      </c>
      <c r="EB40" s="37"/>
    </row>
    <row r="41" spans="1:132" x14ac:dyDescent="0.2">
      <c r="B41" s="38"/>
      <c r="C41" s="38"/>
      <c r="D41" s="38"/>
      <c r="E41" s="38"/>
      <c r="F41" s="38"/>
      <c r="G41" s="38"/>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7"/>
      <c r="AG41" s="37"/>
      <c r="AH41" s="37"/>
      <c r="AI41" s="37"/>
      <c r="AJ41" s="37"/>
      <c r="AK41" s="37"/>
      <c r="AL41" s="37"/>
      <c r="AM41" s="37"/>
      <c r="AN41" s="37"/>
      <c r="AO41" s="37"/>
      <c r="AP41" s="37"/>
      <c r="AQ41" s="37"/>
      <c r="AR41" s="37"/>
      <c r="AS41" s="37"/>
      <c r="AT41" s="37"/>
      <c r="AU41" s="37"/>
      <c r="AV41" s="37"/>
      <c r="AW41" s="37"/>
      <c r="AX41" s="37"/>
      <c r="AY41" s="37"/>
      <c r="AZ41" s="37"/>
      <c r="BA41" s="37"/>
      <c r="BB41" s="37"/>
      <c r="BC41" s="37"/>
      <c r="BD41" s="37"/>
      <c r="BE41" s="37"/>
      <c r="BF41" s="37"/>
      <c r="BG41" s="37"/>
      <c r="BH41" s="37"/>
      <c r="BI41" s="37"/>
      <c r="BJ41" s="37"/>
      <c r="BK41" s="37"/>
      <c r="BL41" s="37"/>
      <c r="BM41" s="37"/>
      <c r="BN41" s="37"/>
      <c r="BO41" s="37"/>
      <c r="BP41" s="37"/>
      <c r="BQ41" s="37"/>
      <c r="BR41" s="37"/>
      <c r="BS41" s="37"/>
      <c r="BT41" s="37"/>
      <c r="BU41" s="37"/>
      <c r="BV41" s="37"/>
      <c r="BW41" s="37"/>
      <c r="BX41" s="37"/>
      <c r="BY41" s="37"/>
      <c r="BZ41" s="37"/>
      <c r="CA41" s="37"/>
      <c r="CB41" s="37"/>
      <c r="CC41" s="37"/>
      <c r="CD41" s="37"/>
      <c r="CE41" s="37"/>
      <c r="CF41" s="37"/>
      <c r="CG41" s="37"/>
      <c r="CH41" s="37"/>
      <c r="CI41" s="37"/>
      <c r="CJ41" s="37"/>
      <c r="CK41" s="37"/>
      <c r="CL41" s="37"/>
      <c r="CM41" s="37"/>
      <c r="CN41" s="37"/>
      <c r="CO41" s="37"/>
      <c r="CP41" s="37"/>
      <c r="CQ41" s="37"/>
      <c r="CR41" s="37"/>
      <c r="CS41" s="37"/>
      <c r="CT41" s="37"/>
      <c r="CU41" s="37"/>
      <c r="CV41" s="37"/>
      <c r="CW41" s="37"/>
      <c r="CX41" s="37"/>
      <c r="CY41" s="37"/>
      <c r="CZ41" s="37"/>
      <c r="DA41" s="37"/>
      <c r="DB41" s="37"/>
      <c r="DC41" s="37"/>
      <c r="DD41" s="37"/>
      <c r="DE41" s="37"/>
      <c r="DF41" s="37"/>
      <c r="DG41" s="37"/>
      <c r="DH41" s="37"/>
      <c r="DI41" s="37"/>
      <c r="DJ41" s="37"/>
      <c r="DK41" s="37"/>
      <c r="DL41" s="37"/>
      <c r="DM41" s="37"/>
      <c r="DN41" s="37"/>
      <c r="DO41" s="37"/>
      <c r="DP41" s="37"/>
      <c r="DQ41" s="37"/>
      <c r="DR41" s="37"/>
      <c r="DS41" s="37"/>
      <c r="DT41" s="37"/>
      <c r="DU41" s="37"/>
      <c r="DV41" s="37"/>
      <c r="DW41" s="37"/>
      <c r="DX41" s="37"/>
      <c r="DY41" s="37"/>
      <c r="DZ41" s="37"/>
      <c r="EA41" s="37"/>
      <c r="EB41" s="37"/>
    </row>
    <row r="42" spans="1:132" x14ac:dyDescent="0.2">
      <c r="B42" s="38"/>
      <c r="C42" s="38"/>
      <c r="D42" s="38"/>
      <c r="E42" s="38"/>
      <c r="F42" s="38"/>
      <c r="G42" s="38"/>
      <c r="H42" s="38"/>
      <c r="I42" s="38"/>
      <c r="J42" s="38"/>
      <c r="K42" s="38"/>
      <c r="L42" s="38"/>
      <c r="M42" s="38"/>
      <c r="N42" s="38"/>
      <c r="O42" s="38"/>
      <c r="P42" s="38"/>
      <c r="Q42" s="38"/>
      <c r="R42" s="38"/>
      <c r="S42" s="38"/>
      <c r="T42" s="38"/>
      <c r="U42" s="38"/>
      <c r="V42" s="38"/>
      <c r="W42" s="38"/>
      <c r="X42" s="38"/>
      <c r="Y42" s="38"/>
      <c r="Z42" s="38"/>
      <c r="AA42" s="38"/>
      <c r="AB42" s="38"/>
      <c r="AC42" s="38"/>
      <c r="AD42" s="38"/>
      <c r="AE42" s="38"/>
      <c r="AF42" s="37"/>
      <c r="AG42" s="37"/>
      <c r="AH42" s="37"/>
      <c r="AI42" s="37"/>
      <c r="AJ42" s="37"/>
      <c r="AK42" s="37"/>
      <c r="AL42" s="37"/>
      <c r="AM42" s="37"/>
      <c r="AN42" s="37"/>
      <c r="AO42" s="37"/>
      <c r="AP42" s="37"/>
      <c r="AQ42" s="37"/>
      <c r="AR42" s="37"/>
      <c r="AS42" s="37"/>
      <c r="AT42" s="37"/>
      <c r="AU42" s="37"/>
      <c r="AV42" s="37"/>
      <c r="AW42" s="37"/>
      <c r="AX42" s="37"/>
      <c r="AY42" s="37"/>
      <c r="AZ42" s="37"/>
      <c r="BA42" s="37"/>
      <c r="BB42" s="37"/>
      <c r="BC42" s="37"/>
      <c r="BD42" s="37"/>
      <c r="BE42" s="37"/>
      <c r="BF42" s="37"/>
      <c r="BG42" s="37"/>
      <c r="BH42" s="37"/>
      <c r="BI42" s="37"/>
      <c r="BJ42" s="37"/>
      <c r="BK42" s="37"/>
      <c r="BL42" s="37"/>
      <c r="BM42" s="37"/>
      <c r="BN42" s="37"/>
      <c r="BO42" s="37"/>
      <c r="BP42" s="37"/>
      <c r="BQ42" s="37"/>
      <c r="BR42" s="37"/>
      <c r="BS42" s="37"/>
      <c r="BT42" s="37"/>
      <c r="BU42" s="37"/>
      <c r="BV42" s="37"/>
      <c r="BW42" s="37"/>
      <c r="BX42" s="37"/>
      <c r="BY42" s="37"/>
      <c r="BZ42" s="37"/>
      <c r="CA42" s="37"/>
      <c r="CB42" s="37"/>
      <c r="CC42" s="37"/>
      <c r="CD42" s="37"/>
      <c r="CE42" s="37"/>
      <c r="CF42" s="37"/>
      <c r="CG42" s="37"/>
      <c r="CH42" s="37"/>
      <c r="CI42" s="37"/>
      <c r="CJ42" s="37"/>
      <c r="CK42" s="37"/>
      <c r="CL42" s="37"/>
      <c r="CM42" s="37"/>
      <c r="CN42" s="37"/>
      <c r="CO42" s="37"/>
      <c r="CP42" s="37"/>
      <c r="CQ42" s="37"/>
      <c r="CR42" s="37"/>
      <c r="CS42" s="37"/>
      <c r="CT42" s="37"/>
      <c r="CU42" s="37"/>
      <c r="CV42" s="37"/>
      <c r="CW42" s="37"/>
      <c r="CX42" s="37"/>
      <c r="CY42" s="37"/>
      <c r="CZ42" s="37"/>
      <c r="DA42" s="37"/>
      <c r="DB42" s="37"/>
      <c r="DC42" s="37"/>
      <c r="DD42" s="37"/>
      <c r="DE42" s="37"/>
      <c r="DF42" s="37"/>
      <c r="DG42" s="37"/>
      <c r="DH42" s="37"/>
      <c r="DI42" s="37"/>
      <c r="DJ42" s="37"/>
      <c r="DK42" s="37"/>
      <c r="DL42" s="37"/>
      <c r="DM42" s="37"/>
      <c r="DN42" s="37"/>
      <c r="DO42" s="37"/>
      <c r="DP42" s="37"/>
      <c r="DQ42" s="37"/>
      <c r="DR42" s="37"/>
      <c r="DS42" s="37"/>
      <c r="DT42" s="37"/>
      <c r="DU42" s="37"/>
      <c r="DV42" s="37"/>
      <c r="DW42" s="37"/>
      <c r="DX42" s="37"/>
      <c r="DY42" s="37"/>
      <c r="DZ42" s="37"/>
      <c r="EA42" s="37"/>
      <c r="EB42" s="37"/>
    </row>
    <row r="43" spans="1:132" x14ac:dyDescent="0.2">
      <c r="B43" s="38"/>
      <c r="C43" s="38"/>
      <c r="D43" s="38"/>
      <c r="E43" s="38"/>
      <c r="F43" s="38"/>
      <c r="G43" s="38"/>
      <c r="H43" s="38"/>
      <c r="I43" s="38"/>
      <c r="J43" s="38"/>
      <c r="K43" s="38"/>
      <c r="L43" s="38"/>
      <c r="M43" s="38"/>
      <c r="N43" s="38"/>
      <c r="O43" s="38"/>
      <c r="P43" s="38"/>
      <c r="Q43" s="38"/>
      <c r="R43" s="38"/>
      <c r="S43" s="38"/>
      <c r="T43" s="38"/>
      <c r="U43" s="38"/>
      <c r="V43" s="38"/>
      <c r="W43" s="38"/>
      <c r="X43" s="38"/>
      <c r="Y43" s="38"/>
      <c r="Z43" s="38"/>
      <c r="AA43" s="38"/>
      <c r="AB43" s="38"/>
      <c r="AC43" s="38"/>
      <c r="AD43" s="38"/>
      <c r="AE43" s="38"/>
      <c r="AF43" s="37"/>
      <c r="AG43" s="37"/>
      <c r="AH43" s="37"/>
      <c r="AI43" s="37"/>
      <c r="AJ43" s="37"/>
      <c r="AK43" s="37"/>
      <c r="AL43" s="37"/>
      <c r="AM43" s="37"/>
      <c r="AN43" s="37"/>
      <c r="AO43" s="37"/>
      <c r="AP43" s="37"/>
      <c r="AQ43" s="37"/>
      <c r="AR43" s="37"/>
      <c r="AS43" s="37"/>
      <c r="AT43" s="37"/>
      <c r="AU43" s="37"/>
      <c r="AV43" s="37"/>
      <c r="AW43" s="37"/>
      <c r="AX43" s="37"/>
      <c r="AY43" s="37"/>
      <c r="AZ43" s="37"/>
      <c r="BA43" s="37"/>
      <c r="BB43" s="37"/>
      <c r="BC43" s="37"/>
      <c r="BD43" s="37"/>
      <c r="BE43" s="37"/>
      <c r="BF43" s="37"/>
      <c r="BG43" s="37"/>
      <c r="BH43" s="37"/>
      <c r="BI43" s="37"/>
      <c r="BJ43" s="37"/>
      <c r="BK43" s="37"/>
      <c r="BL43" s="37"/>
      <c r="BM43" s="37"/>
      <c r="BN43" s="37"/>
      <c r="BO43" s="37"/>
      <c r="BP43" s="37"/>
      <c r="BQ43" s="37"/>
      <c r="BR43" s="37"/>
      <c r="BS43" s="37"/>
      <c r="BT43" s="37"/>
      <c r="BU43" s="37"/>
      <c r="BV43" s="37"/>
      <c r="BW43" s="37"/>
      <c r="BX43" s="37"/>
      <c r="BY43" s="37"/>
      <c r="BZ43" s="37"/>
      <c r="CA43" s="37"/>
      <c r="CB43" s="37"/>
      <c r="CC43" s="37"/>
      <c r="CD43" s="37"/>
      <c r="CE43" s="37"/>
      <c r="CF43" s="37"/>
      <c r="CG43" s="37"/>
      <c r="CH43" s="37"/>
      <c r="CI43" s="37"/>
      <c r="CJ43" s="37"/>
      <c r="CK43" s="37"/>
      <c r="CL43" s="37"/>
      <c r="CM43" s="37"/>
      <c r="CN43" s="37"/>
      <c r="CO43" s="37"/>
      <c r="CP43" s="37"/>
      <c r="CQ43" s="37"/>
      <c r="CR43" s="37"/>
      <c r="CS43" s="37"/>
      <c r="CT43" s="37"/>
      <c r="CU43" s="37"/>
      <c r="CV43" s="37"/>
      <c r="CW43" s="37"/>
      <c r="CX43" s="37"/>
      <c r="CY43" s="37"/>
      <c r="CZ43" s="37"/>
      <c r="DA43" s="37"/>
      <c r="DB43" s="37"/>
      <c r="DC43" s="37"/>
      <c r="DD43" s="37"/>
      <c r="DE43" s="37"/>
      <c r="DF43" s="37"/>
      <c r="DG43" s="37"/>
      <c r="DH43" s="37"/>
      <c r="DI43" s="37"/>
      <c r="DJ43" s="37"/>
      <c r="DK43" s="37"/>
      <c r="DL43" s="37"/>
      <c r="DM43" s="37"/>
      <c r="DN43" s="37"/>
      <c r="DO43" s="37"/>
      <c r="DP43" s="37"/>
      <c r="DQ43" s="37"/>
      <c r="DR43" s="37"/>
      <c r="DS43" s="37"/>
      <c r="DT43" s="37"/>
      <c r="DU43" s="37"/>
      <c r="DV43" s="37"/>
      <c r="DW43" s="37"/>
      <c r="DX43" s="37"/>
      <c r="DY43" s="37"/>
      <c r="DZ43" s="37"/>
      <c r="EA43" s="37"/>
      <c r="EB43" s="37"/>
    </row>
    <row r="44" spans="1:132" x14ac:dyDescent="0.2">
      <c r="B44" s="38"/>
      <c r="C44" s="38"/>
      <c r="D44" s="38"/>
      <c r="E44" s="38"/>
      <c r="F44" s="38"/>
      <c r="G44" s="38"/>
      <c r="H44" s="38"/>
      <c r="I44" s="38"/>
      <c r="J44" s="38"/>
      <c r="K44" s="38"/>
      <c r="L44" s="38"/>
      <c r="M44" s="38"/>
      <c r="N44" s="38"/>
      <c r="O44" s="38"/>
      <c r="P44" s="38"/>
      <c r="Q44" s="38"/>
      <c r="R44" s="38"/>
      <c r="S44" s="38"/>
      <c r="T44" s="38"/>
      <c r="U44" s="38"/>
      <c r="V44" s="38"/>
      <c r="W44" s="38"/>
      <c r="X44" s="38"/>
      <c r="Y44" s="38"/>
      <c r="Z44" s="38"/>
      <c r="AA44" s="38"/>
      <c r="AB44" s="38"/>
      <c r="AC44" s="38"/>
      <c r="AD44" s="38"/>
      <c r="AE44" s="38"/>
      <c r="AF44" s="37"/>
      <c r="AG44" s="37"/>
      <c r="AH44" s="37"/>
      <c r="AI44" s="37"/>
      <c r="AJ44" s="37"/>
      <c r="AK44" s="37"/>
      <c r="AL44" s="37"/>
      <c r="AM44" s="37"/>
      <c r="AN44" s="37"/>
      <c r="AO44" s="37"/>
      <c r="AP44" s="37"/>
      <c r="AQ44" s="37"/>
      <c r="AR44" s="37"/>
      <c r="AS44" s="37"/>
      <c r="AT44" s="37"/>
      <c r="AU44" s="37"/>
      <c r="AV44" s="37"/>
      <c r="AW44" s="37"/>
      <c r="AX44" s="37"/>
      <c r="AY44" s="37"/>
      <c r="AZ44" s="37"/>
      <c r="BA44" s="37"/>
      <c r="BB44" s="37"/>
      <c r="BC44" s="37"/>
      <c r="BD44" s="37"/>
      <c r="BE44" s="37"/>
      <c r="BF44" s="37"/>
      <c r="BG44" s="37"/>
      <c r="BH44" s="37"/>
      <c r="BI44" s="37"/>
      <c r="BJ44" s="37"/>
      <c r="BK44" s="37"/>
      <c r="BL44" s="37"/>
      <c r="BM44" s="37"/>
      <c r="BN44" s="37"/>
      <c r="BO44" s="37"/>
      <c r="BP44" s="37"/>
      <c r="BQ44" s="37"/>
      <c r="BR44" s="37"/>
      <c r="BS44" s="37"/>
      <c r="BT44" s="37"/>
      <c r="BU44" s="37"/>
      <c r="BV44" s="37"/>
      <c r="BW44" s="37"/>
      <c r="BX44" s="37"/>
      <c r="BY44" s="37"/>
      <c r="BZ44" s="37"/>
      <c r="CA44" s="37"/>
      <c r="CB44" s="37"/>
      <c r="CC44" s="37"/>
      <c r="CD44" s="37"/>
      <c r="CE44" s="37"/>
      <c r="CF44" s="37"/>
      <c r="CG44" s="37"/>
      <c r="CH44" s="37"/>
      <c r="CI44" s="37"/>
      <c r="CJ44" s="37"/>
      <c r="CK44" s="37"/>
      <c r="CL44" s="37"/>
      <c r="CM44" s="37"/>
      <c r="CN44" s="37"/>
      <c r="CO44" s="37"/>
      <c r="CP44" s="37"/>
      <c r="CQ44" s="37"/>
      <c r="CR44" s="37"/>
      <c r="CS44" s="37"/>
      <c r="CT44" s="37"/>
      <c r="CU44" s="37"/>
      <c r="CV44" s="37"/>
      <c r="CW44" s="37"/>
      <c r="CX44" s="37"/>
      <c r="CY44" s="37"/>
      <c r="CZ44" s="37"/>
      <c r="DA44" s="37"/>
      <c r="DB44" s="37"/>
      <c r="DC44" s="37"/>
      <c r="DD44" s="37"/>
      <c r="DE44" s="37"/>
      <c r="DF44" s="37"/>
      <c r="DG44" s="37"/>
      <c r="DH44" s="37"/>
      <c r="DI44" s="37"/>
      <c r="DJ44" s="37"/>
      <c r="DK44" s="37"/>
      <c r="DL44" s="37"/>
      <c r="DM44" s="37"/>
      <c r="DN44" s="37"/>
      <c r="DO44" s="37"/>
      <c r="DP44" s="37"/>
      <c r="DQ44" s="37"/>
      <c r="DR44" s="37"/>
      <c r="DS44" s="37"/>
      <c r="DT44" s="37"/>
      <c r="DU44" s="37"/>
      <c r="DV44" s="37"/>
      <c r="DW44" s="37"/>
      <c r="DX44" s="37"/>
      <c r="DY44" s="37"/>
      <c r="DZ44" s="37"/>
      <c r="EA44" s="37"/>
      <c r="EB44" s="37"/>
    </row>
    <row r="45" spans="1:132" x14ac:dyDescent="0.2">
      <c r="B45" s="38"/>
      <c r="C45" s="38"/>
      <c r="D45" s="38"/>
      <c r="E45" s="38"/>
      <c r="F45" s="38"/>
      <c r="G45" s="38"/>
      <c r="H45" s="38"/>
      <c r="I45" s="38"/>
      <c r="J45" s="38"/>
      <c r="K45" s="38"/>
      <c r="L45" s="38"/>
      <c r="M45" s="38"/>
      <c r="N45" s="38"/>
      <c r="O45" s="38"/>
      <c r="P45" s="38"/>
      <c r="Q45" s="38"/>
      <c r="R45" s="38"/>
      <c r="S45" s="38"/>
      <c r="T45" s="38"/>
      <c r="U45" s="38"/>
      <c r="V45" s="38"/>
      <c r="W45" s="38"/>
      <c r="X45" s="38"/>
      <c r="Y45" s="38"/>
      <c r="Z45" s="38"/>
      <c r="AA45" s="38"/>
      <c r="AB45" s="38"/>
      <c r="AC45" s="38"/>
      <c r="AD45" s="38"/>
      <c r="AE45" s="38"/>
      <c r="AF45" s="37"/>
      <c r="AG45" s="37"/>
      <c r="AH45" s="37"/>
      <c r="AI45" s="37"/>
      <c r="AJ45" s="37"/>
      <c r="AK45" s="37"/>
      <c r="AL45" s="37"/>
      <c r="AM45" s="37"/>
      <c r="AN45" s="37"/>
      <c r="AO45" s="37"/>
      <c r="AP45" s="37"/>
      <c r="AQ45" s="37"/>
      <c r="AR45" s="37"/>
      <c r="AS45" s="37"/>
      <c r="AT45" s="37"/>
      <c r="AU45" s="37"/>
      <c r="AV45" s="37"/>
      <c r="AW45" s="37"/>
      <c r="AX45" s="37"/>
      <c r="AY45" s="37"/>
      <c r="AZ45" s="37"/>
      <c r="BA45" s="37"/>
      <c r="BB45" s="37"/>
      <c r="BC45" s="37"/>
      <c r="BD45" s="37"/>
      <c r="BE45" s="37"/>
      <c r="BF45" s="37"/>
      <c r="BG45" s="37"/>
      <c r="BH45" s="37"/>
      <c r="BI45" s="37"/>
      <c r="BJ45" s="37"/>
      <c r="BK45" s="37"/>
      <c r="BL45" s="37"/>
      <c r="BM45" s="37"/>
      <c r="BN45" s="37"/>
      <c r="BO45" s="37"/>
      <c r="BP45" s="37"/>
      <c r="BQ45" s="37"/>
      <c r="BR45" s="37"/>
      <c r="BS45" s="37"/>
      <c r="BT45" s="37"/>
      <c r="BU45" s="37"/>
      <c r="BV45" s="37"/>
      <c r="BW45" s="37"/>
      <c r="BX45" s="37"/>
      <c r="BY45" s="37"/>
      <c r="BZ45" s="37"/>
      <c r="CA45" s="37"/>
      <c r="CB45" s="37"/>
      <c r="CC45" s="37"/>
      <c r="CD45" s="37"/>
      <c r="CE45" s="37"/>
      <c r="CF45" s="37"/>
      <c r="CG45" s="37"/>
      <c r="CH45" s="37"/>
      <c r="CI45" s="37"/>
      <c r="CJ45" s="37"/>
      <c r="CK45" s="37"/>
      <c r="CL45" s="37"/>
      <c r="CM45" s="37"/>
      <c r="CN45" s="37"/>
      <c r="CO45" s="37"/>
      <c r="CP45" s="37"/>
      <c r="CQ45" s="37"/>
      <c r="CR45" s="37"/>
      <c r="CS45" s="37"/>
      <c r="CT45" s="37"/>
      <c r="CU45" s="37"/>
      <c r="CV45" s="37"/>
      <c r="CW45" s="37"/>
      <c r="CX45" s="37"/>
      <c r="CY45" s="37"/>
      <c r="CZ45" s="37"/>
      <c r="DA45" s="37"/>
      <c r="DB45" s="37"/>
      <c r="DC45" s="37"/>
      <c r="DD45" s="37"/>
      <c r="DE45" s="37"/>
      <c r="DF45" s="37"/>
      <c r="DG45" s="37"/>
      <c r="DH45" s="37"/>
      <c r="DI45" s="37"/>
      <c r="DJ45" s="37"/>
      <c r="DK45" s="37"/>
      <c r="DL45" s="37"/>
      <c r="DM45" s="37"/>
      <c r="DN45" s="37"/>
      <c r="DO45" s="37"/>
      <c r="DP45" s="37"/>
      <c r="DQ45" s="37"/>
      <c r="DR45" s="37"/>
      <c r="DS45" s="37"/>
      <c r="DT45" s="37"/>
      <c r="DU45" s="37"/>
      <c r="DV45" s="37"/>
      <c r="DW45" s="37"/>
      <c r="DX45" s="37"/>
      <c r="DY45" s="37"/>
      <c r="DZ45" s="37"/>
      <c r="EA45" s="37"/>
      <c r="EB45" s="37"/>
    </row>
    <row r="46" spans="1:132" x14ac:dyDescent="0.2">
      <c r="B46" s="3"/>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row>
    <row r="47" spans="1:132" x14ac:dyDescent="0.2">
      <c r="B47" s="3"/>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row>
    <row r="48" spans="1:132" x14ac:dyDescent="0.2">
      <c r="B48" s="3"/>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row>
    <row r="49" spans="2:31" x14ac:dyDescent="0.2">
      <c r="B49" s="3"/>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row>
    <row r="50" spans="2:31" x14ac:dyDescent="0.2">
      <c r="B50" s="3"/>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row>
    <row r="51" spans="2:31" x14ac:dyDescent="0.2">
      <c r="B51" s="3"/>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row>
    <row r="52" spans="2:31" x14ac:dyDescent="0.2">
      <c r="B52" s="3"/>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row>
    <row r="53" spans="2:31" x14ac:dyDescent="0.2">
      <c r="B53" s="3"/>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row>
    <row r="54" spans="2:31" x14ac:dyDescent="0.2">
      <c r="B54" s="3"/>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row>
    <row r="55" spans="2:31" x14ac:dyDescent="0.2">
      <c r="B55" s="3"/>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row>
    <row r="56" spans="2:31" x14ac:dyDescent="0.2">
      <c r="B56" s="3"/>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row>
    <row r="57" spans="2:31" x14ac:dyDescent="0.2">
      <c r="B57" s="3"/>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row>
    <row r="58" spans="2:31" x14ac:dyDescent="0.2">
      <c r="B58" s="3"/>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row>
    <row r="59" spans="2:31" x14ac:dyDescent="0.2">
      <c r="B59" s="3"/>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row>
    <row r="60" spans="2:31" x14ac:dyDescent="0.2">
      <c r="B60" s="3"/>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row>
    <row r="61" spans="2:31" x14ac:dyDescent="0.2">
      <c r="B61" s="3"/>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row>
    <row r="62" spans="2:31" x14ac:dyDescent="0.2">
      <c r="B62" s="3"/>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row>
    <row r="63" spans="2:31" x14ac:dyDescent="0.2">
      <c r="B63" s="3"/>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row>
    <row r="64" spans="2:31" x14ac:dyDescent="0.2">
      <c r="B64" s="3"/>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row>
    <row r="65" spans="2:31" x14ac:dyDescent="0.2">
      <c r="B65" s="3"/>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row>
    <row r="66" spans="2:31" x14ac:dyDescent="0.2">
      <c r="B66" s="3"/>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row>
    <row r="67" spans="2:31" x14ac:dyDescent="0.2">
      <c r="B67" s="3"/>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row>
    <row r="68" spans="2:31" x14ac:dyDescent="0.2">
      <c r="B68" s="3"/>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row>
    <row r="69" spans="2:31" x14ac:dyDescent="0.2">
      <c r="B69" s="3"/>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row>
    <row r="70" spans="2:31" x14ac:dyDescent="0.2">
      <c r="B70" s="3"/>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row>
    <row r="71" spans="2:31" x14ac:dyDescent="0.2">
      <c r="B71" s="3"/>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row>
    <row r="72" spans="2:31" x14ac:dyDescent="0.2">
      <c r="B72" s="3"/>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row>
    <row r="73" spans="2:31" x14ac:dyDescent="0.2">
      <c r="B73" s="3"/>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row>
    <row r="74" spans="2:31" x14ac:dyDescent="0.2">
      <c r="B74" s="3"/>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row>
    <row r="75" spans="2:31" x14ac:dyDescent="0.2">
      <c r="B75" s="3"/>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row>
    <row r="76" spans="2:31" x14ac:dyDescent="0.2">
      <c r="B76" s="3"/>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row>
    <row r="77" spans="2:31" x14ac:dyDescent="0.2">
      <c r="B77" s="3"/>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row>
    <row r="78" spans="2:31" x14ac:dyDescent="0.2">
      <c r="B78" s="3"/>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row>
    <row r="79" spans="2:31" x14ac:dyDescent="0.2">
      <c r="B79" s="3"/>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row>
    <row r="80" spans="2:31" x14ac:dyDescent="0.2">
      <c r="B80" s="3"/>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row>
    <row r="81" spans="2:31" x14ac:dyDescent="0.2">
      <c r="B81" s="3"/>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row>
    <row r="82" spans="2:31" x14ac:dyDescent="0.2">
      <c r="B82" s="3"/>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row>
    <row r="83" spans="2:31" x14ac:dyDescent="0.2">
      <c r="B83" s="3"/>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row>
    <row r="84" spans="2:31" x14ac:dyDescent="0.2">
      <c r="B84" s="3"/>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row>
    <row r="85" spans="2:31" x14ac:dyDescent="0.2">
      <c r="B85" s="3"/>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row>
    <row r="86" spans="2:31" x14ac:dyDescent="0.2">
      <c r="B86" s="3"/>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row>
    <row r="87" spans="2:31" x14ac:dyDescent="0.2">
      <c r="B87" s="3"/>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row>
    <row r="88" spans="2:31" x14ac:dyDescent="0.2">
      <c r="B88" s="3"/>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row>
    <row r="89" spans="2:31" x14ac:dyDescent="0.2">
      <c r="B89" s="3"/>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row>
    <row r="90" spans="2:31" x14ac:dyDescent="0.2">
      <c r="B90" s="3"/>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row>
    <row r="91" spans="2:31" x14ac:dyDescent="0.2">
      <c r="B91" s="3"/>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row>
    <row r="92" spans="2:31" x14ac:dyDescent="0.2">
      <c r="B92" s="3"/>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row>
    <row r="93" spans="2:31" x14ac:dyDescent="0.2">
      <c r="B93" s="3"/>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row>
    <row r="94" spans="2:31" x14ac:dyDescent="0.2">
      <c r="B94" s="3"/>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row>
    <row r="95" spans="2:31" x14ac:dyDescent="0.2">
      <c r="B95" s="3"/>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row>
    <row r="96" spans="2:31" x14ac:dyDescent="0.2">
      <c r="B96" s="3"/>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row>
    <row r="97" spans="2:31" x14ac:dyDescent="0.2">
      <c r="B97" s="3"/>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row>
    <row r="98" spans="2:31" x14ac:dyDescent="0.2">
      <c r="B98" s="3"/>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row>
    <row r="99" spans="2:31" x14ac:dyDescent="0.2">
      <c r="B99" s="3"/>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row>
    <row r="100" spans="2:31" x14ac:dyDescent="0.2">
      <c r="B100" s="3"/>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row>
    <row r="101" spans="2:31" x14ac:dyDescent="0.2">
      <c r="B101" s="3"/>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row>
    <row r="102" spans="2:31" x14ac:dyDescent="0.2">
      <c r="B102" s="3"/>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row>
    <row r="103" spans="2:31" x14ac:dyDescent="0.2">
      <c r="B103" s="3"/>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row>
    <row r="104" spans="2:31" x14ac:dyDescent="0.2">
      <c r="B104" s="3"/>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row>
    <row r="105" spans="2:31" x14ac:dyDescent="0.2">
      <c r="B105" s="3"/>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row>
    <row r="106" spans="2:31" x14ac:dyDescent="0.2">
      <c r="B106" s="3"/>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row>
    <row r="107" spans="2:31" x14ac:dyDescent="0.2">
      <c r="B107" s="3"/>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row>
    <row r="108" spans="2:31" x14ac:dyDescent="0.2">
      <c r="B108" s="3"/>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row>
    <row r="109" spans="2:31" x14ac:dyDescent="0.2">
      <c r="B109" s="3"/>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row>
    <row r="110" spans="2:31" x14ac:dyDescent="0.2">
      <c r="B110" s="3"/>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row>
    <row r="111" spans="2:31" x14ac:dyDescent="0.2">
      <c r="B111" s="3"/>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row>
    <row r="112" spans="2:31" x14ac:dyDescent="0.2">
      <c r="B112" s="3"/>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row>
    <row r="113" spans="2:31" x14ac:dyDescent="0.2">
      <c r="B113" s="3"/>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row>
    <row r="114" spans="2:31" x14ac:dyDescent="0.2">
      <c r="B114" s="3"/>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row>
    <row r="115" spans="2:31" x14ac:dyDescent="0.2">
      <c r="B115" s="3"/>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row>
    <row r="116" spans="2:31" x14ac:dyDescent="0.2">
      <c r="B116" s="3"/>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row>
    <row r="117" spans="2:31" x14ac:dyDescent="0.2">
      <c r="B117" s="3"/>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row>
    <row r="118" spans="2:31" x14ac:dyDescent="0.2">
      <c r="B118" s="3"/>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row>
    <row r="119" spans="2:31" x14ac:dyDescent="0.2">
      <c r="B119" s="3"/>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row>
    <row r="120" spans="2:31" x14ac:dyDescent="0.2">
      <c r="B120" s="3"/>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row>
    <row r="121" spans="2:31" x14ac:dyDescent="0.2">
      <c r="B121" s="3"/>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row>
    <row r="122" spans="2:31" x14ac:dyDescent="0.2">
      <c r="B122" s="3"/>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row>
    <row r="123" spans="2:31" x14ac:dyDescent="0.2">
      <c r="B123" s="3"/>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row>
    <row r="124" spans="2:31" x14ac:dyDescent="0.2">
      <c r="B124" s="3"/>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row>
    <row r="125" spans="2:31" x14ac:dyDescent="0.2">
      <c r="B125" s="3"/>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row>
    <row r="126" spans="2:31" x14ac:dyDescent="0.2">
      <c r="B126" s="3"/>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row>
    <row r="127" spans="2:31" x14ac:dyDescent="0.2">
      <c r="B127" s="3"/>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row>
    <row r="128" spans="2:31" x14ac:dyDescent="0.2">
      <c r="B128" s="3"/>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row>
    <row r="129" spans="2:31" x14ac:dyDescent="0.2">
      <c r="B129" s="3"/>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row>
    <row r="130" spans="2:31" x14ac:dyDescent="0.2">
      <c r="B130" s="3"/>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row>
    <row r="131" spans="2:31" x14ac:dyDescent="0.2">
      <c r="B131" s="3"/>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row>
    <row r="132" spans="2:31" x14ac:dyDescent="0.2">
      <c r="B132" s="3"/>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row>
    <row r="133" spans="2:31" x14ac:dyDescent="0.2">
      <c r="B133" s="3"/>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row>
    <row r="134" spans="2:31" x14ac:dyDescent="0.2">
      <c r="B134" s="3"/>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row>
    <row r="135" spans="2:31" x14ac:dyDescent="0.2">
      <c r="B135" s="3"/>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row>
    <row r="136" spans="2:31" x14ac:dyDescent="0.2">
      <c r="B136" s="3"/>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row>
    <row r="137" spans="2:31" x14ac:dyDescent="0.2">
      <c r="B137" s="3"/>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row>
    <row r="138" spans="2:31" x14ac:dyDescent="0.2">
      <c r="B138" s="3"/>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row>
    <row r="139" spans="2:31" x14ac:dyDescent="0.2">
      <c r="B139" s="3"/>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row>
    <row r="140" spans="2:31" x14ac:dyDescent="0.2">
      <c r="B140" s="3"/>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row>
    <row r="141" spans="2:31" x14ac:dyDescent="0.2">
      <c r="B141" s="3"/>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row>
    <row r="142" spans="2:31" x14ac:dyDescent="0.2">
      <c r="B142" s="3"/>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row>
    <row r="143" spans="2:31" x14ac:dyDescent="0.2">
      <c r="B143" s="3"/>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row>
    <row r="144" spans="2:31" x14ac:dyDescent="0.2">
      <c r="B144" s="3"/>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row>
    <row r="145" spans="2:31" x14ac:dyDescent="0.2">
      <c r="B145" s="3"/>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row>
    <row r="146" spans="2:31" x14ac:dyDescent="0.2">
      <c r="B146" s="3"/>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row>
    <row r="147" spans="2:31" x14ac:dyDescent="0.2">
      <c r="B147" s="3"/>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row>
    <row r="148" spans="2:31" x14ac:dyDescent="0.2">
      <c r="B148" s="3"/>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row>
    <row r="149" spans="2:31" x14ac:dyDescent="0.2">
      <c r="B149" s="3"/>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row>
    <row r="150" spans="2:31" x14ac:dyDescent="0.2">
      <c r="B150" s="3"/>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row>
    <row r="151" spans="2:31" x14ac:dyDescent="0.2">
      <c r="B151" s="3"/>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row>
    <row r="152" spans="2:31" x14ac:dyDescent="0.2">
      <c r="B152" s="3"/>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row>
    <row r="153" spans="2:31" x14ac:dyDescent="0.2">
      <c r="B153" s="3"/>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row>
    <row r="154" spans="2:31" x14ac:dyDescent="0.2">
      <c r="B154" s="3"/>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row>
    <row r="155" spans="2:31" x14ac:dyDescent="0.2">
      <c r="B155" s="3"/>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row>
    <row r="156" spans="2:31" x14ac:dyDescent="0.2">
      <c r="B156" s="3"/>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row>
    <row r="157" spans="2:31" x14ac:dyDescent="0.2">
      <c r="B157" s="3"/>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row>
    <row r="158" spans="2:31" x14ac:dyDescent="0.2">
      <c r="B158" s="3"/>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row>
    <row r="159" spans="2:31" x14ac:dyDescent="0.2">
      <c r="B159" s="3"/>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row>
    <row r="160" spans="2:31" x14ac:dyDescent="0.2">
      <c r="B160" s="3"/>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row>
    <row r="161" spans="2:31" x14ac:dyDescent="0.2">
      <c r="B161" s="3"/>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row>
    <row r="162" spans="2:31" x14ac:dyDescent="0.2">
      <c r="B162" s="3"/>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row>
    <row r="163" spans="2:31" x14ac:dyDescent="0.2">
      <c r="B163" s="3"/>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row>
    <row r="164" spans="2:31" x14ac:dyDescent="0.2">
      <c r="B164" s="3"/>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row>
    <row r="165" spans="2:31" x14ac:dyDescent="0.2">
      <c r="B165" s="3"/>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row>
    <row r="166" spans="2:31" x14ac:dyDescent="0.2">
      <c r="B166" s="3"/>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row>
    <row r="167" spans="2:31" x14ac:dyDescent="0.2">
      <c r="B167" s="3"/>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row>
    <row r="168" spans="2:31" x14ac:dyDescent="0.2">
      <c r="B168" s="3"/>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row>
    <row r="169" spans="2:31" x14ac:dyDescent="0.2">
      <c r="B169" s="3"/>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row>
    <row r="170" spans="2:31" x14ac:dyDescent="0.2">
      <c r="B170" s="3"/>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row>
    <row r="171" spans="2:31" x14ac:dyDescent="0.2">
      <c r="B171" s="3"/>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row>
    <row r="172" spans="2:31" x14ac:dyDescent="0.2">
      <c r="B172" s="3"/>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row>
    <row r="173" spans="2:31" x14ac:dyDescent="0.2">
      <c r="B173" s="3"/>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row>
    <row r="174" spans="2:31" x14ac:dyDescent="0.2">
      <c r="B174" s="3"/>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row>
    <row r="175" spans="2:31" x14ac:dyDescent="0.2">
      <c r="B175" s="3"/>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row>
    <row r="176" spans="2:31" x14ac:dyDescent="0.2">
      <c r="B176" s="3"/>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row>
    <row r="177" spans="2:31" x14ac:dyDescent="0.2">
      <c r="B177" s="3"/>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row>
    <row r="178" spans="2:31" x14ac:dyDescent="0.2">
      <c r="B178" s="3"/>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row>
    <row r="179" spans="2:31" x14ac:dyDescent="0.2">
      <c r="B179" s="3"/>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row>
    <row r="180" spans="2:31" x14ac:dyDescent="0.2">
      <c r="B180" s="3"/>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row>
    <row r="181" spans="2:31" x14ac:dyDescent="0.2">
      <c r="B181" s="3"/>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row>
    <row r="182" spans="2:31" x14ac:dyDescent="0.2">
      <c r="B182" s="3"/>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row>
    <row r="183" spans="2:31" x14ac:dyDescent="0.2">
      <c r="B183" s="3"/>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row>
    <row r="184" spans="2:31" x14ac:dyDescent="0.2">
      <c r="B184" s="3"/>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row>
    <row r="185" spans="2:31" x14ac:dyDescent="0.2">
      <c r="B185" s="3"/>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row>
    <row r="186" spans="2:31" x14ac:dyDescent="0.2">
      <c r="B186" s="3"/>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row>
    <row r="187" spans="2:31" x14ac:dyDescent="0.2">
      <c r="B187" s="3"/>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row>
    <row r="188" spans="2:31" x14ac:dyDescent="0.2">
      <c r="B188" s="3"/>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row>
    <row r="189" spans="2:31" x14ac:dyDescent="0.2">
      <c r="B189" s="3"/>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row>
    <row r="190" spans="2:31" x14ac:dyDescent="0.2">
      <c r="B190" s="3"/>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row>
    <row r="191" spans="2:31" x14ac:dyDescent="0.2">
      <c r="B191" s="3"/>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row>
    <row r="192" spans="2:31" x14ac:dyDescent="0.2">
      <c r="B192" s="3"/>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row>
    <row r="193" spans="2:31" x14ac:dyDescent="0.2">
      <c r="B193" s="3"/>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row>
    <row r="194" spans="2:31" x14ac:dyDescent="0.2">
      <c r="B194" s="3"/>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row>
    <row r="195" spans="2:31" x14ac:dyDescent="0.2">
      <c r="B195" s="3"/>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row>
    <row r="196" spans="2:31" x14ac:dyDescent="0.2">
      <c r="B196" s="3"/>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row>
    <row r="197" spans="2:31" x14ac:dyDescent="0.2">
      <c r="B197" s="3"/>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row>
    <row r="198" spans="2:31" x14ac:dyDescent="0.2">
      <c r="B198" s="3"/>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row>
    <row r="199" spans="2:31" x14ac:dyDescent="0.2">
      <c r="B199" s="3"/>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row>
    <row r="200" spans="2:31" x14ac:dyDescent="0.2">
      <c r="B200" s="3"/>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row>
    <row r="201" spans="2:31" x14ac:dyDescent="0.2">
      <c r="B201" s="3"/>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row>
    <row r="202" spans="2:31" x14ac:dyDescent="0.2">
      <c r="B202" s="3"/>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row>
    <row r="203" spans="2:31" x14ac:dyDescent="0.2">
      <c r="B203" s="3"/>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row>
    <row r="204" spans="2:31" x14ac:dyDescent="0.2">
      <c r="B204" s="3"/>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row>
    <row r="205" spans="2:31" x14ac:dyDescent="0.2">
      <c r="B205" s="3"/>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row>
    <row r="206" spans="2:31" x14ac:dyDescent="0.2">
      <c r="B206" s="3"/>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row>
    <row r="207" spans="2:31" x14ac:dyDescent="0.2">
      <c r="B207" s="3"/>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row>
    <row r="208" spans="2:31" x14ac:dyDescent="0.2">
      <c r="B208" s="3"/>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row>
    <row r="209" spans="2:31" x14ac:dyDescent="0.2">
      <c r="B209" s="3"/>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row>
    <row r="210" spans="2:31" x14ac:dyDescent="0.2">
      <c r="B210" s="3"/>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row>
    <row r="211" spans="2:31" x14ac:dyDescent="0.2">
      <c r="B211" s="3"/>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row>
    <row r="212" spans="2:31" x14ac:dyDescent="0.2">
      <c r="B212" s="3"/>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row>
    <row r="213" spans="2:31" x14ac:dyDescent="0.2">
      <c r="B213" s="3"/>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row>
    <row r="214" spans="2:31" x14ac:dyDescent="0.2">
      <c r="B214" s="3"/>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row>
    <row r="215" spans="2:31" x14ac:dyDescent="0.2">
      <c r="B215" s="3"/>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row>
    <row r="216" spans="2:31" x14ac:dyDescent="0.2">
      <c r="B216" s="3"/>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row>
    <row r="217" spans="2:31" x14ac:dyDescent="0.2">
      <c r="B217" s="3"/>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row>
    <row r="218" spans="2:31" x14ac:dyDescent="0.2">
      <c r="B218" s="3"/>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row>
    <row r="219" spans="2:31" x14ac:dyDescent="0.2">
      <c r="B219" s="3"/>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row>
  </sheetData>
  <mergeCells count="58">
    <mergeCell ref="F1:G1"/>
    <mergeCell ref="A3:A5"/>
    <mergeCell ref="B3:AE3"/>
    <mergeCell ref="AF3:BI3"/>
    <mergeCell ref="AF5:AH5"/>
    <mergeCell ref="AI5:AN5"/>
    <mergeCell ref="AO5:AO6"/>
    <mergeCell ref="AP5:AR5"/>
    <mergeCell ref="AS5:AX5"/>
    <mergeCell ref="AY5:AY6"/>
    <mergeCell ref="B5:D5"/>
    <mergeCell ref="E5:J5"/>
    <mergeCell ref="K5:K6"/>
    <mergeCell ref="L5:N5"/>
    <mergeCell ref="O5:T5"/>
    <mergeCell ref="U5:U6"/>
    <mergeCell ref="BJ3:CM3"/>
    <mergeCell ref="DR3:EA4"/>
    <mergeCell ref="B4:K4"/>
    <mergeCell ref="L4:U4"/>
    <mergeCell ref="V4:AE4"/>
    <mergeCell ref="AF4:AO4"/>
    <mergeCell ref="AP4:AY4"/>
    <mergeCell ref="AZ4:BI4"/>
    <mergeCell ref="BJ4:BS4"/>
    <mergeCell ref="BT4:CC4"/>
    <mergeCell ref="CD4:CM4"/>
    <mergeCell ref="CN3:DQ3"/>
    <mergeCell ref="CN4:CW4"/>
    <mergeCell ref="CX4:DG4"/>
    <mergeCell ref="DH4:DQ4"/>
    <mergeCell ref="V5:X5"/>
    <mergeCell ref="Y5:AD5"/>
    <mergeCell ref="AE5:AE6"/>
    <mergeCell ref="BM5:BR5"/>
    <mergeCell ref="BS5:BS6"/>
    <mergeCell ref="BT5:BV5"/>
    <mergeCell ref="BW5:CB5"/>
    <mergeCell ref="AZ5:BB5"/>
    <mergeCell ref="BC5:BH5"/>
    <mergeCell ref="BI5:BI6"/>
    <mergeCell ref="BJ5:BL5"/>
    <mergeCell ref="DR5:DT5"/>
    <mergeCell ref="DU5:DZ5"/>
    <mergeCell ref="EA5:EA6"/>
    <mergeCell ref="CC5:CC6"/>
    <mergeCell ref="CD5:CF5"/>
    <mergeCell ref="CG5:CL5"/>
    <mergeCell ref="CM5:CM6"/>
    <mergeCell ref="CN5:CP5"/>
    <mergeCell ref="CQ5:CV5"/>
    <mergeCell ref="CW5:CW6"/>
    <mergeCell ref="CX5:CZ5"/>
    <mergeCell ref="DA5:DF5"/>
    <mergeCell ref="DG5:DG6"/>
    <mergeCell ref="DH5:DJ5"/>
    <mergeCell ref="DK5:DP5"/>
    <mergeCell ref="DQ5:DQ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1" max="1048575" man="1"/>
    <brk id="61" max="1048575" man="1"/>
    <brk id="121"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KL41"/>
  <sheetViews>
    <sheetView zoomScaleNormal="100"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9.44140625" style="44" customWidth="1"/>
    <col min="2" max="4" width="7.88671875" style="43" customWidth="1"/>
    <col min="5" max="5" width="8.109375" style="43" customWidth="1"/>
    <col min="6" max="10" width="7.88671875" style="43" customWidth="1"/>
    <col min="11" max="12" width="8.77734375" style="43" customWidth="1"/>
    <col min="13" max="32" width="7.88671875" style="43" customWidth="1"/>
    <col min="33" max="33" width="9.109375" style="43" customWidth="1"/>
    <col min="34" max="34" width="8.44140625" style="43" customWidth="1"/>
    <col min="35" max="54" width="7.88671875" style="43" customWidth="1"/>
    <col min="55" max="55" width="9.109375" style="43" customWidth="1"/>
    <col min="56" max="56" width="8.44140625" style="43" customWidth="1"/>
    <col min="57" max="76" width="7.88671875" style="43" customWidth="1"/>
    <col min="77" max="77" width="9.109375" style="43" customWidth="1"/>
    <col min="78" max="78" width="8.44140625" style="43" customWidth="1"/>
    <col min="79" max="85" width="7.88671875" style="43" customWidth="1"/>
    <col min="86" max="101" width="9" style="43"/>
    <col min="102" max="147" width="9" style="44"/>
    <col min="148" max="148" width="7.77734375" style="44" customWidth="1"/>
    <col min="149" max="158" width="9" style="44"/>
    <col min="159" max="159" width="8.109375" style="44" customWidth="1"/>
    <col min="160" max="16384" width="9" style="44"/>
  </cols>
  <sheetData>
    <row r="1" spans="1:298" ht="17.25" customHeight="1" x14ac:dyDescent="0.2">
      <c r="A1" s="12" t="s">
        <v>121</v>
      </c>
      <c r="E1" s="545">
        <f>第１表!F2</f>
        <v>4</v>
      </c>
      <c r="F1" s="545"/>
      <c r="G1" s="282">
        <f>第１表!G2</f>
        <v>4</v>
      </c>
      <c r="H1" s="544">
        <f>G1</f>
        <v>4</v>
      </c>
      <c r="I1" s="544"/>
    </row>
    <row r="2" spans="1:298" ht="16.5" customHeight="1" thickBot="1" x14ac:dyDescent="0.25">
      <c r="A2" s="20" t="s">
        <v>130</v>
      </c>
    </row>
    <row r="3" spans="1:298" ht="22.5" customHeight="1" thickBot="1" x14ac:dyDescent="0.25">
      <c r="A3" s="531" t="s">
        <v>38</v>
      </c>
      <c r="B3" s="526" t="s">
        <v>96</v>
      </c>
      <c r="C3" s="526"/>
      <c r="D3" s="526"/>
      <c r="E3" s="526"/>
      <c r="F3" s="526"/>
      <c r="G3" s="526"/>
      <c r="H3" s="526"/>
      <c r="I3" s="526"/>
      <c r="J3" s="526"/>
      <c r="K3" s="526"/>
      <c r="L3" s="526"/>
      <c r="M3" s="526"/>
      <c r="N3" s="526"/>
      <c r="O3" s="526"/>
      <c r="P3" s="526"/>
      <c r="Q3" s="526"/>
      <c r="R3" s="526"/>
      <c r="S3" s="526"/>
      <c r="T3" s="526"/>
      <c r="U3" s="526"/>
      <c r="V3" s="526"/>
      <c r="W3" s="526"/>
      <c r="X3" s="526"/>
      <c r="Y3" s="526"/>
      <c r="Z3" s="526"/>
      <c r="AA3" s="526"/>
      <c r="AB3" s="526"/>
      <c r="AC3" s="526"/>
      <c r="AD3" s="526"/>
      <c r="AE3" s="526"/>
      <c r="AF3" s="526"/>
      <c r="AG3" s="526"/>
      <c r="AH3" s="526"/>
      <c r="AI3" s="526"/>
      <c r="AJ3" s="526"/>
      <c r="AK3" s="526"/>
      <c r="AL3" s="526"/>
      <c r="AM3" s="526"/>
      <c r="AN3" s="526"/>
      <c r="AO3" s="526"/>
      <c r="AP3" s="526"/>
      <c r="AQ3" s="526"/>
      <c r="AR3" s="526"/>
      <c r="AS3" s="526"/>
      <c r="AT3" s="526"/>
      <c r="AU3" s="526"/>
      <c r="AV3" s="526"/>
      <c r="AW3" s="526"/>
      <c r="AX3" s="526"/>
      <c r="AY3" s="526"/>
      <c r="AZ3" s="526"/>
      <c r="BA3" s="526"/>
      <c r="BB3" s="526"/>
      <c r="BC3" s="526"/>
      <c r="BD3" s="526"/>
      <c r="BE3" s="526"/>
      <c r="BF3" s="526"/>
      <c r="BG3" s="526"/>
      <c r="BH3" s="526"/>
      <c r="BI3" s="526"/>
      <c r="BJ3" s="526"/>
      <c r="BK3" s="526"/>
      <c r="BL3" s="526"/>
      <c r="BM3" s="526"/>
      <c r="BN3" s="526"/>
      <c r="BO3" s="526"/>
      <c r="BP3" s="526"/>
      <c r="BQ3" s="526"/>
      <c r="BR3" s="526"/>
      <c r="BS3" s="526"/>
      <c r="BT3" s="526"/>
      <c r="BU3" s="526"/>
      <c r="BV3" s="526"/>
      <c r="BW3" s="526"/>
      <c r="BX3" s="526"/>
      <c r="BY3" s="526"/>
      <c r="BZ3" s="526"/>
      <c r="CA3" s="526"/>
      <c r="CB3" s="526"/>
      <c r="CC3" s="526"/>
      <c r="CD3" s="526"/>
      <c r="CE3" s="526"/>
      <c r="CF3" s="526"/>
      <c r="CG3" s="526"/>
      <c r="CH3" s="526"/>
      <c r="CI3" s="526"/>
      <c r="CJ3" s="526"/>
      <c r="CK3" s="526"/>
      <c r="CL3" s="526"/>
      <c r="CM3" s="526"/>
      <c r="CN3" s="526"/>
      <c r="CO3" s="526"/>
      <c r="CP3" s="526"/>
      <c r="CQ3" s="526"/>
      <c r="CR3" s="526"/>
      <c r="CS3" s="526"/>
      <c r="CT3" s="526"/>
      <c r="CU3" s="526"/>
      <c r="CV3" s="527"/>
      <c r="CW3" s="526" t="s">
        <v>103</v>
      </c>
      <c r="CX3" s="526"/>
      <c r="CY3" s="526"/>
      <c r="CZ3" s="526"/>
      <c r="DA3" s="526"/>
      <c r="DB3" s="526"/>
      <c r="DC3" s="526"/>
      <c r="DD3" s="526"/>
      <c r="DE3" s="526"/>
      <c r="DF3" s="526"/>
      <c r="DG3" s="526"/>
      <c r="DH3" s="526"/>
      <c r="DI3" s="526"/>
      <c r="DJ3" s="526"/>
      <c r="DK3" s="526"/>
      <c r="DL3" s="526"/>
      <c r="DM3" s="526"/>
      <c r="DN3" s="526"/>
      <c r="DO3" s="526"/>
      <c r="DP3" s="526"/>
      <c r="DQ3" s="526"/>
      <c r="DR3" s="526"/>
      <c r="DS3" s="526"/>
      <c r="DT3" s="526"/>
      <c r="DU3" s="526"/>
      <c r="DV3" s="526"/>
      <c r="DW3" s="526"/>
      <c r="DX3" s="526"/>
      <c r="DY3" s="526"/>
      <c r="DZ3" s="526"/>
      <c r="EA3" s="526"/>
      <c r="EB3" s="526"/>
      <c r="EC3" s="526"/>
      <c r="ED3" s="526"/>
      <c r="EE3" s="526"/>
      <c r="EF3" s="526"/>
      <c r="EG3" s="526"/>
      <c r="EH3" s="526"/>
      <c r="EI3" s="526"/>
      <c r="EJ3" s="526"/>
      <c r="EK3" s="526"/>
      <c r="EL3" s="526"/>
      <c r="EM3" s="526"/>
      <c r="EN3" s="526"/>
      <c r="EO3" s="526"/>
      <c r="EP3" s="526"/>
      <c r="EQ3" s="526"/>
      <c r="ER3" s="526"/>
      <c r="ES3" s="526"/>
      <c r="ET3" s="526"/>
      <c r="EU3" s="526"/>
      <c r="EV3" s="526"/>
      <c r="EW3" s="526"/>
      <c r="EX3" s="526"/>
      <c r="EY3" s="526"/>
      <c r="EZ3" s="526"/>
      <c r="FA3" s="526"/>
      <c r="FB3" s="526"/>
      <c r="FC3" s="526"/>
      <c r="FD3" s="526"/>
      <c r="FE3" s="526"/>
      <c r="FF3" s="526"/>
      <c r="FG3" s="526"/>
      <c r="FH3" s="526"/>
      <c r="FI3" s="526"/>
      <c r="FJ3" s="526"/>
      <c r="FK3" s="526"/>
      <c r="FL3" s="526"/>
      <c r="FM3" s="526"/>
      <c r="FN3" s="526"/>
      <c r="FO3" s="526"/>
      <c r="FP3" s="526"/>
      <c r="FQ3" s="526"/>
      <c r="FR3" s="526"/>
      <c r="FS3" s="526"/>
      <c r="FT3" s="526"/>
      <c r="FU3" s="526"/>
      <c r="FV3" s="526"/>
      <c r="FW3" s="526"/>
      <c r="FX3" s="526"/>
      <c r="FY3" s="526"/>
      <c r="FZ3" s="526"/>
      <c r="GA3" s="526"/>
      <c r="GB3" s="526"/>
      <c r="GC3" s="526"/>
      <c r="GD3" s="526"/>
      <c r="GE3" s="526"/>
      <c r="GF3" s="526"/>
      <c r="GG3" s="526"/>
      <c r="GH3" s="526"/>
      <c r="GI3" s="526"/>
      <c r="GJ3" s="526"/>
      <c r="GK3" s="526"/>
      <c r="GL3" s="526"/>
      <c r="GM3" s="526"/>
      <c r="GN3" s="526"/>
      <c r="GO3" s="526"/>
      <c r="GP3" s="526"/>
      <c r="GQ3" s="527"/>
      <c r="GR3" s="526" t="s">
        <v>104</v>
      </c>
      <c r="GS3" s="526"/>
      <c r="GT3" s="526"/>
      <c r="GU3" s="526"/>
      <c r="GV3" s="526"/>
      <c r="GW3" s="526"/>
      <c r="GX3" s="526"/>
      <c r="GY3" s="526"/>
      <c r="GZ3" s="526"/>
      <c r="HA3" s="526"/>
      <c r="HB3" s="526"/>
      <c r="HC3" s="526"/>
      <c r="HD3" s="526"/>
      <c r="HE3" s="526"/>
      <c r="HF3" s="526"/>
      <c r="HG3" s="526"/>
      <c r="HH3" s="526"/>
      <c r="HI3" s="526"/>
      <c r="HJ3" s="526"/>
      <c r="HK3" s="526"/>
      <c r="HL3" s="526"/>
      <c r="HM3" s="526"/>
      <c r="HN3" s="526"/>
      <c r="HO3" s="526"/>
      <c r="HP3" s="526"/>
      <c r="HQ3" s="526"/>
      <c r="HR3" s="526"/>
      <c r="HS3" s="526"/>
      <c r="HT3" s="526"/>
      <c r="HU3" s="526"/>
      <c r="HV3" s="526"/>
      <c r="HW3" s="526"/>
      <c r="HX3" s="526"/>
      <c r="HY3" s="526"/>
      <c r="HZ3" s="526"/>
      <c r="IA3" s="526"/>
      <c r="IB3" s="526"/>
      <c r="IC3" s="526"/>
      <c r="ID3" s="526"/>
      <c r="IE3" s="526"/>
      <c r="IF3" s="526"/>
      <c r="IG3" s="526"/>
      <c r="IH3" s="526"/>
      <c r="II3" s="526"/>
      <c r="IJ3" s="526"/>
      <c r="IK3" s="526"/>
      <c r="IL3" s="526"/>
      <c r="IM3" s="526"/>
      <c r="IN3" s="526"/>
      <c r="IO3" s="526"/>
      <c r="IP3" s="526"/>
      <c r="IQ3" s="526"/>
      <c r="IR3" s="526"/>
      <c r="IS3" s="526"/>
      <c r="IT3" s="526"/>
      <c r="IU3" s="526"/>
      <c r="IV3" s="526"/>
      <c r="IW3" s="526"/>
      <c r="IX3" s="526"/>
      <c r="IY3" s="526"/>
      <c r="IZ3" s="526"/>
      <c r="JA3" s="526"/>
      <c r="JB3" s="526"/>
      <c r="JC3" s="526"/>
      <c r="JD3" s="526"/>
      <c r="JE3" s="526"/>
      <c r="JF3" s="526"/>
      <c r="JG3" s="526"/>
      <c r="JH3" s="526"/>
      <c r="JI3" s="526"/>
      <c r="JJ3" s="526"/>
      <c r="JK3" s="526"/>
      <c r="JL3" s="526"/>
      <c r="JM3" s="526"/>
      <c r="JN3" s="526"/>
      <c r="JO3" s="526"/>
      <c r="JP3" s="526"/>
      <c r="JQ3" s="526"/>
      <c r="JR3" s="526"/>
      <c r="JS3" s="526"/>
      <c r="JT3" s="526"/>
      <c r="JU3" s="526"/>
      <c r="JV3" s="526"/>
      <c r="JW3" s="526"/>
      <c r="JX3" s="526"/>
      <c r="JY3" s="526"/>
      <c r="JZ3" s="526"/>
      <c r="KA3" s="526"/>
      <c r="KB3" s="526"/>
      <c r="KC3" s="526"/>
      <c r="KD3" s="526"/>
      <c r="KE3" s="526"/>
      <c r="KF3" s="526"/>
      <c r="KG3" s="526"/>
      <c r="KH3" s="526"/>
      <c r="KI3" s="526"/>
      <c r="KJ3" s="526"/>
      <c r="KK3" s="526"/>
      <c r="KL3" s="527"/>
    </row>
    <row r="4" spans="1:298" ht="27.75" customHeight="1" thickBot="1" x14ac:dyDescent="0.25">
      <c r="A4" s="543"/>
      <c r="B4" s="528" t="s">
        <v>39</v>
      </c>
      <c r="C4" s="529"/>
      <c r="D4" s="529"/>
      <c r="E4" s="529"/>
      <c r="F4" s="529"/>
      <c r="G4" s="529"/>
      <c r="H4" s="529"/>
      <c r="I4" s="529"/>
      <c r="J4" s="529"/>
      <c r="K4" s="529"/>
      <c r="L4" s="529"/>
      <c r="M4" s="529"/>
      <c r="N4" s="529"/>
      <c r="O4" s="529"/>
      <c r="P4" s="529"/>
      <c r="Q4" s="529"/>
      <c r="R4" s="529"/>
      <c r="S4" s="529"/>
      <c r="T4" s="529"/>
      <c r="U4" s="529"/>
      <c r="V4" s="529"/>
      <c r="W4" s="529"/>
      <c r="X4" s="529"/>
      <c r="Y4" s="529"/>
      <c r="Z4" s="529"/>
      <c r="AA4" s="529"/>
      <c r="AB4" s="529"/>
      <c r="AC4" s="529"/>
      <c r="AD4" s="529"/>
      <c r="AE4" s="529"/>
      <c r="AF4" s="529"/>
      <c r="AG4" s="529"/>
      <c r="AH4" s="529"/>
      <c r="AI4" s="529"/>
      <c r="AJ4" s="529"/>
      <c r="AK4" s="529"/>
      <c r="AL4" s="529"/>
      <c r="AM4" s="529"/>
      <c r="AN4" s="529"/>
      <c r="AO4" s="529"/>
      <c r="AP4" s="529"/>
      <c r="AQ4" s="529"/>
      <c r="AR4" s="529"/>
      <c r="AS4" s="529"/>
      <c r="AT4" s="529"/>
      <c r="AU4" s="529"/>
      <c r="AV4" s="529"/>
      <c r="AW4" s="529"/>
      <c r="AX4" s="529"/>
      <c r="AY4" s="529"/>
      <c r="AZ4" s="529"/>
      <c r="BA4" s="529"/>
      <c r="BB4" s="529"/>
      <c r="BC4" s="529"/>
      <c r="BD4" s="529"/>
      <c r="BE4" s="529"/>
      <c r="BF4" s="529"/>
      <c r="BG4" s="529"/>
      <c r="BH4" s="529"/>
      <c r="BI4" s="529"/>
      <c r="BJ4" s="529"/>
      <c r="BK4" s="529"/>
      <c r="BL4" s="529"/>
      <c r="BM4" s="529"/>
      <c r="BN4" s="529"/>
      <c r="BO4" s="529"/>
      <c r="BP4" s="529"/>
      <c r="BQ4" s="529"/>
      <c r="BR4" s="529"/>
      <c r="BS4" s="529"/>
      <c r="BT4" s="529"/>
      <c r="BU4" s="529"/>
      <c r="BV4" s="529"/>
      <c r="BW4" s="529"/>
      <c r="BX4" s="529"/>
      <c r="BY4" s="529"/>
      <c r="BZ4" s="530"/>
      <c r="CA4" s="531" t="s">
        <v>40</v>
      </c>
      <c r="CB4" s="532"/>
      <c r="CC4" s="532"/>
      <c r="CD4" s="532"/>
      <c r="CE4" s="532"/>
      <c r="CF4" s="532"/>
      <c r="CG4" s="532"/>
      <c r="CH4" s="532"/>
      <c r="CI4" s="532"/>
      <c r="CJ4" s="532"/>
      <c r="CK4" s="533"/>
      <c r="CL4" s="531" t="s">
        <v>41</v>
      </c>
      <c r="CM4" s="532"/>
      <c r="CN4" s="532"/>
      <c r="CO4" s="532"/>
      <c r="CP4" s="532"/>
      <c r="CQ4" s="532"/>
      <c r="CR4" s="532"/>
      <c r="CS4" s="532"/>
      <c r="CT4" s="532"/>
      <c r="CU4" s="532"/>
      <c r="CV4" s="533"/>
      <c r="CW4" s="528" t="s">
        <v>39</v>
      </c>
      <c r="CX4" s="529"/>
      <c r="CY4" s="529"/>
      <c r="CZ4" s="529"/>
      <c r="DA4" s="529"/>
      <c r="DB4" s="529"/>
      <c r="DC4" s="529"/>
      <c r="DD4" s="529"/>
      <c r="DE4" s="529"/>
      <c r="DF4" s="529"/>
      <c r="DG4" s="529"/>
      <c r="DH4" s="529"/>
      <c r="DI4" s="529"/>
      <c r="DJ4" s="529"/>
      <c r="DK4" s="529"/>
      <c r="DL4" s="529"/>
      <c r="DM4" s="529"/>
      <c r="DN4" s="529"/>
      <c r="DO4" s="529"/>
      <c r="DP4" s="529"/>
      <c r="DQ4" s="529"/>
      <c r="DR4" s="529"/>
      <c r="DS4" s="529"/>
      <c r="DT4" s="529"/>
      <c r="DU4" s="529"/>
      <c r="DV4" s="529"/>
      <c r="DW4" s="529"/>
      <c r="DX4" s="529"/>
      <c r="DY4" s="529"/>
      <c r="DZ4" s="529"/>
      <c r="EA4" s="529"/>
      <c r="EB4" s="529"/>
      <c r="EC4" s="529"/>
      <c r="ED4" s="529"/>
      <c r="EE4" s="529"/>
      <c r="EF4" s="529"/>
      <c r="EG4" s="529"/>
      <c r="EH4" s="529"/>
      <c r="EI4" s="529"/>
      <c r="EJ4" s="529"/>
      <c r="EK4" s="529"/>
      <c r="EL4" s="529"/>
      <c r="EM4" s="529"/>
      <c r="EN4" s="529"/>
      <c r="EO4" s="529"/>
      <c r="EP4" s="529"/>
      <c r="EQ4" s="529"/>
      <c r="ER4" s="529"/>
      <c r="ES4" s="529"/>
      <c r="ET4" s="529"/>
      <c r="EU4" s="529"/>
      <c r="EV4" s="529"/>
      <c r="EW4" s="529"/>
      <c r="EX4" s="529"/>
      <c r="EY4" s="529"/>
      <c r="EZ4" s="529"/>
      <c r="FA4" s="529"/>
      <c r="FB4" s="529"/>
      <c r="FC4" s="529"/>
      <c r="FD4" s="529"/>
      <c r="FE4" s="529"/>
      <c r="FF4" s="529"/>
      <c r="FG4" s="529"/>
      <c r="FH4" s="529"/>
      <c r="FI4" s="529"/>
      <c r="FJ4" s="529"/>
      <c r="FK4" s="529"/>
      <c r="FL4" s="529"/>
      <c r="FM4" s="529"/>
      <c r="FN4" s="529"/>
      <c r="FO4" s="529"/>
      <c r="FP4" s="529"/>
      <c r="FQ4" s="529"/>
      <c r="FR4" s="529"/>
      <c r="FS4" s="529"/>
      <c r="FT4" s="529"/>
      <c r="FU4" s="530"/>
      <c r="FV4" s="531" t="s">
        <v>40</v>
      </c>
      <c r="FW4" s="532"/>
      <c r="FX4" s="532"/>
      <c r="FY4" s="532"/>
      <c r="FZ4" s="532"/>
      <c r="GA4" s="532"/>
      <c r="GB4" s="532"/>
      <c r="GC4" s="532"/>
      <c r="GD4" s="532"/>
      <c r="GE4" s="532"/>
      <c r="GF4" s="533"/>
      <c r="GG4" s="531" t="s">
        <v>41</v>
      </c>
      <c r="GH4" s="532"/>
      <c r="GI4" s="532"/>
      <c r="GJ4" s="532"/>
      <c r="GK4" s="532"/>
      <c r="GL4" s="532"/>
      <c r="GM4" s="532"/>
      <c r="GN4" s="532"/>
      <c r="GO4" s="532"/>
      <c r="GP4" s="532"/>
      <c r="GQ4" s="533"/>
      <c r="GR4" s="528" t="s">
        <v>39</v>
      </c>
      <c r="GS4" s="529"/>
      <c r="GT4" s="529"/>
      <c r="GU4" s="529"/>
      <c r="GV4" s="529"/>
      <c r="GW4" s="529"/>
      <c r="GX4" s="529"/>
      <c r="GY4" s="529"/>
      <c r="GZ4" s="529"/>
      <c r="HA4" s="529"/>
      <c r="HB4" s="529"/>
      <c r="HC4" s="529"/>
      <c r="HD4" s="529"/>
      <c r="HE4" s="529"/>
      <c r="HF4" s="529"/>
      <c r="HG4" s="529"/>
      <c r="HH4" s="529"/>
      <c r="HI4" s="529"/>
      <c r="HJ4" s="529"/>
      <c r="HK4" s="529"/>
      <c r="HL4" s="529"/>
      <c r="HM4" s="529"/>
      <c r="HN4" s="529"/>
      <c r="HO4" s="529"/>
      <c r="HP4" s="529"/>
      <c r="HQ4" s="529"/>
      <c r="HR4" s="529"/>
      <c r="HS4" s="529"/>
      <c r="HT4" s="529"/>
      <c r="HU4" s="529"/>
      <c r="HV4" s="529"/>
      <c r="HW4" s="529"/>
      <c r="HX4" s="529"/>
      <c r="HY4" s="529"/>
      <c r="HZ4" s="529"/>
      <c r="IA4" s="529"/>
      <c r="IB4" s="529"/>
      <c r="IC4" s="529"/>
      <c r="ID4" s="529"/>
      <c r="IE4" s="529"/>
      <c r="IF4" s="529"/>
      <c r="IG4" s="529"/>
      <c r="IH4" s="529"/>
      <c r="II4" s="529"/>
      <c r="IJ4" s="529"/>
      <c r="IK4" s="529"/>
      <c r="IL4" s="529"/>
      <c r="IM4" s="529"/>
      <c r="IN4" s="529"/>
      <c r="IO4" s="529"/>
      <c r="IP4" s="529"/>
      <c r="IQ4" s="529"/>
      <c r="IR4" s="529"/>
      <c r="IS4" s="529"/>
      <c r="IT4" s="529"/>
      <c r="IU4" s="529"/>
      <c r="IV4" s="529"/>
      <c r="IW4" s="529"/>
      <c r="IX4" s="529"/>
      <c r="IY4" s="529"/>
      <c r="IZ4" s="529"/>
      <c r="JA4" s="529"/>
      <c r="JB4" s="529"/>
      <c r="JC4" s="529"/>
      <c r="JD4" s="529"/>
      <c r="JE4" s="529"/>
      <c r="JF4" s="529"/>
      <c r="JG4" s="529"/>
      <c r="JH4" s="529"/>
      <c r="JI4" s="529"/>
      <c r="JJ4" s="529"/>
      <c r="JK4" s="529"/>
      <c r="JL4" s="529"/>
      <c r="JM4" s="529"/>
      <c r="JN4" s="529"/>
      <c r="JO4" s="529"/>
      <c r="JP4" s="530"/>
      <c r="JQ4" s="531" t="s">
        <v>40</v>
      </c>
      <c r="JR4" s="532"/>
      <c r="JS4" s="532"/>
      <c r="JT4" s="532"/>
      <c r="JU4" s="532"/>
      <c r="JV4" s="532"/>
      <c r="JW4" s="532"/>
      <c r="JX4" s="532"/>
      <c r="JY4" s="532"/>
      <c r="JZ4" s="532"/>
      <c r="KA4" s="533"/>
      <c r="KB4" s="531" t="s">
        <v>41</v>
      </c>
      <c r="KC4" s="532"/>
      <c r="KD4" s="532"/>
      <c r="KE4" s="532"/>
      <c r="KF4" s="532"/>
      <c r="KG4" s="532"/>
      <c r="KH4" s="532"/>
      <c r="KI4" s="532"/>
      <c r="KJ4" s="532"/>
      <c r="KK4" s="532"/>
      <c r="KL4" s="533"/>
    </row>
    <row r="5" spans="1:298" ht="27.75" customHeight="1" thickBot="1" x14ac:dyDescent="0.25">
      <c r="A5" s="537"/>
      <c r="B5" s="537"/>
      <c r="C5" s="538"/>
      <c r="D5" s="538"/>
      <c r="E5" s="538"/>
      <c r="F5" s="538"/>
      <c r="G5" s="538"/>
      <c r="H5" s="538"/>
      <c r="I5" s="538"/>
      <c r="J5" s="538"/>
      <c r="K5" s="538"/>
      <c r="L5" s="539"/>
      <c r="M5" s="540" t="s">
        <v>97</v>
      </c>
      <c r="N5" s="541"/>
      <c r="O5" s="541"/>
      <c r="P5" s="541"/>
      <c r="Q5" s="541"/>
      <c r="R5" s="541"/>
      <c r="S5" s="541"/>
      <c r="T5" s="541"/>
      <c r="U5" s="541"/>
      <c r="V5" s="541"/>
      <c r="W5" s="542"/>
      <c r="X5" s="540" t="s">
        <v>98</v>
      </c>
      <c r="Y5" s="541"/>
      <c r="Z5" s="541"/>
      <c r="AA5" s="541"/>
      <c r="AB5" s="541"/>
      <c r="AC5" s="541"/>
      <c r="AD5" s="541"/>
      <c r="AE5" s="541"/>
      <c r="AF5" s="541"/>
      <c r="AG5" s="541"/>
      <c r="AH5" s="542"/>
      <c r="AI5" s="540" t="s">
        <v>99</v>
      </c>
      <c r="AJ5" s="541"/>
      <c r="AK5" s="541"/>
      <c r="AL5" s="541"/>
      <c r="AM5" s="541"/>
      <c r="AN5" s="541"/>
      <c r="AO5" s="541"/>
      <c r="AP5" s="541"/>
      <c r="AQ5" s="541"/>
      <c r="AR5" s="541"/>
      <c r="AS5" s="542"/>
      <c r="AT5" s="540" t="s">
        <v>100</v>
      </c>
      <c r="AU5" s="541"/>
      <c r="AV5" s="541"/>
      <c r="AW5" s="541"/>
      <c r="AX5" s="541"/>
      <c r="AY5" s="541"/>
      <c r="AZ5" s="541"/>
      <c r="BA5" s="541"/>
      <c r="BB5" s="541"/>
      <c r="BC5" s="541"/>
      <c r="BD5" s="542"/>
      <c r="BE5" s="540" t="s">
        <v>101</v>
      </c>
      <c r="BF5" s="541"/>
      <c r="BG5" s="541"/>
      <c r="BH5" s="541"/>
      <c r="BI5" s="541"/>
      <c r="BJ5" s="541"/>
      <c r="BK5" s="541"/>
      <c r="BL5" s="541"/>
      <c r="BM5" s="541"/>
      <c r="BN5" s="541"/>
      <c r="BO5" s="542"/>
      <c r="BP5" s="540" t="s">
        <v>102</v>
      </c>
      <c r="BQ5" s="541"/>
      <c r="BR5" s="541"/>
      <c r="BS5" s="541"/>
      <c r="BT5" s="541"/>
      <c r="BU5" s="541"/>
      <c r="BV5" s="541"/>
      <c r="BW5" s="541"/>
      <c r="BX5" s="541"/>
      <c r="BY5" s="541"/>
      <c r="BZ5" s="542"/>
      <c r="CA5" s="534"/>
      <c r="CB5" s="535"/>
      <c r="CC5" s="535"/>
      <c r="CD5" s="535"/>
      <c r="CE5" s="535"/>
      <c r="CF5" s="535"/>
      <c r="CG5" s="535"/>
      <c r="CH5" s="535"/>
      <c r="CI5" s="535"/>
      <c r="CJ5" s="535"/>
      <c r="CK5" s="536"/>
      <c r="CL5" s="534"/>
      <c r="CM5" s="535"/>
      <c r="CN5" s="535"/>
      <c r="CO5" s="535"/>
      <c r="CP5" s="535"/>
      <c r="CQ5" s="535"/>
      <c r="CR5" s="535"/>
      <c r="CS5" s="535"/>
      <c r="CT5" s="535"/>
      <c r="CU5" s="535"/>
      <c r="CV5" s="536"/>
      <c r="CW5" s="537"/>
      <c r="CX5" s="538"/>
      <c r="CY5" s="538"/>
      <c r="CZ5" s="538"/>
      <c r="DA5" s="538"/>
      <c r="DB5" s="538"/>
      <c r="DC5" s="538"/>
      <c r="DD5" s="538"/>
      <c r="DE5" s="538"/>
      <c r="DF5" s="538"/>
      <c r="DG5" s="539"/>
      <c r="DH5" s="540" t="s">
        <v>97</v>
      </c>
      <c r="DI5" s="541"/>
      <c r="DJ5" s="541"/>
      <c r="DK5" s="541"/>
      <c r="DL5" s="541"/>
      <c r="DM5" s="541"/>
      <c r="DN5" s="541"/>
      <c r="DO5" s="541"/>
      <c r="DP5" s="541"/>
      <c r="DQ5" s="541"/>
      <c r="DR5" s="542"/>
      <c r="DS5" s="540" t="s">
        <v>98</v>
      </c>
      <c r="DT5" s="541"/>
      <c r="DU5" s="541"/>
      <c r="DV5" s="541"/>
      <c r="DW5" s="541"/>
      <c r="DX5" s="541"/>
      <c r="DY5" s="541"/>
      <c r="DZ5" s="541"/>
      <c r="EA5" s="541"/>
      <c r="EB5" s="541"/>
      <c r="EC5" s="542"/>
      <c r="ED5" s="540" t="s">
        <v>99</v>
      </c>
      <c r="EE5" s="541"/>
      <c r="EF5" s="541"/>
      <c r="EG5" s="541"/>
      <c r="EH5" s="541"/>
      <c r="EI5" s="541"/>
      <c r="EJ5" s="541"/>
      <c r="EK5" s="541"/>
      <c r="EL5" s="541"/>
      <c r="EM5" s="541"/>
      <c r="EN5" s="542"/>
      <c r="EO5" s="540" t="s">
        <v>100</v>
      </c>
      <c r="EP5" s="541"/>
      <c r="EQ5" s="541"/>
      <c r="ER5" s="541"/>
      <c r="ES5" s="541"/>
      <c r="ET5" s="541"/>
      <c r="EU5" s="541"/>
      <c r="EV5" s="541"/>
      <c r="EW5" s="541"/>
      <c r="EX5" s="541"/>
      <c r="EY5" s="542"/>
      <c r="EZ5" s="540" t="s">
        <v>101</v>
      </c>
      <c r="FA5" s="541"/>
      <c r="FB5" s="541"/>
      <c r="FC5" s="541"/>
      <c r="FD5" s="541"/>
      <c r="FE5" s="541"/>
      <c r="FF5" s="541"/>
      <c r="FG5" s="541"/>
      <c r="FH5" s="541"/>
      <c r="FI5" s="541"/>
      <c r="FJ5" s="542"/>
      <c r="FK5" s="540" t="s">
        <v>102</v>
      </c>
      <c r="FL5" s="541"/>
      <c r="FM5" s="541"/>
      <c r="FN5" s="541"/>
      <c r="FO5" s="541"/>
      <c r="FP5" s="541"/>
      <c r="FQ5" s="541"/>
      <c r="FR5" s="541"/>
      <c r="FS5" s="541"/>
      <c r="FT5" s="541"/>
      <c r="FU5" s="542"/>
      <c r="FV5" s="534"/>
      <c r="FW5" s="535"/>
      <c r="FX5" s="535"/>
      <c r="FY5" s="535"/>
      <c r="FZ5" s="535"/>
      <c r="GA5" s="535"/>
      <c r="GB5" s="535"/>
      <c r="GC5" s="535"/>
      <c r="GD5" s="535"/>
      <c r="GE5" s="535"/>
      <c r="GF5" s="536"/>
      <c r="GG5" s="534"/>
      <c r="GH5" s="535"/>
      <c r="GI5" s="535"/>
      <c r="GJ5" s="535"/>
      <c r="GK5" s="535"/>
      <c r="GL5" s="535"/>
      <c r="GM5" s="535"/>
      <c r="GN5" s="535"/>
      <c r="GO5" s="535"/>
      <c r="GP5" s="535"/>
      <c r="GQ5" s="536"/>
      <c r="GR5" s="537"/>
      <c r="GS5" s="538"/>
      <c r="GT5" s="538"/>
      <c r="GU5" s="538"/>
      <c r="GV5" s="538"/>
      <c r="GW5" s="538"/>
      <c r="GX5" s="538"/>
      <c r="GY5" s="538"/>
      <c r="GZ5" s="538"/>
      <c r="HA5" s="538"/>
      <c r="HB5" s="539"/>
      <c r="HC5" s="540" t="s">
        <v>97</v>
      </c>
      <c r="HD5" s="541"/>
      <c r="HE5" s="541"/>
      <c r="HF5" s="541"/>
      <c r="HG5" s="541"/>
      <c r="HH5" s="541"/>
      <c r="HI5" s="541"/>
      <c r="HJ5" s="541"/>
      <c r="HK5" s="541"/>
      <c r="HL5" s="541"/>
      <c r="HM5" s="542"/>
      <c r="HN5" s="540" t="s">
        <v>98</v>
      </c>
      <c r="HO5" s="541"/>
      <c r="HP5" s="541"/>
      <c r="HQ5" s="541"/>
      <c r="HR5" s="541"/>
      <c r="HS5" s="541"/>
      <c r="HT5" s="541"/>
      <c r="HU5" s="541"/>
      <c r="HV5" s="541"/>
      <c r="HW5" s="541"/>
      <c r="HX5" s="542"/>
      <c r="HY5" s="540" t="s">
        <v>99</v>
      </c>
      <c r="HZ5" s="541"/>
      <c r="IA5" s="541"/>
      <c r="IB5" s="541"/>
      <c r="IC5" s="541"/>
      <c r="ID5" s="541"/>
      <c r="IE5" s="541"/>
      <c r="IF5" s="541"/>
      <c r="IG5" s="541"/>
      <c r="IH5" s="541"/>
      <c r="II5" s="542"/>
      <c r="IJ5" s="540" t="s">
        <v>100</v>
      </c>
      <c r="IK5" s="541"/>
      <c r="IL5" s="541"/>
      <c r="IM5" s="541"/>
      <c r="IN5" s="541"/>
      <c r="IO5" s="541"/>
      <c r="IP5" s="541"/>
      <c r="IQ5" s="541"/>
      <c r="IR5" s="541"/>
      <c r="IS5" s="541"/>
      <c r="IT5" s="542"/>
      <c r="IU5" s="540" t="s">
        <v>101</v>
      </c>
      <c r="IV5" s="541"/>
      <c r="IW5" s="541"/>
      <c r="IX5" s="541"/>
      <c r="IY5" s="541"/>
      <c r="IZ5" s="541"/>
      <c r="JA5" s="541"/>
      <c r="JB5" s="541"/>
      <c r="JC5" s="541"/>
      <c r="JD5" s="541"/>
      <c r="JE5" s="542"/>
      <c r="JF5" s="540" t="s">
        <v>102</v>
      </c>
      <c r="JG5" s="541"/>
      <c r="JH5" s="541"/>
      <c r="JI5" s="541"/>
      <c r="JJ5" s="541"/>
      <c r="JK5" s="541"/>
      <c r="JL5" s="541"/>
      <c r="JM5" s="541"/>
      <c r="JN5" s="541"/>
      <c r="JO5" s="541"/>
      <c r="JP5" s="542"/>
      <c r="JQ5" s="534"/>
      <c r="JR5" s="535"/>
      <c r="JS5" s="535"/>
      <c r="JT5" s="535"/>
      <c r="JU5" s="535"/>
      <c r="JV5" s="535"/>
      <c r="JW5" s="535"/>
      <c r="JX5" s="535"/>
      <c r="JY5" s="535"/>
      <c r="JZ5" s="535"/>
      <c r="KA5" s="536"/>
      <c r="KB5" s="534"/>
      <c r="KC5" s="535"/>
      <c r="KD5" s="535"/>
      <c r="KE5" s="535"/>
      <c r="KF5" s="535"/>
      <c r="KG5" s="535"/>
      <c r="KH5" s="535"/>
      <c r="KI5" s="535"/>
      <c r="KJ5" s="535"/>
      <c r="KK5" s="535"/>
      <c r="KL5" s="536"/>
    </row>
    <row r="6" spans="1:298" ht="44.25" customHeight="1" thickBot="1" x14ac:dyDescent="0.25">
      <c r="A6" s="352" t="s">
        <v>42</v>
      </c>
      <c r="B6" s="51" t="s">
        <v>43</v>
      </c>
      <c r="C6" s="47" t="s">
        <v>44</v>
      </c>
      <c r="D6" s="48" t="s">
        <v>45</v>
      </c>
      <c r="E6" s="52" t="s">
        <v>46</v>
      </c>
      <c r="F6" s="47" t="s">
        <v>47</v>
      </c>
      <c r="G6" s="47" t="s">
        <v>48</v>
      </c>
      <c r="H6" s="47" t="s">
        <v>49</v>
      </c>
      <c r="I6" s="47" t="s">
        <v>50</v>
      </c>
      <c r="J6" s="47" t="s">
        <v>51</v>
      </c>
      <c r="K6" s="48" t="s">
        <v>45</v>
      </c>
      <c r="L6" s="53" t="s">
        <v>52</v>
      </c>
      <c r="M6" s="400" t="s">
        <v>43</v>
      </c>
      <c r="N6" s="401" t="s">
        <v>44</v>
      </c>
      <c r="O6" s="402" t="s">
        <v>45</v>
      </c>
      <c r="P6" s="403" t="s">
        <v>46</v>
      </c>
      <c r="Q6" s="401" t="s">
        <v>47</v>
      </c>
      <c r="R6" s="401" t="s">
        <v>48</v>
      </c>
      <c r="S6" s="401" t="s">
        <v>49</v>
      </c>
      <c r="T6" s="401" t="s">
        <v>50</v>
      </c>
      <c r="U6" s="401" t="s">
        <v>51</v>
      </c>
      <c r="V6" s="402" t="s">
        <v>45</v>
      </c>
      <c r="W6" s="399" t="s">
        <v>52</v>
      </c>
      <c r="X6" s="400" t="s">
        <v>43</v>
      </c>
      <c r="Y6" s="401" t="s">
        <v>44</v>
      </c>
      <c r="Z6" s="402" t="s">
        <v>45</v>
      </c>
      <c r="AA6" s="403" t="s">
        <v>46</v>
      </c>
      <c r="AB6" s="401" t="s">
        <v>47</v>
      </c>
      <c r="AC6" s="401" t="s">
        <v>48</v>
      </c>
      <c r="AD6" s="401" t="s">
        <v>49</v>
      </c>
      <c r="AE6" s="401" t="s">
        <v>50</v>
      </c>
      <c r="AF6" s="401" t="s">
        <v>51</v>
      </c>
      <c r="AG6" s="402" t="s">
        <v>45</v>
      </c>
      <c r="AH6" s="404" t="s">
        <v>52</v>
      </c>
      <c r="AI6" s="400" t="s">
        <v>43</v>
      </c>
      <c r="AJ6" s="401" t="s">
        <v>44</v>
      </c>
      <c r="AK6" s="402" t="s">
        <v>45</v>
      </c>
      <c r="AL6" s="403" t="s">
        <v>46</v>
      </c>
      <c r="AM6" s="401" t="s">
        <v>47</v>
      </c>
      <c r="AN6" s="401" t="s">
        <v>48</v>
      </c>
      <c r="AO6" s="401" t="s">
        <v>49</v>
      </c>
      <c r="AP6" s="401" t="s">
        <v>50</v>
      </c>
      <c r="AQ6" s="401" t="s">
        <v>51</v>
      </c>
      <c r="AR6" s="402" t="s">
        <v>45</v>
      </c>
      <c r="AS6" s="404" t="s">
        <v>52</v>
      </c>
      <c r="AT6" s="400" t="s">
        <v>43</v>
      </c>
      <c r="AU6" s="401" t="s">
        <v>44</v>
      </c>
      <c r="AV6" s="402" t="s">
        <v>45</v>
      </c>
      <c r="AW6" s="403" t="s">
        <v>46</v>
      </c>
      <c r="AX6" s="401" t="s">
        <v>47</v>
      </c>
      <c r="AY6" s="401" t="s">
        <v>48</v>
      </c>
      <c r="AZ6" s="401" t="s">
        <v>49</v>
      </c>
      <c r="BA6" s="401" t="s">
        <v>50</v>
      </c>
      <c r="BB6" s="401" t="s">
        <v>51</v>
      </c>
      <c r="BC6" s="402" t="s">
        <v>45</v>
      </c>
      <c r="BD6" s="404" t="s">
        <v>52</v>
      </c>
      <c r="BE6" s="400" t="s">
        <v>43</v>
      </c>
      <c r="BF6" s="401" t="s">
        <v>44</v>
      </c>
      <c r="BG6" s="402" t="s">
        <v>45</v>
      </c>
      <c r="BH6" s="403" t="s">
        <v>46</v>
      </c>
      <c r="BI6" s="401" t="s">
        <v>47</v>
      </c>
      <c r="BJ6" s="401" t="s">
        <v>48</v>
      </c>
      <c r="BK6" s="401" t="s">
        <v>49</v>
      </c>
      <c r="BL6" s="401" t="s">
        <v>50</v>
      </c>
      <c r="BM6" s="401" t="s">
        <v>51</v>
      </c>
      <c r="BN6" s="402" t="s">
        <v>45</v>
      </c>
      <c r="BO6" s="404" t="s">
        <v>52</v>
      </c>
      <c r="BP6" s="400" t="s">
        <v>43</v>
      </c>
      <c r="BQ6" s="401" t="s">
        <v>44</v>
      </c>
      <c r="BR6" s="402" t="s">
        <v>45</v>
      </c>
      <c r="BS6" s="403" t="s">
        <v>46</v>
      </c>
      <c r="BT6" s="401" t="s">
        <v>47</v>
      </c>
      <c r="BU6" s="401" t="s">
        <v>48</v>
      </c>
      <c r="BV6" s="401" t="s">
        <v>49</v>
      </c>
      <c r="BW6" s="401" t="s">
        <v>50</v>
      </c>
      <c r="BX6" s="401" t="s">
        <v>51</v>
      </c>
      <c r="BY6" s="402" t="s">
        <v>45</v>
      </c>
      <c r="BZ6" s="404" t="s">
        <v>52</v>
      </c>
      <c r="CA6" s="400" t="s">
        <v>43</v>
      </c>
      <c r="CB6" s="401" t="s">
        <v>44</v>
      </c>
      <c r="CC6" s="402" t="s">
        <v>45</v>
      </c>
      <c r="CD6" s="403" t="s">
        <v>46</v>
      </c>
      <c r="CE6" s="401" t="s">
        <v>47</v>
      </c>
      <c r="CF6" s="401" t="s">
        <v>48</v>
      </c>
      <c r="CG6" s="401" t="s">
        <v>49</v>
      </c>
      <c r="CH6" s="401" t="s">
        <v>50</v>
      </c>
      <c r="CI6" s="401" t="s">
        <v>51</v>
      </c>
      <c r="CJ6" s="402" t="s">
        <v>45</v>
      </c>
      <c r="CK6" s="404" t="s">
        <v>52</v>
      </c>
      <c r="CL6" s="400" t="s">
        <v>43</v>
      </c>
      <c r="CM6" s="401" t="s">
        <v>44</v>
      </c>
      <c r="CN6" s="402" t="s">
        <v>45</v>
      </c>
      <c r="CO6" s="403" t="s">
        <v>46</v>
      </c>
      <c r="CP6" s="401" t="s">
        <v>47</v>
      </c>
      <c r="CQ6" s="401" t="s">
        <v>48</v>
      </c>
      <c r="CR6" s="401" t="s">
        <v>49</v>
      </c>
      <c r="CS6" s="401" t="s">
        <v>50</v>
      </c>
      <c r="CT6" s="401" t="s">
        <v>51</v>
      </c>
      <c r="CU6" s="402" t="s">
        <v>45</v>
      </c>
      <c r="CV6" s="404" t="s">
        <v>52</v>
      </c>
      <c r="CW6" s="51" t="s">
        <v>43</v>
      </c>
      <c r="CX6" s="47" t="s">
        <v>44</v>
      </c>
      <c r="CY6" s="48" t="s">
        <v>45</v>
      </c>
      <c r="CZ6" s="52" t="s">
        <v>46</v>
      </c>
      <c r="DA6" s="47" t="s">
        <v>47</v>
      </c>
      <c r="DB6" s="47" t="s">
        <v>48</v>
      </c>
      <c r="DC6" s="47" t="s">
        <v>49</v>
      </c>
      <c r="DD6" s="47" t="s">
        <v>50</v>
      </c>
      <c r="DE6" s="47" t="s">
        <v>51</v>
      </c>
      <c r="DF6" s="48" t="s">
        <v>45</v>
      </c>
      <c r="DG6" s="53" t="s">
        <v>52</v>
      </c>
      <c r="DH6" s="400" t="s">
        <v>43</v>
      </c>
      <c r="DI6" s="401" t="s">
        <v>44</v>
      </c>
      <c r="DJ6" s="402" t="s">
        <v>45</v>
      </c>
      <c r="DK6" s="403" t="s">
        <v>46</v>
      </c>
      <c r="DL6" s="401" t="s">
        <v>47</v>
      </c>
      <c r="DM6" s="401" t="s">
        <v>48</v>
      </c>
      <c r="DN6" s="401" t="s">
        <v>49</v>
      </c>
      <c r="DO6" s="401" t="s">
        <v>50</v>
      </c>
      <c r="DP6" s="401" t="s">
        <v>51</v>
      </c>
      <c r="DQ6" s="402" t="s">
        <v>45</v>
      </c>
      <c r="DR6" s="404" t="s">
        <v>52</v>
      </c>
      <c r="DS6" s="400" t="s">
        <v>43</v>
      </c>
      <c r="DT6" s="401" t="s">
        <v>44</v>
      </c>
      <c r="DU6" s="402" t="s">
        <v>45</v>
      </c>
      <c r="DV6" s="403" t="s">
        <v>46</v>
      </c>
      <c r="DW6" s="401" t="s">
        <v>47</v>
      </c>
      <c r="DX6" s="401" t="s">
        <v>48</v>
      </c>
      <c r="DY6" s="401" t="s">
        <v>49</v>
      </c>
      <c r="DZ6" s="401" t="s">
        <v>50</v>
      </c>
      <c r="EA6" s="401" t="s">
        <v>51</v>
      </c>
      <c r="EB6" s="402" t="s">
        <v>45</v>
      </c>
      <c r="EC6" s="404" t="s">
        <v>52</v>
      </c>
      <c r="ED6" s="400" t="s">
        <v>43</v>
      </c>
      <c r="EE6" s="401" t="s">
        <v>44</v>
      </c>
      <c r="EF6" s="402" t="s">
        <v>45</v>
      </c>
      <c r="EG6" s="403" t="s">
        <v>46</v>
      </c>
      <c r="EH6" s="401" t="s">
        <v>47</v>
      </c>
      <c r="EI6" s="401" t="s">
        <v>48</v>
      </c>
      <c r="EJ6" s="401" t="s">
        <v>49</v>
      </c>
      <c r="EK6" s="401" t="s">
        <v>50</v>
      </c>
      <c r="EL6" s="401" t="s">
        <v>51</v>
      </c>
      <c r="EM6" s="402" t="s">
        <v>45</v>
      </c>
      <c r="EN6" s="404" t="s">
        <v>52</v>
      </c>
      <c r="EO6" s="400" t="s">
        <v>43</v>
      </c>
      <c r="EP6" s="401" t="s">
        <v>44</v>
      </c>
      <c r="EQ6" s="402" t="s">
        <v>45</v>
      </c>
      <c r="ER6" s="403" t="s">
        <v>46</v>
      </c>
      <c r="ES6" s="401" t="s">
        <v>47</v>
      </c>
      <c r="ET6" s="401" t="s">
        <v>48</v>
      </c>
      <c r="EU6" s="401" t="s">
        <v>49</v>
      </c>
      <c r="EV6" s="401" t="s">
        <v>50</v>
      </c>
      <c r="EW6" s="401" t="s">
        <v>51</v>
      </c>
      <c r="EX6" s="402" t="s">
        <v>45</v>
      </c>
      <c r="EY6" s="404" t="s">
        <v>52</v>
      </c>
      <c r="EZ6" s="400" t="s">
        <v>43</v>
      </c>
      <c r="FA6" s="401" t="s">
        <v>44</v>
      </c>
      <c r="FB6" s="402" t="s">
        <v>45</v>
      </c>
      <c r="FC6" s="403" t="s">
        <v>46</v>
      </c>
      <c r="FD6" s="401" t="s">
        <v>47</v>
      </c>
      <c r="FE6" s="401" t="s">
        <v>48</v>
      </c>
      <c r="FF6" s="401" t="s">
        <v>49</v>
      </c>
      <c r="FG6" s="401" t="s">
        <v>50</v>
      </c>
      <c r="FH6" s="401" t="s">
        <v>51</v>
      </c>
      <c r="FI6" s="402" t="s">
        <v>45</v>
      </c>
      <c r="FJ6" s="404" t="s">
        <v>52</v>
      </c>
      <c r="FK6" s="400" t="s">
        <v>43</v>
      </c>
      <c r="FL6" s="401" t="s">
        <v>44</v>
      </c>
      <c r="FM6" s="402" t="s">
        <v>45</v>
      </c>
      <c r="FN6" s="403" t="s">
        <v>46</v>
      </c>
      <c r="FO6" s="401" t="s">
        <v>47</v>
      </c>
      <c r="FP6" s="401" t="s">
        <v>48</v>
      </c>
      <c r="FQ6" s="401" t="s">
        <v>49</v>
      </c>
      <c r="FR6" s="401" t="s">
        <v>50</v>
      </c>
      <c r="FS6" s="401" t="s">
        <v>51</v>
      </c>
      <c r="FT6" s="402" t="s">
        <v>45</v>
      </c>
      <c r="FU6" s="404" t="s">
        <v>52</v>
      </c>
      <c r="FV6" s="400" t="s">
        <v>43</v>
      </c>
      <c r="FW6" s="401" t="s">
        <v>44</v>
      </c>
      <c r="FX6" s="402" t="s">
        <v>45</v>
      </c>
      <c r="FY6" s="403" t="s">
        <v>46</v>
      </c>
      <c r="FZ6" s="401" t="s">
        <v>47</v>
      </c>
      <c r="GA6" s="401" t="s">
        <v>48</v>
      </c>
      <c r="GB6" s="401" t="s">
        <v>49</v>
      </c>
      <c r="GC6" s="401" t="s">
        <v>50</v>
      </c>
      <c r="GD6" s="401" t="s">
        <v>51</v>
      </c>
      <c r="GE6" s="402" t="s">
        <v>45</v>
      </c>
      <c r="GF6" s="404" t="s">
        <v>52</v>
      </c>
      <c r="GG6" s="400" t="s">
        <v>43</v>
      </c>
      <c r="GH6" s="401" t="s">
        <v>44</v>
      </c>
      <c r="GI6" s="402" t="s">
        <v>45</v>
      </c>
      <c r="GJ6" s="403" t="s">
        <v>46</v>
      </c>
      <c r="GK6" s="401" t="s">
        <v>47</v>
      </c>
      <c r="GL6" s="401" t="s">
        <v>48</v>
      </c>
      <c r="GM6" s="401" t="s">
        <v>49</v>
      </c>
      <c r="GN6" s="401" t="s">
        <v>50</v>
      </c>
      <c r="GO6" s="401" t="s">
        <v>51</v>
      </c>
      <c r="GP6" s="402" t="s">
        <v>45</v>
      </c>
      <c r="GQ6" s="404" t="s">
        <v>52</v>
      </c>
      <c r="GR6" s="51" t="s">
        <v>43</v>
      </c>
      <c r="GS6" s="47" t="s">
        <v>44</v>
      </c>
      <c r="GT6" s="48" t="s">
        <v>45</v>
      </c>
      <c r="GU6" s="52" t="s">
        <v>46</v>
      </c>
      <c r="GV6" s="47" t="s">
        <v>47</v>
      </c>
      <c r="GW6" s="47" t="s">
        <v>48</v>
      </c>
      <c r="GX6" s="47" t="s">
        <v>49</v>
      </c>
      <c r="GY6" s="47" t="s">
        <v>50</v>
      </c>
      <c r="GZ6" s="47" t="s">
        <v>51</v>
      </c>
      <c r="HA6" s="48" t="s">
        <v>45</v>
      </c>
      <c r="HB6" s="53" t="s">
        <v>52</v>
      </c>
      <c r="HC6" s="400" t="s">
        <v>43</v>
      </c>
      <c r="HD6" s="401" t="s">
        <v>44</v>
      </c>
      <c r="HE6" s="402" t="s">
        <v>45</v>
      </c>
      <c r="HF6" s="403" t="s">
        <v>46</v>
      </c>
      <c r="HG6" s="401" t="s">
        <v>47</v>
      </c>
      <c r="HH6" s="401" t="s">
        <v>48</v>
      </c>
      <c r="HI6" s="401" t="s">
        <v>49</v>
      </c>
      <c r="HJ6" s="401" t="s">
        <v>50</v>
      </c>
      <c r="HK6" s="401" t="s">
        <v>51</v>
      </c>
      <c r="HL6" s="402" t="s">
        <v>45</v>
      </c>
      <c r="HM6" s="404" t="s">
        <v>52</v>
      </c>
      <c r="HN6" s="400" t="s">
        <v>43</v>
      </c>
      <c r="HO6" s="401" t="s">
        <v>44</v>
      </c>
      <c r="HP6" s="402" t="s">
        <v>45</v>
      </c>
      <c r="HQ6" s="403" t="s">
        <v>46</v>
      </c>
      <c r="HR6" s="401" t="s">
        <v>47</v>
      </c>
      <c r="HS6" s="401" t="s">
        <v>48</v>
      </c>
      <c r="HT6" s="401" t="s">
        <v>49</v>
      </c>
      <c r="HU6" s="401" t="s">
        <v>50</v>
      </c>
      <c r="HV6" s="401" t="s">
        <v>51</v>
      </c>
      <c r="HW6" s="402" t="s">
        <v>45</v>
      </c>
      <c r="HX6" s="404" t="s">
        <v>52</v>
      </c>
      <c r="HY6" s="400" t="s">
        <v>43</v>
      </c>
      <c r="HZ6" s="401" t="s">
        <v>44</v>
      </c>
      <c r="IA6" s="402" t="s">
        <v>45</v>
      </c>
      <c r="IB6" s="403" t="s">
        <v>46</v>
      </c>
      <c r="IC6" s="401" t="s">
        <v>47</v>
      </c>
      <c r="ID6" s="401" t="s">
        <v>48</v>
      </c>
      <c r="IE6" s="401" t="s">
        <v>49</v>
      </c>
      <c r="IF6" s="401" t="s">
        <v>50</v>
      </c>
      <c r="IG6" s="401" t="s">
        <v>51</v>
      </c>
      <c r="IH6" s="402" t="s">
        <v>45</v>
      </c>
      <c r="II6" s="404" t="s">
        <v>52</v>
      </c>
      <c r="IJ6" s="400" t="s">
        <v>43</v>
      </c>
      <c r="IK6" s="401" t="s">
        <v>44</v>
      </c>
      <c r="IL6" s="402" t="s">
        <v>45</v>
      </c>
      <c r="IM6" s="403" t="s">
        <v>46</v>
      </c>
      <c r="IN6" s="401" t="s">
        <v>47</v>
      </c>
      <c r="IO6" s="401" t="s">
        <v>48</v>
      </c>
      <c r="IP6" s="401" t="s">
        <v>49</v>
      </c>
      <c r="IQ6" s="401" t="s">
        <v>50</v>
      </c>
      <c r="IR6" s="401" t="s">
        <v>51</v>
      </c>
      <c r="IS6" s="402" t="s">
        <v>45</v>
      </c>
      <c r="IT6" s="404" t="s">
        <v>52</v>
      </c>
      <c r="IU6" s="400" t="s">
        <v>43</v>
      </c>
      <c r="IV6" s="401" t="s">
        <v>44</v>
      </c>
      <c r="IW6" s="402" t="s">
        <v>45</v>
      </c>
      <c r="IX6" s="403" t="s">
        <v>46</v>
      </c>
      <c r="IY6" s="401" t="s">
        <v>47</v>
      </c>
      <c r="IZ6" s="401" t="s">
        <v>48</v>
      </c>
      <c r="JA6" s="401" t="s">
        <v>49</v>
      </c>
      <c r="JB6" s="401" t="s">
        <v>50</v>
      </c>
      <c r="JC6" s="401" t="s">
        <v>51</v>
      </c>
      <c r="JD6" s="402" t="s">
        <v>45</v>
      </c>
      <c r="JE6" s="404" t="s">
        <v>52</v>
      </c>
      <c r="JF6" s="400" t="s">
        <v>43</v>
      </c>
      <c r="JG6" s="401" t="s">
        <v>44</v>
      </c>
      <c r="JH6" s="402" t="s">
        <v>45</v>
      </c>
      <c r="JI6" s="403" t="s">
        <v>46</v>
      </c>
      <c r="JJ6" s="401" t="s">
        <v>47</v>
      </c>
      <c r="JK6" s="401" t="s">
        <v>48</v>
      </c>
      <c r="JL6" s="401" t="s">
        <v>49</v>
      </c>
      <c r="JM6" s="401" t="s">
        <v>50</v>
      </c>
      <c r="JN6" s="401" t="s">
        <v>51</v>
      </c>
      <c r="JO6" s="402" t="s">
        <v>45</v>
      </c>
      <c r="JP6" s="404" t="s">
        <v>52</v>
      </c>
      <c r="JQ6" s="400" t="s">
        <v>43</v>
      </c>
      <c r="JR6" s="401" t="s">
        <v>44</v>
      </c>
      <c r="JS6" s="402" t="s">
        <v>45</v>
      </c>
      <c r="JT6" s="403" t="s">
        <v>46</v>
      </c>
      <c r="JU6" s="401" t="s">
        <v>47</v>
      </c>
      <c r="JV6" s="401" t="s">
        <v>48</v>
      </c>
      <c r="JW6" s="401" t="s">
        <v>49</v>
      </c>
      <c r="JX6" s="401" t="s">
        <v>50</v>
      </c>
      <c r="JY6" s="401" t="s">
        <v>51</v>
      </c>
      <c r="JZ6" s="402" t="s">
        <v>45</v>
      </c>
      <c r="KA6" s="404" t="s">
        <v>52</v>
      </c>
      <c r="KB6" s="400" t="s">
        <v>43</v>
      </c>
      <c r="KC6" s="401" t="s">
        <v>44</v>
      </c>
      <c r="KD6" s="402" t="s">
        <v>45</v>
      </c>
      <c r="KE6" s="403" t="s">
        <v>46</v>
      </c>
      <c r="KF6" s="401" t="s">
        <v>47</v>
      </c>
      <c r="KG6" s="401" t="s">
        <v>48</v>
      </c>
      <c r="KH6" s="401" t="s">
        <v>49</v>
      </c>
      <c r="KI6" s="401" t="s">
        <v>50</v>
      </c>
      <c r="KJ6" s="401" t="s">
        <v>51</v>
      </c>
      <c r="KK6" s="402" t="s">
        <v>45</v>
      </c>
      <c r="KL6" s="404" t="s">
        <v>52</v>
      </c>
    </row>
    <row r="7" spans="1:298" ht="19.5" customHeight="1" x14ac:dyDescent="0.2">
      <c r="A7" s="128" t="s">
        <v>4</v>
      </c>
      <c r="B7" s="349">
        <v>19501</v>
      </c>
      <c r="C7" s="78">
        <v>19492</v>
      </c>
      <c r="D7" s="79">
        <v>38993</v>
      </c>
      <c r="E7" s="272"/>
      <c r="F7" s="78">
        <v>29580</v>
      </c>
      <c r="G7" s="78">
        <v>28827</v>
      </c>
      <c r="H7" s="78">
        <v>20179</v>
      </c>
      <c r="I7" s="78">
        <v>16698</v>
      </c>
      <c r="J7" s="78">
        <v>10240</v>
      </c>
      <c r="K7" s="80">
        <v>105524</v>
      </c>
      <c r="L7" s="81">
        <v>144517</v>
      </c>
      <c r="M7" s="66">
        <v>831</v>
      </c>
      <c r="N7" s="67">
        <v>1067</v>
      </c>
      <c r="O7" s="68">
        <v>1898</v>
      </c>
      <c r="P7" s="275"/>
      <c r="Q7" s="67">
        <v>1367</v>
      </c>
      <c r="R7" s="67">
        <v>1650</v>
      </c>
      <c r="S7" s="67">
        <v>1013</v>
      </c>
      <c r="T7" s="67">
        <v>941</v>
      </c>
      <c r="U7" s="67">
        <v>761</v>
      </c>
      <c r="V7" s="68">
        <v>5732</v>
      </c>
      <c r="W7" s="69">
        <v>7630</v>
      </c>
      <c r="X7" s="66">
        <v>2085</v>
      </c>
      <c r="Y7" s="67">
        <v>2386</v>
      </c>
      <c r="Z7" s="68">
        <v>4471</v>
      </c>
      <c r="AA7" s="275"/>
      <c r="AB7" s="67">
        <v>3167</v>
      </c>
      <c r="AC7" s="67">
        <v>3611</v>
      </c>
      <c r="AD7" s="67">
        <v>2558</v>
      </c>
      <c r="AE7" s="67">
        <v>2126</v>
      </c>
      <c r="AF7" s="67">
        <v>1549</v>
      </c>
      <c r="AG7" s="68">
        <v>13011</v>
      </c>
      <c r="AH7" s="69">
        <v>17482</v>
      </c>
      <c r="AI7" s="66">
        <v>2984</v>
      </c>
      <c r="AJ7" s="67">
        <v>3191</v>
      </c>
      <c r="AK7" s="68">
        <v>6175</v>
      </c>
      <c r="AL7" s="275"/>
      <c r="AM7" s="67">
        <v>4722</v>
      </c>
      <c r="AN7" s="67">
        <v>4674</v>
      </c>
      <c r="AO7" s="67">
        <v>3210</v>
      </c>
      <c r="AP7" s="67">
        <v>2735</v>
      </c>
      <c r="AQ7" s="67">
        <v>1821</v>
      </c>
      <c r="AR7" s="68">
        <v>17162</v>
      </c>
      <c r="AS7" s="69">
        <v>23337</v>
      </c>
      <c r="AT7" s="66">
        <v>5017</v>
      </c>
      <c r="AU7" s="67">
        <v>4750</v>
      </c>
      <c r="AV7" s="68">
        <v>9767</v>
      </c>
      <c r="AW7" s="275"/>
      <c r="AX7" s="67">
        <v>7307</v>
      </c>
      <c r="AY7" s="67">
        <v>6646</v>
      </c>
      <c r="AZ7" s="67">
        <v>4678</v>
      </c>
      <c r="BA7" s="67">
        <v>3713</v>
      </c>
      <c r="BB7" s="67">
        <v>2382</v>
      </c>
      <c r="BC7" s="68">
        <v>24726</v>
      </c>
      <c r="BD7" s="69">
        <v>34493</v>
      </c>
      <c r="BE7" s="66">
        <v>5479</v>
      </c>
      <c r="BF7" s="67">
        <v>4930</v>
      </c>
      <c r="BG7" s="68">
        <v>10409</v>
      </c>
      <c r="BH7" s="275"/>
      <c r="BI7" s="67">
        <v>7819</v>
      </c>
      <c r="BJ7" s="67">
        <v>7004</v>
      </c>
      <c r="BK7" s="67">
        <v>4860</v>
      </c>
      <c r="BL7" s="67">
        <v>3960</v>
      </c>
      <c r="BM7" s="67">
        <v>2115</v>
      </c>
      <c r="BN7" s="68">
        <v>25758</v>
      </c>
      <c r="BO7" s="69">
        <v>36167</v>
      </c>
      <c r="BP7" s="66">
        <v>3105</v>
      </c>
      <c r="BQ7" s="67">
        <v>3168</v>
      </c>
      <c r="BR7" s="68">
        <v>6273</v>
      </c>
      <c r="BS7" s="275"/>
      <c r="BT7" s="67">
        <v>5198</v>
      </c>
      <c r="BU7" s="67">
        <v>5242</v>
      </c>
      <c r="BV7" s="67">
        <v>3860</v>
      </c>
      <c r="BW7" s="67">
        <v>3223</v>
      </c>
      <c r="BX7" s="67">
        <v>1612</v>
      </c>
      <c r="BY7" s="68">
        <v>19135</v>
      </c>
      <c r="BZ7" s="69">
        <v>25408</v>
      </c>
      <c r="CA7" s="66">
        <v>444</v>
      </c>
      <c r="CB7" s="67">
        <v>759</v>
      </c>
      <c r="CC7" s="68">
        <v>1203</v>
      </c>
      <c r="CD7" s="275"/>
      <c r="CE7" s="67">
        <v>842</v>
      </c>
      <c r="CF7" s="67">
        <v>1316</v>
      </c>
      <c r="CG7" s="67">
        <v>847</v>
      </c>
      <c r="CH7" s="67">
        <v>736</v>
      </c>
      <c r="CI7" s="67">
        <v>722</v>
      </c>
      <c r="CJ7" s="68">
        <v>4463</v>
      </c>
      <c r="CK7" s="69">
        <v>5666</v>
      </c>
      <c r="CL7" s="66">
        <v>19945</v>
      </c>
      <c r="CM7" s="67">
        <v>20251</v>
      </c>
      <c r="CN7" s="68">
        <v>40196</v>
      </c>
      <c r="CO7" s="275"/>
      <c r="CP7" s="67">
        <v>30422</v>
      </c>
      <c r="CQ7" s="67">
        <v>30143</v>
      </c>
      <c r="CR7" s="67">
        <v>21026</v>
      </c>
      <c r="CS7" s="67">
        <v>17434</v>
      </c>
      <c r="CT7" s="67">
        <v>10962</v>
      </c>
      <c r="CU7" s="68">
        <v>109987</v>
      </c>
      <c r="CV7" s="69">
        <v>150183</v>
      </c>
      <c r="CW7" s="125">
        <v>37165</v>
      </c>
      <c r="CX7" s="78">
        <v>42868</v>
      </c>
      <c r="CY7" s="79">
        <v>80033</v>
      </c>
      <c r="CZ7" s="272"/>
      <c r="DA7" s="78">
        <v>54500</v>
      </c>
      <c r="DB7" s="78">
        <v>51112</v>
      </c>
      <c r="DC7" s="78">
        <v>37916</v>
      </c>
      <c r="DD7" s="78">
        <v>37411</v>
      </c>
      <c r="DE7" s="78">
        <v>25003</v>
      </c>
      <c r="DF7" s="80">
        <v>205942</v>
      </c>
      <c r="DG7" s="81">
        <v>285975</v>
      </c>
      <c r="DH7" s="66">
        <v>861</v>
      </c>
      <c r="DI7" s="67">
        <v>1045</v>
      </c>
      <c r="DJ7" s="68">
        <v>1906</v>
      </c>
      <c r="DK7" s="275"/>
      <c r="DL7" s="67">
        <v>1072</v>
      </c>
      <c r="DM7" s="67">
        <v>1147</v>
      </c>
      <c r="DN7" s="67">
        <v>762</v>
      </c>
      <c r="DO7" s="67">
        <v>705</v>
      </c>
      <c r="DP7" s="67">
        <v>596</v>
      </c>
      <c r="DQ7" s="68">
        <v>4282</v>
      </c>
      <c r="DR7" s="69">
        <v>6188</v>
      </c>
      <c r="DS7" s="66">
        <v>2820</v>
      </c>
      <c r="DT7" s="67">
        <v>3331</v>
      </c>
      <c r="DU7" s="68">
        <v>6151</v>
      </c>
      <c r="DV7" s="275"/>
      <c r="DW7" s="67">
        <v>3208</v>
      </c>
      <c r="DX7" s="67">
        <v>3175</v>
      </c>
      <c r="DY7" s="67">
        <v>1954</v>
      </c>
      <c r="DZ7" s="67">
        <v>1859</v>
      </c>
      <c r="EA7" s="67">
        <v>1581</v>
      </c>
      <c r="EB7" s="68">
        <v>11777</v>
      </c>
      <c r="EC7" s="69">
        <v>17928</v>
      </c>
      <c r="ED7" s="66">
        <v>6031</v>
      </c>
      <c r="EE7" s="67">
        <v>6298</v>
      </c>
      <c r="EF7" s="68">
        <v>12329</v>
      </c>
      <c r="EG7" s="275"/>
      <c r="EH7" s="67">
        <v>6733</v>
      </c>
      <c r="EI7" s="67">
        <v>5478</v>
      </c>
      <c r="EJ7" s="67">
        <v>3573</v>
      </c>
      <c r="EK7" s="67">
        <v>3275</v>
      </c>
      <c r="EL7" s="67">
        <v>2565</v>
      </c>
      <c r="EM7" s="68">
        <v>21624</v>
      </c>
      <c r="EN7" s="69">
        <v>33953</v>
      </c>
      <c r="EO7" s="66">
        <v>10923</v>
      </c>
      <c r="EP7" s="67">
        <v>11307</v>
      </c>
      <c r="EQ7" s="68">
        <v>22230</v>
      </c>
      <c r="ER7" s="275"/>
      <c r="ES7" s="67">
        <v>13053</v>
      </c>
      <c r="ET7" s="67">
        <v>10708</v>
      </c>
      <c r="EU7" s="67">
        <v>6841</v>
      </c>
      <c r="EV7" s="67">
        <v>6352</v>
      </c>
      <c r="EW7" s="67">
        <v>4396</v>
      </c>
      <c r="EX7" s="68">
        <v>41350</v>
      </c>
      <c r="EY7" s="69">
        <v>63580</v>
      </c>
      <c r="EZ7" s="66">
        <v>10964</v>
      </c>
      <c r="FA7" s="67">
        <v>12791</v>
      </c>
      <c r="FB7" s="68">
        <v>23755</v>
      </c>
      <c r="FC7" s="275"/>
      <c r="FD7" s="67">
        <v>16759</v>
      </c>
      <c r="FE7" s="67">
        <v>14583</v>
      </c>
      <c r="FF7" s="67">
        <v>10411</v>
      </c>
      <c r="FG7" s="67">
        <v>9857</v>
      </c>
      <c r="FH7" s="67">
        <v>6436</v>
      </c>
      <c r="FI7" s="68">
        <v>58046</v>
      </c>
      <c r="FJ7" s="69">
        <v>81801</v>
      </c>
      <c r="FK7" s="66">
        <v>5566</v>
      </c>
      <c r="FL7" s="67">
        <v>8096</v>
      </c>
      <c r="FM7" s="68">
        <v>13662</v>
      </c>
      <c r="FN7" s="275"/>
      <c r="FO7" s="67">
        <v>13675</v>
      </c>
      <c r="FP7" s="67">
        <v>16021</v>
      </c>
      <c r="FQ7" s="67">
        <v>14375</v>
      </c>
      <c r="FR7" s="67">
        <v>15363</v>
      </c>
      <c r="FS7" s="67">
        <v>9429</v>
      </c>
      <c r="FT7" s="68">
        <v>68863</v>
      </c>
      <c r="FU7" s="69">
        <v>82525</v>
      </c>
      <c r="FV7" s="66">
        <v>387</v>
      </c>
      <c r="FW7" s="67">
        <v>681</v>
      </c>
      <c r="FX7" s="68">
        <v>1068</v>
      </c>
      <c r="FY7" s="275"/>
      <c r="FZ7" s="67">
        <v>636</v>
      </c>
      <c r="GA7" s="67">
        <v>1020</v>
      </c>
      <c r="GB7" s="67">
        <v>607</v>
      </c>
      <c r="GC7" s="67">
        <v>584</v>
      </c>
      <c r="GD7" s="67">
        <v>592</v>
      </c>
      <c r="GE7" s="68">
        <v>3439</v>
      </c>
      <c r="GF7" s="69">
        <v>4507</v>
      </c>
      <c r="GG7" s="66">
        <v>37552</v>
      </c>
      <c r="GH7" s="67">
        <v>43549</v>
      </c>
      <c r="GI7" s="68">
        <v>81101</v>
      </c>
      <c r="GJ7" s="275"/>
      <c r="GK7" s="67">
        <v>55136</v>
      </c>
      <c r="GL7" s="67">
        <v>52132</v>
      </c>
      <c r="GM7" s="67">
        <v>38523</v>
      </c>
      <c r="GN7" s="67">
        <v>37995</v>
      </c>
      <c r="GO7" s="67">
        <v>25595</v>
      </c>
      <c r="GP7" s="68">
        <v>209381</v>
      </c>
      <c r="GQ7" s="69">
        <v>290482</v>
      </c>
      <c r="GR7" s="125">
        <v>56666</v>
      </c>
      <c r="GS7" s="78">
        <v>62360</v>
      </c>
      <c r="GT7" s="79">
        <v>119026</v>
      </c>
      <c r="GU7" s="272"/>
      <c r="GV7" s="78">
        <v>84080</v>
      </c>
      <c r="GW7" s="78">
        <v>79939</v>
      </c>
      <c r="GX7" s="78">
        <v>58095</v>
      </c>
      <c r="GY7" s="78">
        <v>54109</v>
      </c>
      <c r="GZ7" s="78">
        <v>35243</v>
      </c>
      <c r="HA7" s="80">
        <v>311466</v>
      </c>
      <c r="HB7" s="81">
        <v>430492</v>
      </c>
      <c r="HC7" s="66">
        <v>1692</v>
      </c>
      <c r="HD7" s="67">
        <v>2112</v>
      </c>
      <c r="HE7" s="68">
        <v>3804</v>
      </c>
      <c r="HF7" s="275"/>
      <c r="HG7" s="67">
        <v>2439</v>
      </c>
      <c r="HH7" s="67">
        <v>2797</v>
      </c>
      <c r="HI7" s="67">
        <v>1775</v>
      </c>
      <c r="HJ7" s="67">
        <v>1646</v>
      </c>
      <c r="HK7" s="67">
        <v>1357</v>
      </c>
      <c r="HL7" s="68">
        <v>10014</v>
      </c>
      <c r="HM7" s="69">
        <v>13818</v>
      </c>
      <c r="HN7" s="66">
        <v>4905</v>
      </c>
      <c r="HO7" s="67">
        <v>5717</v>
      </c>
      <c r="HP7" s="68">
        <v>10622</v>
      </c>
      <c r="HQ7" s="275"/>
      <c r="HR7" s="67">
        <v>6375</v>
      </c>
      <c r="HS7" s="67">
        <v>6786</v>
      </c>
      <c r="HT7" s="67">
        <v>4512</v>
      </c>
      <c r="HU7" s="67">
        <v>3985</v>
      </c>
      <c r="HV7" s="67">
        <v>3130</v>
      </c>
      <c r="HW7" s="68">
        <v>24788</v>
      </c>
      <c r="HX7" s="69">
        <v>35410</v>
      </c>
      <c r="HY7" s="66">
        <v>9015</v>
      </c>
      <c r="HZ7" s="67">
        <v>9489</v>
      </c>
      <c r="IA7" s="68">
        <v>18504</v>
      </c>
      <c r="IB7" s="275"/>
      <c r="IC7" s="67">
        <v>11455</v>
      </c>
      <c r="ID7" s="67">
        <v>10152</v>
      </c>
      <c r="IE7" s="67">
        <v>6783</v>
      </c>
      <c r="IF7" s="67">
        <v>6010</v>
      </c>
      <c r="IG7" s="67">
        <v>4386</v>
      </c>
      <c r="IH7" s="68">
        <v>38786</v>
      </c>
      <c r="II7" s="69">
        <v>57290</v>
      </c>
      <c r="IJ7" s="66">
        <v>15940</v>
      </c>
      <c r="IK7" s="67">
        <v>16057</v>
      </c>
      <c r="IL7" s="68">
        <v>31997</v>
      </c>
      <c r="IM7" s="275"/>
      <c r="IN7" s="67">
        <v>20360</v>
      </c>
      <c r="IO7" s="67">
        <v>17354</v>
      </c>
      <c r="IP7" s="67">
        <v>11519</v>
      </c>
      <c r="IQ7" s="67">
        <v>10065</v>
      </c>
      <c r="IR7" s="67">
        <v>6778</v>
      </c>
      <c r="IS7" s="68">
        <v>66076</v>
      </c>
      <c r="IT7" s="69">
        <v>98073</v>
      </c>
      <c r="IU7" s="66">
        <v>16443</v>
      </c>
      <c r="IV7" s="67">
        <v>17721</v>
      </c>
      <c r="IW7" s="68">
        <v>34164</v>
      </c>
      <c r="IX7" s="275"/>
      <c r="IY7" s="67">
        <v>24578</v>
      </c>
      <c r="IZ7" s="67">
        <v>21587</v>
      </c>
      <c r="JA7" s="67">
        <v>15271</v>
      </c>
      <c r="JB7" s="67">
        <v>13817</v>
      </c>
      <c r="JC7" s="67">
        <v>8551</v>
      </c>
      <c r="JD7" s="68">
        <v>83804</v>
      </c>
      <c r="JE7" s="69">
        <v>117968</v>
      </c>
      <c r="JF7" s="66">
        <v>8671</v>
      </c>
      <c r="JG7" s="67">
        <v>11264</v>
      </c>
      <c r="JH7" s="68">
        <v>19935</v>
      </c>
      <c r="JI7" s="275"/>
      <c r="JJ7" s="67">
        <v>18873</v>
      </c>
      <c r="JK7" s="67">
        <v>21263</v>
      </c>
      <c r="JL7" s="67">
        <v>18235</v>
      </c>
      <c r="JM7" s="67">
        <v>18586</v>
      </c>
      <c r="JN7" s="67">
        <v>11041</v>
      </c>
      <c r="JO7" s="68">
        <v>87998</v>
      </c>
      <c r="JP7" s="69">
        <v>107933</v>
      </c>
      <c r="JQ7" s="66">
        <v>831</v>
      </c>
      <c r="JR7" s="67">
        <v>1440</v>
      </c>
      <c r="JS7" s="68">
        <v>2271</v>
      </c>
      <c r="JT7" s="275"/>
      <c r="JU7" s="67">
        <v>1478</v>
      </c>
      <c r="JV7" s="67">
        <v>2336</v>
      </c>
      <c r="JW7" s="67">
        <v>1454</v>
      </c>
      <c r="JX7" s="67">
        <v>1320</v>
      </c>
      <c r="JY7" s="67">
        <v>1314</v>
      </c>
      <c r="JZ7" s="68">
        <v>7902</v>
      </c>
      <c r="KA7" s="69">
        <v>10173</v>
      </c>
      <c r="KB7" s="66">
        <v>57497</v>
      </c>
      <c r="KC7" s="67">
        <v>63800</v>
      </c>
      <c r="KD7" s="68">
        <v>121297</v>
      </c>
      <c r="KE7" s="275"/>
      <c r="KF7" s="67">
        <v>85558</v>
      </c>
      <c r="KG7" s="67">
        <v>82275</v>
      </c>
      <c r="KH7" s="67">
        <v>59549</v>
      </c>
      <c r="KI7" s="67">
        <v>55429</v>
      </c>
      <c r="KJ7" s="67">
        <v>36557</v>
      </c>
      <c r="KK7" s="68">
        <v>319368</v>
      </c>
      <c r="KL7" s="69">
        <v>440665</v>
      </c>
    </row>
    <row r="8" spans="1:298" ht="19.5" customHeight="1" x14ac:dyDescent="0.2">
      <c r="A8" s="129" t="s">
        <v>5</v>
      </c>
      <c r="B8" s="350">
        <v>7958</v>
      </c>
      <c r="C8" s="82">
        <v>9175</v>
      </c>
      <c r="D8" s="83">
        <v>17133</v>
      </c>
      <c r="E8" s="273"/>
      <c r="F8" s="82">
        <v>9797</v>
      </c>
      <c r="G8" s="82">
        <v>12838</v>
      </c>
      <c r="H8" s="82">
        <v>8392</v>
      </c>
      <c r="I8" s="82">
        <v>6881</v>
      </c>
      <c r="J8" s="82">
        <v>4323</v>
      </c>
      <c r="K8" s="84">
        <v>42231</v>
      </c>
      <c r="L8" s="85">
        <v>59364</v>
      </c>
      <c r="M8" s="70">
        <v>318</v>
      </c>
      <c r="N8" s="71">
        <v>502</v>
      </c>
      <c r="O8" s="72">
        <v>820</v>
      </c>
      <c r="P8" s="276"/>
      <c r="Q8" s="71">
        <v>407</v>
      </c>
      <c r="R8" s="71">
        <v>759</v>
      </c>
      <c r="S8" s="71">
        <v>386</v>
      </c>
      <c r="T8" s="71">
        <v>378</v>
      </c>
      <c r="U8" s="71">
        <v>312</v>
      </c>
      <c r="V8" s="72">
        <v>2242</v>
      </c>
      <c r="W8" s="73">
        <v>3062</v>
      </c>
      <c r="X8" s="70">
        <v>794</v>
      </c>
      <c r="Y8" s="71">
        <v>1089</v>
      </c>
      <c r="Z8" s="72">
        <v>1883</v>
      </c>
      <c r="AA8" s="276"/>
      <c r="AB8" s="71">
        <v>997</v>
      </c>
      <c r="AC8" s="71">
        <v>1577</v>
      </c>
      <c r="AD8" s="71">
        <v>1084</v>
      </c>
      <c r="AE8" s="71">
        <v>874</v>
      </c>
      <c r="AF8" s="71">
        <v>694</v>
      </c>
      <c r="AG8" s="72">
        <v>5226</v>
      </c>
      <c r="AH8" s="73">
        <v>7109</v>
      </c>
      <c r="AI8" s="70">
        <v>1162</v>
      </c>
      <c r="AJ8" s="71">
        <v>1471</v>
      </c>
      <c r="AK8" s="72">
        <v>2633</v>
      </c>
      <c r="AL8" s="276"/>
      <c r="AM8" s="71">
        <v>1480</v>
      </c>
      <c r="AN8" s="71">
        <v>2086</v>
      </c>
      <c r="AO8" s="71">
        <v>1306</v>
      </c>
      <c r="AP8" s="71">
        <v>1148</v>
      </c>
      <c r="AQ8" s="71">
        <v>733</v>
      </c>
      <c r="AR8" s="72">
        <v>6753</v>
      </c>
      <c r="AS8" s="73">
        <v>9386</v>
      </c>
      <c r="AT8" s="70">
        <v>2043</v>
      </c>
      <c r="AU8" s="71">
        <v>2236</v>
      </c>
      <c r="AV8" s="72">
        <v>4279</v>
      </c>
      <c r="AW8" s="276"/>
      <c r="AX8" s="71">
        <v>2402</v>
      </c>
      <c r="AY8" s="71">
        <v>2816</v>
      </c>
      <c r="AZ8" s="71">
        <v>1886</v>
      </c>
      <c r="BA8" s="71">
        <v>1505</v>
      </c>
      <c r="BB8" s="71">
        <v>1012</v>
      </c>
      <c r="BC8" s="72">
        <v>9621</v>
      </c>
      <c r="BD8" s="73">
        <v>13900</v>
      </c>
      <c r="BE8" s="70">
        <v>2356</v>
      </c>
      <c r="BF8" s="71">
        <v>2336</v>
      </c>
      <c r="BG8" s="72">
        <v>4692</v>
      </c>
      <c r="BH8" s="276"/>
      <c r="BI8" s="71">
        <v>2730</v>
      </c>
      <c r="BJ8" s="71">
        <v>3122</v>
      </c>
      <c r="BK8" s="71">
        <v>2003</v>
      </c>
      <c r="BL8" s="71">
        <v>1608</v>
      </c>
      <c r="BM8" s="71">
        <v>883</v>
      </c>
      <c r="BN8" s="72">
        <v>10346</v>
      </c>
      <c r="BO8" s="73">
        <v>15038</v>
      </c>
      <c r="BP8" s="70">
        <v>1285</v>
      </c>
      <c r="BQ8" s="71">
        <v>1541</v>
      </c>
      <c r="BR8" s="72">
        <v>2826</v>
      </c>
      <c r="BS8" s="276"/>
      <c r="BT8" s="71">
        <v>1781</v>
      </c>
      <c r="BU8" s="71">
        <v>2478</v>
      </c>
      <c r="BV8" s="71">
        <v>1727</v>
      </c>
      <c r="BW8" s="71">
        <v>1368</v>
      </c>
      <c r="BX8" s="71">
        <v>689</v>
      </c>
      <c r="BY8" s="72">
        <v>8043</v>
      </c>
      <c r="BZ8" s="73">
        <v>10869</v>
      </c>
      <c r="CA8" s="70">
        <v>170</v>
      </c>
      <c r="CB8" s="71">
        <v>323</v>
      </c>
      <c r="CC8" s="72">
        <v>493</v>
      </c>
      <c r="CD8" s="276"/>
      <c r="CE8" s="71">
        <v>238</v>
      </c>
      <c r="CF8" s="71">
        <v>589</v>
      </c>
      <c r="CG8" s="71">
        <v>379</v>
      </c>
      <c r="CH8" s="71">
        <v>319</v>
      </c>
      <c r="CI8" s="71">
        <v>332</v>
      </c>
      <c r="CJ8" s="72">
        <v>1857</v>
      </c>
      <c r="CK8" s="73">
        <v>2350</v>
      </c>
      <c r="CL8" s="70">
        <v>8128</v>
      </c>
      <c r="CM8" s="71">
        <v>9498</v>
      </c>
      <c r="CN8" s="72">
        <v>17626</v>
      </c>
      <c r="CO8" s="276"/>
      <c r="CP8" s="71">
        <v>10035</v>
      </c>
      <c r="CQ8" s="71">
        <v>13427</v>
      </c>
      <c r="CR8" s="71">
        <v>8771</v>
      </c>
      <c r="CS8" s="71">
        <v>7200</v>
      </c>
      <c r="CT8" s="71">
        <v>4655</v>
      </c>
      <c r="CU8" s="72">
        <v>44088</v>
      </c>
      <c r="CV8" s="73">
        <v>61714</v>
      </c>
      <c r="CW8" s="126">
        <v>14618</v>
      </c>
      <c r="CX8" s="82">
        <v>19127</v>
      </c>
      <c r="CY8" s="83">
        <v>33745</v>
      </c>
      <c r="CZ8" s="273"/>
      <c r="DA8" s="82">
        <v>18757</v>
      </c>
      <c r="DB8" s="82">
        <v>23393</v>
      </c>
      <c r="DC8" s="82">
        <v>15793</v>
      </c>
      <c r="DD8" s="82">
        <v>15361</v>
      </c>
      <c r="DE8" s="82">
        <v>10427</v>
      </c>
      <c r="DF8" s="84">
        <v>83731</v>
      </c>
      <c r="DG8" s="85">
        <v>117476</v>
      </c>
      <c r="DH8" s="70">
        <v>329</v>
      </c>
      <c r="DI8" s="71">
        <v>449</v>
      </c>
      <c r="DJ8" s="72">
        <v>778</v>
      </c>
      <c r="DK8" s="276"/>
      <c r="DL8" s="71">
        <v>316</v>
      </c>
      <c r="DM8" s="71">
        <v>521</v>
      </c>
      <c r="DN8" s="71">
        <v>301</v>
      </c>
      <c r="DO8" s="71">
        <v>276</v>
      </c>
      <c r="DP8" s="71">
        <v>243</v>
      </c>
      <c r="DQ8" s="72">
        <v>1657</v>
      </c>
      <c r="DR8" s="73">
        <v>2435</v>
      </c>
      <c r="DS8" s="70">
        <v>1048</v>
      </c>
      <c r="DT8" s="71">
        <v>1437</v>
      </c>
      <c r="DU8" s="72">
        <v>2485</v>
      </c>
      <c r="DV8" s="276"/>
      <c r="DW8" s="71">
        <v>1014</v>
      </c>
      <c r="DX8" s="71">
        <v>1400</v>
      </c>
      <c r="DY8" s="71">
        <v>795</v>
      </c>
      <c r="DZ8" s="71">
        <v>733</v>
      </c>
      <c r="EA8" s="71">
        <v>649</v>
      </c>
      <c r="EB8" s="72">
        <v>4591</v>
      </c>
      <c r="EC8" s="73">
        <v>7076</v>
      </c>
      <c r="ED8" s="70">
        <v>2378</v>
      </c>
      <c r="EE8" s="71">
        <v>2731</v>
      </c>
      <c r="EF8" s="72">
        <v>5109</v>
      </c>
      <c r="EG8" s="276"/>
      <c r="EH8" s="71">
        <v>2199</v>
      </c>
      <c r="EI8" s="71">
        <v>2407</v>
      </c>
      <c r="EJ8" s="71">
        <v>1430</v>
      </c>
      <c r="EK8" s="71">
        <v>1268</v>
      </c>
      <c r="EL8" s="71">
        <v>1047</v>
      </c>
      <c r="EM8" s="72">
        <v>8351</v>
      </c>
      <c r="EN8" s="73">
        <v>13460</v>
      </c>
      <c r="EO8" s="70">
        <v>4267</v>
      </c>
      <c r="EP8" s="71">
        <v>4970</v>
      </c>
      <c r="EQ8" s="72">
        <v>9237</v>
      </c>
      <c r="ER8" s="276"/>
      <c r="ES8" s="71">
        <v>4492</v>
      </c>
      <c r="ET8" s="71">
        <v>4890</v>
      </c>
      <c r="EU8" s="71">
        <v>2836</v>
      </c>
      <c r="EV8" s="71">
        <v>2580</v>
      </c>
      <c r="EW8" s="71">
        <v>1764</v>
      </c>
      <c r="EX8" s="72">
        <v>16562</v>
      </c>
      <c r="EY8" s="73">
        <v>25799</v>
      </c>
      <c r="EZ8" s="70">
        <v>4450</v>
      </c>
      <c r="FA8" s="71">
        <v>5864</v>
      </c>
      <c r="FB8" s="72">
        <v>10314</v>
      </c>
      <c r="FC8" s="276"/>
      <c r="FD8" s="71">
        <v>6000</v>
      </c>
      <c r="FE8" s="71">
        <v>6887</v>
      </c>
      <c r="FF8" s="71">
        <v>4424</v>
      </c>
      <c r="FG8" s="71">
        <v>4178</v>
      </c>
      <c r="FH8" s="71">
        <v>2684</v>
      </c>
      <c r="FI8" s="72">
        <v>24173</v>
      </c>
      <c r="FJ8" s="73">
        <v>34487</v>
      </c>
      <c r="FK8" s="70">
        <v>2146</v>
      </c>
      <c r="FL8" s="71">
        <v>3676</v>
      </c>
      <c r="FM8" s="72">
        <v>5822</v>
      </c>
      <c r="FN8" s="276"/>
      <c r="FO8" s="71">
        <v>4736</v>
      </c>
      <c r="FP8" s="71">
        <v>7288</v>
      </c>
      <c r="FQ8" s="71">
        <v>6007</v>
      </c>
      <c r="FR8" s="71">
        <v>6326</v>
      </c>
      <c r="FS8" s="71">
        <v>4040</v>
      </c>
      <c r="FT8" s="72">
        <v>28397</v>
      </c>
      <c r="FU8" s="73">
        <v>34219</v>
      </c>
      <c r="FV8" s="70">
        <v>169</v>
      </c>
      <c r="FW8" s="71">
        <v>288</v>
      </c>
      <c r="FX8" s="72">
        <v>457</v>
      </c>
      <c r="FY8" s="276"/>
      <c r="FZ8" s="71">
        <v>179</v>
      </c>
      <c r="GA8" s="71">
        <v>459</v>
      </c>
      <c r="GB8" s="71">
        <v>269</v>
      </c>
      <c r="GC8" s="71">
        <v>251</v>
      </c>
      <c r="GD8" s="71">
        <v>245</v>
      </c>
      <c r="GE8" s="72">
        <v>1403</v>
      </c>
      <c r="GF8" s="73">
        <v>1860</v>
      </c>
      <c r="GG8" s="70">
        <v>14787</v>
      </c>
      <c r="GH8" s="71">
        <v>19415</v>
      </c>
      <c r="GI8" s="72">
        <v>34202</v>
      </c>
      <c r="GJ8" s="276"/>
      <c r="GK8" s="71">
        <v>18936</v>
      </c>
      <c r="GL8" s="71">
        <v>23852</v>
      </c>
      <c r="GM8" s="71">
        <v>16062</v>
      </c>
      <c r="GN8" s="71">
        <v>15612</v>
      </c>
      <c r="GO8" s="71">
        <v>10672</v>
      </c>
      <c r="GP8" s="72">
        <v>85134</v>
      </c>
      <c r="GQ8" s="73">
        <v>119336</v>
      </c>
      <c r="GR8" s="126">
        <v>22576</v>
      </c>
      <c r="GS8" s="82">
        <v>28302</v>
      </c>
      <c r="GT8" s="83">
        <v>50878</v>
      </c>
      <c r="GU8" s="273"/>
      <c r="GV8" s="82">
        <v>28554</v>
      </c>
      <c r="GW8" s="82">
        <v>36231</v>
      </c>
      <c r="GX8" s="82">
        <v>24185</v>
      </c>
      <c r="GY8" s="82">
        <v>22242</v>
      </c>
      <c r="GZ8" s="82">
        <v>14750</v>
      </c>
      <c r="HA8" s="84">
        <v>125962</v>
      </c>
      <c r="HB8" s="85">
        <v>176840</v>
      </c>
      <c r="HC8" s="70">
        <v>647</v>
      </c>
      <c r="HD8" s="71">
        <v>951</v>
      </c>
      <c r="HE8" s="72">
        <v>1598</v>
      </c>
      <c r="HF8" s="276"/>
      <c r="HG8" s="71">
        <v>723</v>
      </c>
      <c r="HH8" s="71">
        <v>1280</v>
      </c>
      <c r="HI8" s="71">
        <v>687</v>
      </c>
      <c r="HJ8" s="71">
        <v>654</v>
      </c>
      <c r="HK8" s="71">
        <v>555</v>
      </c>
      <c r="HL8" s="72">
        <v>3899</v>
      </c>
      <c r="HM8" s="73">
        <v>5497</v>
      </c>
      <c r="HN8" s="70">
        <v>1842</v>
      </c>
      <c r="HO8" s="71">
        <v>2526</v>
      </c>
      <c r="HP8" s="72">
        <v>4368</v>
      </c>
      <c r="HQ8" s="276"/>
      <c r="HR8" s="71">
        <v>2011</v>
      </c>
      <c r="HS8" s="71">
        <v>2977</v>
      </c>
      <c r="HT8" s="71">
        <v>1879</v>
      </c>
      <c r="HU8" s="71">
        <v>1607</v>
      </c>
      <c r="HV8" s="71">
        <v>1343</v>
      </c>
      <c r="HW8" s="72">
        <v>9817</v>
      </c>
      <c r="HX8" s="73">
        <v>14185</v>
      </c>
      <c r="HY8" s="70">
        <v>3540</v>
      </c>
      <c r="HZ8" s="71">
        <v>4202</v>
      </c>
      <c r="IA8" s="72">
        <v>7742</v>
      </c>
      <c r="IB8" s="276"/>
      <c r="IC8" s="71">
        <v>3679</v>
      </c>
      <c r="ID8" s="71">
        <v>4493</v>
      </c>
      <c r="IE8" s="71">
        <v>2736</v>
      </c>
      <c r="IF8" s="71">
        <v>2416</v>
      </c>
      <c r="IG8" s="71">
        <v>1780</v>
      </c>
      <c r="IH8" s="72">
        <v>15104</v>
      </c>
      <c r="II8" s="73">
        <v>22846</v>
      </c>
      <c r="IJ8" s="70">
        <v>6310</v>
      </c>
      <c r="IK8" s="71">
        <v>7206</v>
      </c>
      <c r="IL8" s="72">
        <v>13516</v>
      </c>
      <c r="IM8" s="276"/>
      <c r="IN8" s="71">
        <v>6894</v>
      </c>
      <c r="IO8" s="71">
        <v>7706</v>
      </c>
      <c r="IP8" s="71">
        <v>4722</v>
      </c>
      <c r="IQ8" s="71">
        <v>4085</v>
      </c>
      <c r="IR8" s="71">
        <v>2776</v>
      </c>
      <c r="IS8" s="72">
        <v>26183</v>
      </c>
      <c r="IT8" s="73">
        <v>39699</v>
      </c>
      <c r="IU8" s="70">
        <v>6806</v>
      </c>
      <c r="IV8" s="71">
        <v>8200</v>
      </c>
      <c r="IW8" s="72">
        <v>15006</v>
      </c>
      <c r="IX8" s="276"/>
      <c r="IY8" s="71">
        <v>8730</v>
      </c>
      <c r="IZ8" s="71">
        <v>10009</v>
      </c>
      <c r="JA8" s="71">
        <v>6427</v>
      </c>
      <c r="JB8" s="71">
        <v>5786</v>
      </c>
      <c r="JC8" s="71">
        <v>3567</v>
      </c>
      <c r="JD8" s="72">
        <v>34519</v>
      </c>
      <c r="JE8" s="73">
        <v>49525</v>
      </c>
      <c r="JF8" s="70">
        <v>3431</v>
      </c>
      <c r="JG8" s="71">
        <v>5217</v>
      </c>
      <c r="JH8" s="72">
        <v>8648</v>
      </c>
      <c r="JI8" s="276"/>
      <c r="JJ8" s="71">
        <v>6517</v>
      </c>
      <c r="JK8" s="71">
        <v>9766</v>
      </c>
      <c r="JL8" s="71">
        <v>7734</v>
      </c>
      <c r="JM8" s="71">
        <v>7694</v>
      </c>
      <c r="JN8" s="71">
        <v>4729</v>
      </c>
      <c r="JO8" s="72">
        <v>36440</v>
      </c>
      <c r="JP8" s="73">
        <v>45088</v>
      </c>
      <c r="JQ8" s="70">
        <v>339</v>
      </c>
      <c r="JR8" s="71">
        <v>611</v>
      </c>
      <c r="JS8" s="72">
        <v>950</v>
      </c>
      <c r="JT8" s="276"/>
      <c r="JU8" s="71">
        <v>417</v>
      </c>
      <c r="JV8" s="71">
        <v>1048</v>
      </c>
      <c r="JW8" s="71">
        <v>648</v>
      </c>
      <c r="JX8" s="71">
        <v>570</v>
      </c>
      <c r="JY8" s="71">
        <v>577</v>
      </c>
      <c r="JZ8" s="72">
        <v>3260</v>
      </c>
      <c r="KA8" s="73">
        <v>4210</v>
      </c>
      <c r="KB8" s="70">
        <v>22915</v>
      </c>
      <c r="KC8" s="71">
        <v>28913</v>
      </c>
      <c r="KD8" s="72">
        <v>51828</v>
      </c>
      <c r="KE8" s="276"/>
      <c r="KF8" s="71">
        <v>28971</v>
      </c>
      <c r="KG8" s="71">
        <v>37279</v>
      </c>
      <c r="KH8" s="71">
        <v>24833</v>
      </c>
      <c r="KI8" s="71">
        <v>22812</v>
      </c>
      <c r="KJ8" s="71">
        <v>15327</v>
      </c>
      <c r="KK8" s="72">
        <v>129222</v>
      </c>
      <c r="KL8" s="73">
        <v>181050</v>
      </c>
    </row>
    <row r="9" spans="1:298" ht="19.5" customHeight="1" x14ac:dyDescent="0.2">
      <c r="A9" s="129" t="s">
        <v>6</v>
      </c>
      <c r="B9" s="350">
        <v>2651</v>
      </c>
      <c r="C9" s="82">
        <v>2283</v>
      </c>
      <c r="D9" s="83">
        <v>4934</v>
      </c>
      <c r="E9" s="273"/>
      <c r="F9" s="82">
        <v>4856</v>
      </c>
      <c r="G9" s="82">
        <v>3658</v>
      </c>
      <c r="H9" s="82">
        <v>2820</v>
      </c>
      <c r="I9" s="82">
        <v>2421</v>
      </c>
      <c r="J9" s="82">
        <v>1624</v>
      </c>
      <c r="K9" s="84">
        <v>15379</v>
      </c>
      <c r="L9" s="85">
        <v>20313</v>
      </c>
      <c r="M9" s="70">
        <v>128</v>
      </c>
      <c r="N9" s="71">
        <v>135</v>
      </c>
      <c r="O9" s="72">
        <v>263</v>
      </c>
      <c r="P9" s="276"/>
      <c r="Q9" s="71">
        <v>285</v>
      </c>
      <c r="R9" s="71">
        <v>236</v>
      </c>
      <c r="S9" s="71">
        <v>154</v>
      </c>
      <c r="T9" s="71">
        <v>162</v>
      </c>
      <c r="U9" s="71">
        <v>130</v>
      </c>
      <c r="V9" s="72">
        <v>967</v>
      </c>
      <c r="W9" s="73">
        <v>1230</v>
      </c>
      <c r="X9" s="70">
        <v>318</v>
      </c>
      <c r="Y9" s="71">
        <v>309</v>
      </c>
      <c r="Z9" s="72">
        <v>627</v>
      </c>
      <c r="AA9" s="276"/>
      <c r="AB9" s="71">
        <v>574</v>
      </c>
      <c r="AC9" s="71">
        <v>527</v>
      </c>
      <c r="AD9" s="71">
        <v>382</v>
      </c>
      <c r="AE9" s="71">
        <v>337</v>
      </c>
      <c r="AF9" s="71">
        <v>246</v>
      </c>
      <c r="AG9" s="72">
        <v>2066</v>
      </c>
      <c r="AH9" s="73">
        <v>2693</v>
      </c>
      <c r="AI9" s="70">
        <v>407</v>
      </c>
      <c r="AJ9" s="71">
        <v>396</v>
      </c>
      <c r="AK9" s="72">
        <v>803</v>
      </c>
      <c r="AL9" s="276"/>
      <c r="AM9" s="71">
        <v>786</v>
      </c>
      <c r="AN9" s="71">
        <v>619</v>
      </c>
      <c r="AO9" s="71">
        <v>470</v>
      </c>
      <c r="AP9" s="71">
        <v>403</v>
      </c>
      <c r="AQ9" s="71">
        <v>287</v>
      </c>
      <c r="AR9" s="72">
        <v>2565</v>
      </c>
      <c r="AS9" s="73">
        <v>3368</v>
      </c>
      <c r="AT9" s="70">
        <v>660</v>
      </c>
      <c r="AU9" s="71">
        <v>488</v>
      </c>
      <c r="AV9" s="72">
        <v>1148</v>
      </c>
      <c r="AW9" s="276"/>
      <c r="AX9" s="71">
        <v>1173</v>
      </c>
      <c r="AY9" s="71">
        <v>837</v>
      </c>
      <c r="AZ9" s="71">
        <v>684</v>
      </c>
      <c r="BA9" s="71">
        <v>523</v>
      </c>
      <c r="BB9" s="71">
        <v>337</v>
      </c>
      <c r="BC9" s="72">
        <v>3554</v>
      </c>
      <c r="BD9" s="73">
        <v>4702</v>
      </c>
      <c r="BE9" s="70">
        <v>704</v>
      </c>
      <c r="BF9" s="71">
        <v>615</v>
      </c>
      <c r="BG9" s="72">
        <v>1319</v>
      </c>
      <c r="BH9" s="276"/>
      <c r="BI9" s="71">
        <v>1200</v>
      </c>
      <c r="BJ9" s="71">
        <v>829</v>
      </c>
      <c r="BK9" s="71">
        <v>660</v>
      </c>
      <c r="BL9" s="71">
        <v>565</v>
      </c>
      <c r="BM9" s="71">
        <v>376</v>
      </c>
      <c r="BN9" s="72">
        <v>3630</v>
      </c>
      <c r="BO9" s="73">
        <v>4949</v>
      </c>
      <c r="BP9" s="70">
        <v>434</v>
      </c>
      <c r="BQ9" s="71">
        <v>340</v>
      </c>
      <c r="BR9" s="72">
        <v>774</v>
      </c>
      <c r="BS9" s="276"/>
      <c r="BT9" s="71">
        <v>838</v>
      </c>
      <c r="BU9" s="71">
        <v>610</v>
      </c>
      <c r="BV9" s="71">
        <v>470</v>
      </c>
      <c r="BW9" s="71">
        <v>431</v>
      </c>
      <c r="BX9" s="71">
        <v>248</v>
      </c>
      <c r="BY9" s="72">
        <v>2597</v>
      </c>
      <c r="BZ9" s="73">
        <v>3371</v>
      </c>
      <c r="CA9" s="70">
        <v>74</v>
      </c>
      <c r="CB9" s="71">
        <v>100</v>
      </c>
      <c r="CC9" s="72">
        <v>174</v>
      </c>
      <c r="CD9" s="276"/>
      <c r="CE9" s="71">
        <v>170</v>
      </c>
      <c r="CF9" s="71">
        <v>183</v>
      </c>
      <c r="CG9" s="71">
        <v>122</v>
      </c>
      <c r="CH9" s="71">
        <v>133</v>
      </c>
      <c r="CI9" s="71">
        <v>116</v>
      </c>
      <c r="CJ9" s="72">
        <v>724</v>
      </c>
      <c r="CK9" s="73">
        <v>898</v>
      </c>
      <c r="CL9" s="70">
        <v>2725</v>
      </c>
      <c r="CM9" s="71">
        <v>2383</v>
      </c>
      <c r="CN9" s="72">
        <v>5108</v>
      </c>
      <c r="CO9" s="276"/>
      <c r="CP9" s="71">
        <v>5026</v>
      </c>
      <c r="CQ9" s="71">
        <v>3841</v>
      </c>
      <c r="CR9" s="71">
        <v>2942</v>
      </c>
      <c r="CS9" s="71">
        <v>2554</v>
      </c>
      <c r="CT9" s="71">
        <v>1740</v>
      </c>
      <c r="CU9" s="72">
        <v>16103</v>
      </c>
      <c r="CV9" s="73">
        <v>21211</v>
      </c>
      <c r="CW9" s="126">
        <v>5121</v>
      </c>
      <c r="CX9" s="82">
        <v>5249</v>
      </c>
      <c r="CY9" s="83">
        <v>10370</v>
      </c>
      <c r="CZ9" s="273"/>
      <c r="DA9" s="82">
        <v>8714</v>
      </c>
      <c r="DB9" s="82">
        <v>6432</v>
      </c>
      <c r="DC9" s="82">
        <v>5180</v>
      </c>
      <c r="DD9" s="82">
        <v>5411</v>
      </c>
      <c r="DE9" s="82">
        <v>3546</v>
      </c>
      <c r="DF9" s="84">
        <v>29283</v>
      </c>
      <c r="DG9" s="85">
        <v>39653</v>
      </c>
      <c r="DH9" s="70">
        <v>130</v>
      </c>
      <c r="DI9" s="71">
        <v>110</v>
      </c>
      <c r="DJ9" s="72">
        <v>240</v>
      </c>
      <c r="DK9" s="276"/>
      <c r="DL9" s="71">
        <v>198</v>
      </c>
      <c r="DM9" s="71">
        <v>148</v>
      </c>
      <c r="DN9" s="71">
        <v>115</v>
      </c>
      <c r="DO9" s="71">
        <v>112</v>
      </c>
      <c r="DP9" s="71">
        <v>84</v>
      </c>
      <c r="DQ9" s="72">
        <v>657</v>
      </c>
      <c r="DR9" s="73">
        <v>897</v>
      </c>
      <c r="DS9" s="70">
        <v>379</v>
      </c>
      <c r="DT9" s="71">
        <v>387</v>
      </c>
      <c r="DU9" s="72">
        <v>766</v>
      </c>
      <c r="DV9" s="276"/>
      <c r="DW9" s="71">
        <v>526</v>
      </c>
      <c r="DX9" s="71">
        <v>393</v>
      </c>
      <c r="DY9" s="71">
        <v>251</v>
      </c>
      <c r="DZ9" s="71">
        <v>288</v>
      </c>
      <c r="EA9" s="71">
        <v>218</v>
      </c>
      <c r="EB9" s="72">
        <v>1676</v>
      </c>
      <c r="EC9" s="73">
        <v>2442</v>
      </c>
      <c r="ED9" s="70">
        <v>811</v>
      </c>
      <c r="EE9" s="71">
        <v>791</v>
      </c>
      <c r="EF9" s="72">
        <v>1602</v>
      </c>
      <c r="EG9" s="276"/>
      <c r="EH9" s="71">
        <v>1102</v>
      </c>
      <c r="EI9" s="71">
        <v>684</v>
      </c>
      <c r="EJ9" s="71">
        <v>492</v>
      </c>
      <c r="EK9" s="71">
        <v>491</v>
      </c>
      <c r="EL9" s="71">
        <v>324</v>
      </c>
      <c r="EM9" s="72">
        <v>3093</v>
      </c>
      <c r="EN9" s="73">
        <v>4695</v>
      </c>
      <c r="EO9" s="70">
        <v>1526</v>
      </c>
      <c r="EP9" s="71">
        <v>1396</v>
      </c>
      <c r="EQ9" s="72">
        <v>2922</v>
      </c>
      <c r="ER9" s="276"/>
      <c r="ES9" s="71">
        <v>2131</v>
      </c>
      <c r="ET9" s="71">
        <v>1340</v>
      </c>
      <c r="EU9" s="71">
        <v>951</v>
      </c>
      <c r="EV9" s="71">
        <v>905</v>
      </c>
      <c r="EW9" s="71">
        <v>613</v>
      </c>
      <c r="EX9" s="72">
        <v>5940</v>
      </c>
      <c r="EY9" s="73">
        <v>8862</v>
      </c>
      <c r="EZ9" s="70">
        <v>1503</v>
      </c>
      <c r="FA9" s="71">
        <v>1599</v>
      </c>
      <c r="FB9" s="72">
        <v>3102</v>
      </c>
      <c r="FC9" s="276"/>
      <c r="FD9" s="71">
        <v>2660</v>
      </c>
      <c r="FE9" s="71">
        <v>1855</v>
      </c>
      <c r="FF9" s="71">
        <v>1426</v>
      </c>
      <c r="FG9" s="71">
        <v>1437</v>
      </c>
      <c r="FH9" s="71">
        <v>971</v>
      </c>
      <c r="FI9" s="72">
        <v>8349</v>
      </c>
      <c r="FJ9" s="73">
        <v>11451</v>
      </c>
      <c r="FK9" s="70">
        <v>772</v>
      </c>
      <c r="FL9" s="71">
        <v>966</v>
      </c>
      <c r="FM9" s="72">
        <v>1738</v>
      </c>
      <c r="FN9" s="276"/>
      <c r="FO9" s="71">
        <v>2097</v>
      </c>
      <c r="FP9" s="71">
        <v>2012</v>
      </c>
      <c r="FQ9" s="71">
        <v>1945</v>
      </c>
      <c r="FR9" s="71">
        <v>2178</v>
      </c>
      <c r="FS9" s="71">
        <v>1336</v>
      </c>
      <c r="FT9" s="72">
        <v>9568</v>
      </c>
      <c r="FU9" s="73">
        <v>11306</v>
      </c>
      <c r="FV9" s="70">
        <v>54</v>
      </c>
      <c r="FW9" s="71">
        <v>88</v>
      </c>
      <c r="FX9" s="72">
        <v>142</v>
      </c>
      <c r="FY9" s="276"/>
      <c r="FZ9" s="71">
        <v>130</v>
      </c>
      <c r="GA9" s="71">
        <v>126</v>
      </c>
      <c r="GB9" s="71">
        <v>103</v>
      </c>
      <c r="GC9" s="71">
        <v>94</v>
      </c>
      <c r="GD9" s="71">
        <v>77</v>
      </c>
      <c r="GE9" s="72">
        <v>530</v>
      </c>
      <c r="GF9" s="73">
        <v>672</v>
      </c>
      <c r="GG9" s="70">
        <v>5175</v>
      </c>
      <c r="GH9" s="71">
        <v>5337</v>
      </c>
      <c r="GI9" s="72">
        <v>10512</v>
      </c>
      <c r="GJ9" s="276"/>
      <c r="GK9" s="71">
        <v>8844</v>
      </c>
      <c r="GL9" s="71">
        <v>6558</v>
      </c>
      <c r="GM9" s="71">
        <v>5283</v>
      </c>
      <c r="GN9" s="71">
        <v>5505</v>
      </c>
      <c r="GO9" s="71">
        <v>3623</v>
      </c>
      <c r="GP9" s="72">
        <v>29813</v>
      </c>
      <c r="GQ9" s="73">
        <v>40325</v>
      </c>
      <c r="GR9" s="126">
        <v>7772</v>
      </c>
      <c r="GS9" s="82">
        <v>7532</v>
      </c>
      <c r="GT9" s="83">
        <v>15304</v>
      </c>
      <c r="GU9" s="273"/>
      <c r="GV9" s="82">
        <v>13570</v>
      </c>
      <c r="GW9" s="82">
        <v>10090</v>
      </c>
      <c r="GX9" s="82">
        <v>8000</v>
      </c>
      <c r="GY9" s="82">
        <v>7832</v>
      </c>
      <c r="GZ9" s="82">
        <v>5170</v>
      </c>
      <c r="HA9" s="84">
        <v>44662</v>
      </c>
      <c r="HB9" s="85">
        <v>59966</v>
      </c>
      <c r="HC9" s="70">
        <v>258</v>
      </c>
      <c r="HD9" s="71">
        <v>245</v>
      </c>
      <c r="HE9" s="72">
        <v>503</v>
      </c>
      <c r="HF9" s="276"/>
      <c r="HG9" s="71">
        <v>483</v>
      </c>
      <c r="HH9" s="71">
        <v>384</v>
      </c>
      <c r="HI9" s="71">
        <v>269</v>
      </c>
      <c r="HJ9" s="71">
        <v>274</v>
      </c>
      <c r="HK9" s="71">
        <v>214</v>
      </c>
      <c r="HL9" s="72">
        <v>1624</v>
      </c>
      <c r="HM9" s="73">
        <v>2127</v>
      </c>
      <c r="HN9" s="70">
        <v>697</v>
      </c>
      <c r="HO9" s="71">
        <v>696</v>
      </c>
      <c r="HP9" s="72">
        <v>1393</v>
      </c>
      <c r="HQ9" s="276"/>
      <c r="HR9" s="71">
        <v>1100</v>
      </c>
      <c r="HS9" s="71">
        <v>920</v>
      </c>
      <c r="HT9" s="71">
        <v>633</v>
      </c>
      <c r="HU9" s="71">
        <v>625</v>
      </c>
      <c r="HV9" s="71">
        <v>464</v>
      </c>
      <c r="HW9" s="72">
        <v>3742</v>
      </c>
      <c r="HX9" s="73">
        <v>5135</v>
      </c>
      <c r="HY9" s="70">
        <v>1218</v>
      </c>
      <c r="HZ9" s="71">
        <v>1187</v>
      </c>
      <c r="IA9" s="72">
        <v>2405</v>
      </c>
      <c r="IB9" s="276"/>
      <c r="IC9" s="71">
        <v>1888</v>
      </c>
      <c r="ID9" s="71">
        <v>1303</v>
      </c>
      <c r="IE9" s="71">
        <v>962</v>
      </c>
      <c r="IF9" s="71">
        <v>894</v>
      </c>
      <c r="IG9" s="71">
        <v>611</v>
      </c>
      <c r="IH9" s="72">
        <v>5658</v>
      </c>
      <c r="II9" s="73">
        <v>8063</v>
      </c>
      <c r="IJ9" s="70">
        <v>2186</v>
      </c>
      <c r="IK9" s="71">
        <v>1884</v>
      </c>
      <c r="IL9" s="72">
        <v>4070</v>
      </c>
      <c r="IM9" s="276"/>
      <c r="IN9" s="71">
        <v>3304</v>
      </c>
      <c r="IO9" s="71">
        <v>2177</v>
      </c>
      <c r="IP9" s="71">
        <v>1635</v>
      </c>
      <c r="IQ9" s="71">
        <v>1428</v>
      </c>
      <c r="IR9" s="71">
        <v>950</v>
      </c>
      <c r="IS9" s="72">
        <v>9494</v>
      </c>
      <c r="IT9" s="73">
        <v>13564</v>
      </c>
      <c r="IU9" s="70">
        <v>2207</v>
      </c>
      <c r="IV9" s="71">
        <v>2214</v>
      </c>
      <c r="IW9" s="72">
        <v>4421</v>
      </c>
      <c r="IX9" s="276"/>
      <c r="IY9" s="71">
        <v>3860</v>
      </c>
      <c r="IZ9" s="71">
        <v>2684</v>
      </c>
      <c r="JA9" s="71">
        <v>2086</v>
      </c>
      <c r="JB9" s="71">
        <v>2002</v>
      </c>
      <c r="JC9" s="71">
        <v>1347</v>
      </c>
      <c r="JD9" s="72">
        <v>11979</v>
      </c>
      <c r="JE9" s="73">
        <v>16400</v>
      </c>
      <c r="JF9" s="70">
        <v>1206</v>
      </c>
      <c r="JG9" s="71">
        <v>1306</v>
      </c>
      <c r="JH9" s="72">
        <v>2512</v>
      </c>
      <c r="JI9" s="276"/>
      <c r="JJ9" s="71">
        <v>2935</v>
      </c>
      <c r="JK9" s="71">
        <v>2622</v>
      </c>
      <c r="JL9" s="71">
        <v>2415</v>
      </c>
      <c r="JM9" s="71">
        <v>2609</v>
      </c>
      <c r="JN9" s="71">
        <v>1584</v>
      </c>
      <c r="JO9" s="72">
        <v>12165</v>
      </c>
      <c r="JP9" s="73">
        <v>14677</v>
      </c>
      <c r="JQ9" s="70">
        <v>128</v>
      </c>
      <c r="JR9" s="71">
        <v>188</v>
      </c>
      <c r="JS9" s="72">
        <v>316</v>
      </c>
      <c r="JT9" s="276"/>
      <c r="JU9" s="71">
        <v>300</v>
      </c>
      <c r="JV9" s="71">
        <v>309</v>
      </c>
      <c r="JW9" s="71">
        <v>225</v>
      </c>
      <c r="JX9" s="71">
        <v>227</v>
      </c>
      <c r="JY9" s="71">
        <v>193</v>
      </c>
      <c r="JZ9" s="72">
        <v>1254</v>
      </c>
      <c r="KA9" s="73">
        <v>1570</v>
      </c>
      <c r="KB9" s="70">
        <v>7900</v>
      </c>
      <c r="KC9" s="71">
        <v>7720</v>
      </c>
      <c r="KD9" s="72">
        <v>15620</v>
      </c>
      <c r="KE9" s="276"/>
      <c r="KF9" s="71">
        <v>13870</v>
      </c>
      <c r="KG9" s="71">
        <v>10399</v>
      </c>
      <c r="KH9" s="71">
        <v>8225</v>
      </c>
      <c r="KI9" s="71">
        <v>8059</v>
      </c>
      <c r="KJ9" s="71">
        <v>5363</v>
      </c>
      <c r="KK9" s="72">
        <v>45916</v>
      </c>
      <c r="KL9" s="73">
        <v>61536</v>
      </c>
    </row>
    <row r="10" spans="1:298" ht="19.5" customHeight="1" x14ac:dyDescent="0.2">
      <c r="A10" s="129" t="s">
        <v>14</v>
      </c>
      <c r="B10" s="350">
        <v>1478</v>
      </c>
      <c r="C10" s="82">
        <v>1828</v>
      </c>
      <c r="D10" s="83">
        <v>3306</v>
      </c>
      <c r="E10" s="273"/>
      <c r="F10" s="82">
        <v>2192</v>
      </c>
      <c r="G10" s="82">
        <v>2319</v>
      </c>
      <c r="H10" s="82">
        <v>1841</v>
      </c>
      <c r="I10" s="82">
        <v>1433</v>
      </c>
      <c r="J10" s="82">
        <v>915</v>
      </c>
      <c r="K10" s="84">
        <v>8700</v>
      </c>
      <c r="L10" s="85">
        <v>12006</v>
      </c>
      <c r="M10" s="70">
        <v>76</v>
      </c>
      <c r="N10" s="71">
        <v>100</v>
      </c>
      <c r="O10" s="72">
        <v>176</v>
      </c>
      <c r="P10" s="276"/>
      <c r="Q10" s="71">
        <v>110</v>
      </c>
      <c r="R10" s="71">
        <v>124</v>
      </c>
      <c r="S10" s="71">
        <v>104</v>
      </c>
      <c r="T10" s="71">
        <v>87</v>
      </c>
      <c r="U10" s="71">
        <v>77</v>
      </c>
      <c r="V10" s="72">
        <v>502</v>
      </c>
      <c r="W10" s="73">
        <v>678</v>
      </c>
      <c r="X10" s="70">
        <v>168</v>
      </c>
      <c r="Y10" s="71">
        <v>252</v>
      </c>
      <c r="Z10" s="72">
        <v>420</v>
      </c>
      <c r="AA10" s="276"/>
      <c r="AB10" s="71">
        <v>223</v>
      </c>
      <c r="AC10" s="71">
        <v>266</v>
      </c>
      <c r="AD10" s="71">
        <v>235</v>
      </c>
      <c r="AE10" s="71">
        <v>186</v>
      </c>
      <c r="AF10" s="71">
        <v>126</v>
      </c>
      <c r="AG10" s="72">
        <v>1036</v>
      </c>
      <c r="AH10" s="73">
        <v>1456</v>
      </c>
      <c r="AI10" s="70">
        <v>245</v>
      </c>
      <c r="AJ10" s="71">
        <v>340</v>
      </c>
      <c r="AK10" s="72">
        <v>585</v>
      </c>
      <c r="AL10" s="276"/>
      <c r="AM10" s="71">
        <v>369</v>
      </c>
      <c r="AN10" s="71">
        <v>383</v>
      </c>
      <c r="AO10" s="71">
        <v>305</v>
      </c>
      <c r="AP10" s="71">
        <v>235</v>
      </c>
      <c r="AQ10" s="71">
        <v>185</v>
      </c>
      <c r="AR10" s="72">
        <v>1477</v>
      </c>
      <c r="AS10" s="73">
        <v>2062</v>
      </c>
      <c r="AT10" s="70">
        <v>399</v>
      </c>
      <c r="AU10" s="71">
        <v>488</v>
      </c>
      <c r="AV10" s="72">
        <v>887</v>
      </c>
      <c r="AW10" s="276"/>
      <c r="AX10" s="71">
        <v>609</v>
      </c>
      <c r="AY10" s="71">
        <v>574</v>
      </c>
      <c r="AZ10" s="71">
        <v>493</v>
      </c>
      <c r="BA10" s="71">
        <v>365</v>
      </c>
      <c r="BB10" s="71">
        <v>227</v>
      </c>
      <c r="BC10" s="72">
        <v>2268</v>
      </c>
      <c r="BD10" s="73">
        <v>3155</v>
      </c>
      <c r="BE10" s="70">
        <v>388</v>
      </c>
      <c r="BF10" s="71">
        <v>396</v>
      </c>
      <c r="BG10" s="72">
        <v>784</v>
      </c>
      <c r="BH10" s="276"/>
      <c r="BI10" s="71">
        <v>535</v>
      </c>
      <c r="BJ10" s="71">
        <v>622</v>
      </c>
      <c r="BK10" s="71">
        <v>420</v>
      </c>
      <c r="BL10" s="71">
        <v>328</v>
      </c>
      <c r="BM10" s="71">
        <v>173</v>
      </c>
      <c r="BN10" s="72">
        <v>2078</v>
      </c>
      <c r="BO10" s="73">
        <v>2862</v>
      </c>
      <c r="BP10" s="70">
        <v>202</v>
      </c>
      <c r="BQ10" s="71">
        <v>252</v>
      </c>
      <c r="BR10" s="72">
        <v>454</v>
      </c>
      <c r="BS10" s="276"/>
      <c r="BT10" s="71">
        <v>346</v>
      </c>
      <c r="BU10" s="71">
        <v>350</v>
      </c>
      <c r="BV10" s="71">
        <v>284</v>
      </c>
      <c r="BW10" s="71">
        <v>232</v>
      </c>
      <c r="BX10" s="71">
        <v>127</v>
      </c>
      <c r="BY10" s="72">
        <v>1339</v>
      </c>
      <c r="BZ10" s="73">
        <v>1793</v>
      </c>
      <c r="CA10" s="70">
        <v>37</v>
      </c>
      <c r="CB10" s="71">
        <v>77</v>
      </c>
      <c r="CC10" s="72">
        <v>114</v>
      </c>
      <c r="CD10" s="276"/>
      <c r="CE10" s="71">
        <v>42</v>
      </c>
      <c r="CF10" s="71">
        <v>108</v>
      </c>
      <c r="CG10" s="71">
        <v>62</v>
      </c>
      <c r="CH10" s="71">
        <v>61</v>
      </c>
      <c r="CI10" s="71">
        <v>53</v>
      </c>
      <c r="CJ10" s="72">
        <v>326</v>
      </c>
      <c r="CK10" s="73">
        <v>440</v>
      </c>
      <c r="CL10" s="70">
        <v>1515</v>
      </c>
      <c r="CM10" s="71">
        <v>1905</v>
      </c>
      <c r="CN10" s="72">
        <v>3420</v>
      </c>
      <c r="CO10" s="276"/>
      <c r="CP10" s="71">
        <v>2234</v>
      </c>
      <c r="CQ10" s="71">
        <v>2427</v>
      </c>
      <c r="CR10" s="71">
        <v>1903</v>
      </c>
      <c r="CS10" s="71">
        <v>1494</v>
      </c>
      <c r="CT10" s="71">
        <v>968</v>
      </c>
      <c r="CU10" s="72">
        <v>9026</v>
      </c>
      <c r="CV10" s="73">
        <v>12446</v>
      </c>
      <c r="CW10" s="126">
        <v>2802</v>
      </c>
      <c r="CX10" s="82">
        <v>3948</v>
      </c>
      <c r="CY10" s="83">
        <v>6750</v>
      </c>
      <c r="CZ10" s="273"/>
      <c r="DA10" s="82">
        <v>3706</v>
      </c>
      <c r="DB10" s="82">
        <v>3759</v>
      </c>
      <c r="DC10" s="82">
        <v>2971</v>
      </c>
      <c r="DD10" s="82">
        <v>3001</v>
      </c>
      <c r="DE10" s="82">
        <v>1828</v>
      </c>
      <c r="DF10" s="84">
        <v>15265</v>
      </c>
      <c r="DG10" s="85">
        <v>22015</v>
      </c>
      <c r="DH10" s="70">
        <v>71</v>
      </c>
      <c r="DI10" s="71">
        <v>104</v>
      </c>
      <c r="DJ10" s="72">
        <v>175</v>
      </c>
      <c r="DK10" s="276"/>
      <c r="DL10" s="71">
        <v>72</v>
      </c>
      <c r="DM10" s="71">
        <v>85</v>
      </c>
      <c r="DN10" s="71">
        <v>70</v>
      </c>
      <c r="DO10" s="71">
        <v>67</v>
      </c>
      <c r="DP10" s="71">
        <v>45</v>
      </c>
      <c r="DQ10" s="72">
        <v>339</v>
      </c>
      <c r="DR10" s="73">
        <v>514</v>
      </c>
      <c r="DS10" s="70">
        <v>287</v>
      </c>
      <c r="DT10" s="71">
        <v>364</v>
      </c>
      <c r="DU10" s="72">
        <v>651</v>
      </c>
      <c r="DV10" s="276"/>
      <c r="DW10" s="71">
        <v>226</v>
      </c>
      <c r="DX10" s="71">
        <v>308</v>
      </c>
      <c r="DY10" s="71">
        <v>161</v>
      </c>
      <c r="DZ10" s="71">
        <v>157</v>
      </c>
      <c r="EA10" s="71">
        <v>142</v>
      </c>
      <c r="EB10" s="72">
        <v>994</v>
      </c>
      <c r="EC10" s="73">
        <v>1645</v>
      </c>
      <c r="ED10" s="70">
        <v>516</v>
      </c>
      <c r="EE10" s="71">
        <v>648</v>
      </c>
      <c r="EF10" s="72">
        <v>1164</v>
      </c>
      <c r="EG10" s="276"/>
      <c r="EH10" s="71">
        <v>554</v>
      </c>
      <c r="EI10" s="71">
        <v>494</v>
      </c>
      <c r="EJ10" s="71">
        <v>335</v>
      </c>
      <c r="EK10" s="71">
        <v>334</v>
      </c>
      <c r="EL10" s="71">
        <v>241</v>
      </c>
      <c r="EM10" s="72">
        <v>1958</v>
      </c>
      <c r="EN10" s="73">
        <v>3122</v>
      </c>
      <c r="EO10" s="70">
        <v>849</v>
      </c>
      <c r="EP10" s="71">
        <v>1146</v>
      </c>
      <c r="EQ10" s="72">
        <v>1995</v>
      </c>
      <c r="ER10" s="276"/>
      <c r="ES10" s="71">
        <v>948</v>
      </c>
      <c r="ET10" s="71">
        <v>873</v>
      </c>
      <c r="EU10" s="71">
        <v>585</v>
      </c>
      <c r="EV10" s="71">
        <v>528</v>
      </c>
      <c r="EW10" s="71">
        <v>359</v>
      </c>
      <c r="EX10" s="72">
        <v>3293</v>
      </c>
      <c r="EY10" s="73">
        <v>5288</v>
      </c>
      <c r="EZ10" s="70">
        <v>726</v>
      </c>
      <c r="FA10" s="71">
        <v>1066</v>
      </c>
      <c r="FB10" s="72">
        <v>1792</v>
      </c>
      <c r="FC10" s="276"/>
      <c r="FD10" s="71">
        <v>1082</v>
      </c>
      <c r="FE10" s="71">
        <v>958</v>
      </c>
      <c r="FF10" s="71">
        <v>775</v>
      </c>
      <c r="FG10" s="71">
        <v>781</v>
      </c>
      <c r="FH10" s="71">
        <v>447</v>
      </c>
      <c r="FI10" s="72">
        <v>4043</v>
      </c>
      <c r="FJ10" s="73">
        <v>5835</v>
      </c>
      <c r="FK10" s="70">
        <v>353</v>
      </c>
      <c r="FL10" s="71">
        <v>620</v>
      </c>
      <c r="FM10" s="72">
        <v>973</v>
      </c>
      <c r="FN10" s="276"/>
      <c r="FO10" s="71">
        <v>824</v>
      </c>
      <c r="FP10" s="71">
        <v>1041</v>
      </c>
      <c r="FQ10" s="71">
        <v>1045</v>
      </c>
      <c r="FR10" s="71">
        <v>1134</v>
      </c>
      <c r="FS10" s="71">
        <v>594</v>
      </c>
      <c r="FT10" s="72">
        <v>4638</v>
      </c>
      <c r="FU10" s="73">
        <v>5611</v>
      </c>
      <c r="FV10" s="70">
        <v>24</v>
      </c>
      <c r="FW10" s="71">
        <v>70</v>
      </c>
      <c r="FX10" s="72">
        <v>94</v>
      </c>
      <c r="FY10" s="276"/>
      <c r="FZ10" s="71">
        <v>39</v>
      </c>
      <c r="GA10" s="71">
        <v>75</v>
      </c>
      <c r="GB10" s="71">
        <v>42</v>
      </c>
      <c r="GC10" s="71">
        <v>50</v>
      </c>
      <c r="GD10" s="71">
        <v>50</v>
      </c>
      <c r="GE10" s="72">
        <v>256</v>
      </c>
      <c r="GF10" s="73">
        <v>350</v>
      </c>
      <c r="GG10" s="70">
        <v>2826</v>
      </c>
      <c r="GH10" s="71">
        <v>4018</v>
      </c>
      <c r="GI10" s="72">
        <v>6844</v>
      </c>
      <c r="GJ10" s="276"/>
      <c r="GK10" s="71">
        <v>3745</v>
      </c>
      <c r="GL10" s="71">
        <v>3834</v>
      </c>
      <c r="GM10" s="71">
        <v>3013</v>
      </c>
      <c r="GN10" s="71">
        <v>3051</v>
      </c>
      <c r="GO10" s="71">
        <v>1878</v>
      </c>
      <c r="GP10" s="72">
        <v>15521</v>
      </c>
      <c r="GQ10" s="73">
        <v>22365</v>
      </c>
      <c r="GR10" s="126">
        <v>4280</v>
      </c>
      <c r="GS10" s="82">
        <v>5776</v>
      </c>
      <c r="GT10" s="83">
        <v>10056</v>
      </c>
      <c r="GU10" s="273"/>
      <c r="GV10" s="82">
        <v>5898</v>
      </c>
      <c r="GW10" s="82">
        <v>6078</v>
      </c>
      <c r="GX10" s="82">
        <v>4812</v>
      </c>
      <c r="GY10" s="82">
        <v>4434</v>
      </c>
      <c r="GZ10" s="82">
        <v>2743</v>
      </c>
      <c r="HA10" s="84">
        <v>23965</v>
      </c>
      <c r="HB10" s="85">
        <v>34021</v>
      </c>
      <c r="HC10" s="70">
        <v>147</v>
      </c>
      <c r="HD10" s="71">
        <v>204</v>
      </c>
      <c r="HE10" s="72">
        <v>351</v>
      </c>
      <c r="HF10" s="276"/>
      <c r="HG10" s="71">
        <v>182</v>
      </c>
      <c r="HH10" s="71">
        <v>209</v>
      </c>
      <c r="HI10" s="71">
        <v>174</v>
      </c>
      <c r="HJ10" s="71">
        <v>154</v>
      </c>
      <c r="HK10" s="71">
        <v>122</v>
      </c>
      <c r="HL10" s="72">
        <v>841</v>
      </c>
      <c r="HM10" s="73">
        <v>1192</v>
      </c>
      <c r="HN10" s="70">
        <v>455</v>
      </c>
      <c r="HO10" s="71">
        <v>616</v>
      </c>
      <c r="HP10" s="72">
        <v>1071</v>
      </c>
      <c r="HQ10" s="276"/>
      <c r="HR10" s="71">
        <v>449</v>
      </c>
      <c r="HS10" s="71">
        <v>574</v>
      </c>
      <c r="HT10" s="71">
        <v>396</v>
      </c>
      <c r="HU10" s="71">
        <v>343</v>
      </c>
      <c r="HV10" s="71">
        <v>268</v>
      </c>
      <c r="HW10" s="72">
        <v>2030</v>
      </c>
      <c r="HX10" s="73">
        <v>3101</v>
      </c>
      <c r="HY10" s="70">
        <v>761</v>
      </c>
      <c r="HZ10" s="71">
        <v>988</v>
      </c>
      <c r="IA10" s="72">
        <v>1749</v>
      </c>
      <c r="IB10" s="276"/>
      <c r="IC10" s="71">
        <v>923</v>
      </c>
      <c r="ID10" s="71">
        <v>877</v>
      </c>
      <c r="IE10" s="71">
        <v>640</v>
      </c>
      <c r="IF10" s="71">
        <v>569</v>
      </c>
      <c r="IG10" s="71">
        <v>426</v>
      </c>
      <c r="IH10" s="72">
        <v>3435</v>
      </c>
      <c r="II10" s="73">
        <v>5184</v>
      </c>
      <c r="IJ10" s="70">
        <v>1248</v>
      </c>
      <c r="IK10" s="71">
        <v>1634</v>
      </c>
      <c r="IL10" s="72">
        <v>2882</v>
      </c>
      <c r="IM10" s="276"/>
      <c r="IN10" s="71">
        <v>1557</v>
      </c>
      <c r="IO10" s="71">
        <v>1447</v>
      </c>
      <c r="IP10" s="71">
        <v>1078</v>
      </c>
      <c r="IQ10" s="71">
        <v>893</v>
      </c>
      <c r="IR10" s="71">
        <v>586</v>
      </c>
      <c r="IS10" s="72">
        <v>5561</v>
      </c>
      <c r="IT10" s="73">
        <v>8443</v>
      </c>
      <c r="IU10" s="70">
        <v>1114</v>
      </c>
      <c r="IV10" s="71">
        <v>1462</v>
      </c>
      <c r="IW10" s="72">
        <v>2576</v>
      </c>
      <c r="IX10" s="276"/>
      <c r="IY10" s="71">
        <v>1617</v>
      </c>
      <c r="IZ10" s="71">
        <v>1580</v>
      </c>
      <c r="JA10" s="71">
        <v>1195</v>
      </c>
      <c r="JB10" s="71">
        <v>1109</v>
      </c>
      <c r="JC10" s="71">
        <v>620</v>
      </c>
      <c r="JD10" s="72">
        <v>6121</v>
      </c>
      <c r="JE10" s="73">
        <v>8697</v>
      </c>
      <c r="JF10" s="70">
        <v>555</v>
      </c>
      <c r="JG10" s="71">
        <v>872</v>
      </c>
      <c r="JH10" s="72">
        <v>1427</v>
      </c>
      <c r="JI10" s="276"/>
      <c r="JJ10" s="71">
        <v>1170</v>
      </c>
      <c r="JK10" s="71">
        <v>1391</v>
      </c>
      <c r="JL10" s="71">
        <v>1329</v>
      </c>
      <c r="JM10" s="71">
        <v>1366</v>
      </c>
      <c r="JN10" s="71">
        <v>721</v>
      </c>
      <c r="JO10" s="72">
        <v>5977</v>
      </c>
      <c r="JP10" s="73">
        <v>7404</v>
      </c>
      <c r="JQ10" s="70">
        <v>61</v>
      </c>
      <c r="JR10" s="71">
        <v>147</v>
      </c>
      <c r="JS10" s="72">
        <v>208</v>
      </c>
      <c r="JT10" s="276"/>
      <c r="JU10" s="71">
        <v>81</v>
      </c>
      <c r="JV10" s="71">
        <v>183</v>
      </c>
      <c r="JW10" s="71">
        <v>104</v>
      </c>
      <c r="JX10" s="71">
        <v>111</v>
      </c>
      <c r="JY10" s="71">
        <v>103</v>
      </c>
      <c r="JZ10" s="72">
        <v>582</v>
      </c>
      <c r="KA10" s="73">
        <v>790</v>
      </c>
      <c r="KB10" s="70">
        <v>4341</v>
      </c>
      <c r="KC10" s="71">
        <v>5923</v>
      </c>
      <c r="KD10" s="72">
        <v>10264</v>
      </c>
      <c r="KE10" s="276"/>
      <c r="KF10" s="71">
        <v>5979</v>
      </c>
      <c r="KG10" s="71">
        <v>6261</v>
      </c>
      <c r="KH10" s="71">
        <v>4916</v>
      </c>
      <c r="KI10" s="71">
        <v>4545</v>
      </c>
      <c r="KJ10" s="71">
        <v>2846</v>
      </c>
      <c r="KK10" s="72">
        <v>24547</v>
      </c>
      <c r="KL10" s="73">
        <v>34811</v>
      </c>
    </row>
    <row r="11" spans="1:298" ht="19.5" customHeight="1" x14ac:dyDescent="0.2">
      <c r="A11" s="129" t="s">
        <v>7</v>
      </c>
      <c r="B11" s="350">
        <v>973</v>
      </c>
      <c r="C11" s="82">
        <v>698</v>
      </c>
      <c r="D11" s="83">
        <v>1671</v>
      </c>
      <c r="E11" s="273"/>
      <c r="F11" s="82">
        <v>2276</v>
      </c>
      <c r="G11" s="82">
        <v>1527</v>
      </c>
      <c r="H11" s="82">
        <v>984</v>
      </c>
      <c r="I11" s="82">
        <v>825</v>
      </c>
      <c r="J11" s="82">
        <v>460</v>
      </c>
      <c r="K11" s="84">
        <v>6072</v>
      </c>
      <c r="L11" s="85">
        <v>7743</v>
      </c>
      <c r="M11" s="70">
        <v>37</v>
      </c>
      <c r="N11" s="71">
        <v>27</v>
      </c>
      <c r="O11" s="72">
        <v>64</v>
      </c>
      <c r="P11" s="276"/>
      <c r="Q11" s="71">
        <v>87</v>
      </c>
      <c r="R11" s="71">
        <v>82</v>
      </c>
      <c r="S11" s="71">
        <v>55</v>
      </c>
      <c r="T11" s="71">
        <v>49</v>
      </c>
      <c r="U11" s="71">
        <v>33</v>
      </c>
      <c r="V11" s="72">
        <v>306</v>
      </c>
      <c r="W11" s="73">
        <v>370</v>
      </c>
      <c r="X11" s="70">
        <v>103</v>
      </c>
      <c r="Y11" s="71">
        <v>84</v>
      </c>
      <c r="Z11" s="72">
        <v>187</v>
      </c>
      <c r="AA11" s="276"/>
      <c r="AB11" s="71">
        <v>257</v>
      </c>
      <c r="AC11" s="71">
        <v>196</v>
      </c>
      <c r="AD11" s="71">
        <v>122</v>
      </c>
      <c r="AE11" s="71">
        <v>91</v>
      </c>
      <c r="AF11" s="71">
        <v>59</v>
      </c>
      <c r="AG11" s="72">
        <v>725</v>
      </c>
      <c r="AH11" s="73">
        <v>912</v>
      </c>
      <c r="AI11" s="70">
        <v>160</v>
      </c>
      <c r="AJ11" s="71">
        <v>112</v>
      </c>
      <c r="AK11" s="72">
        <v>272</v>
      </c>
      <c r="AL11" s="276"/>
      <c r="AM11" s="71">
        <v>389</v>
      </c>
      <c r="AN11" s="71">
        <v>230</v>
      </c>
      <c r="AO11" s="71">
        <v>154</v>
      </c>
      <c r="AP11" s="71">
        <v>126</v>
      </c>
      <c r="AQ11" s="71">
        <v>81</v>
      </c>
      <c r="AR11" s="72">
        <v>980</v>
      </c>
      <c r="AS11" s="73">
        <v>1252</v>
      </c>
      <c r="AT11" s="70">
        <v>258</v>
      </c>
      <c r="AU11" s="71">
        <v>176</v>
      </c>
      <c r="AV11" s="72">
        <v>434</v>
      </c>
      <c r="AW11" s="276"/>
      <c r="AX11" s="71">
        <v>549</v>
      </c>
      <c r="AY11" s="71">
        <v>378</v>
      </c>
      <c r="AZ11" s="71">
        <v>225</v>
      </c>
      <c r="BA11" s="71">
        <v>170</v>
      </c>
      <c r="BB11" s="71">
        <v>111</v>
      </c>
      <c r="BC11" s="72">
        <v>1433</v>
      </c>
      <c r="BD11" s="73">
        <v>1867</v>
      </c>
      <c r="BE11" s="70">
        <v>271</v>
      </c>
      <c r="BF11" s="71">
        <v>182</v>
      </c>
      <c r="BG11" s="72">
        <v>453</v>
      </c>
      <c r="BH11" s="276"/>
      <c r="BI11" s="71">
        <v>574</v>
      </c>
      <c r="BJ11" s="71">
        <v>358</v>
      </c>
      <c r="BK11" s="71">
        <v>255</v>
      </c>
      <c r="BL11" s="71">
        <v>212</v>
      </c>
      <c r="BM11" s="71">
        <v>119</v>
      </c>
      <c r="BN11" s="72">
        <v>1518</v>
      </c>
      <c r="BO11" s="73">
        <v>1971</v>
      </c>
      <c r="BP11" s="70">
        <v>144</v>
      </c>
      <c r="BQ11" s="71">
        <v>117</v>
      </c>
      <c r="BR11" s="72">
        <v>261</v>
      </c>
      <c r="BS11" s="276"/>
      <c r="BT11" s="71">
        <v>420</v>
      </c>
      <c r="BU11" s="71">
        <v>283</v>
      </c>
      <c r="BV11" s="71">
        <v>173</v>
      </c>
      <c r="BW11" s="71">
        <v>177</v>
      </c>
      <c r="BX11" s="71">
        <v>57</v>
      </c>
      <c r="BY11" s="72">
        <v>1110</v>
      </c>
      <c r="BZ11" s="73">
        <v>1371</v>
      </c>
      <c r="CA11" s="70">
        <v>14</v>
      </c>
      <c r="CB11" s="71">
        <v>15</v>
      </c>
      <c r="CC11" s="72">
        <v>29</v>
      </c>
      <c r="CD11" s="276"/>
      <c r="CE11" s="71">
        <v>60</v>
      </c>
      <c r="CF11" s="71">
        <v>64</v>
      </c>
      <c r="CG11" s="71">
        <v>35</v>
      </c>
      <c r="CH11" s="71">
        <v>33</v>
      </c>
      <c r="CI11" s="71">
        <v>23</v>
      </c>
      <c r="CJ11" s="72">
        <v>215</v>
      </c>
      <c r="CK11" s="73">
        <v>244</v>
      </c>
      <c r="CL11" s="70">
        <v>987</v>
      </c>
      <c r="CM11" s="71">
        <v>713</v>
      </c>
      <c r="CN11" s="72">
        <v>1700</v>
      </c>
      <c r="CO11" s="276"/>
      <c r="CP11" s="71">
        <v>2336</v>
      </c>
      <c r="CQ11" s="71">
        <v>1591</v>
      </c>
      <c r="CR11" s="71">
        <v>1019</v>
      </c>
      <c r="CS11" s="71">
        <v>858</v>
      </c>
      <c r="CT11" s="71">
        <v>483</v>
      </c>
      <c r="CU11" s="72">
        <v>6287</v>
      </c>
      <c r="CV11" s="73">
        <v>7987</v>
      </c>
      <c r="CW11" s="126">
        <v>1691</v>
      </c>
      <c r="CX11" s="82">
        <v>1895</v>
      </c>
      <c r="CY11" s="83">
        <v>3586</v>
      </c>
      <c r="CZ11" s="273"/>
      <c r="DA11" s="82">
        <v>4305</v>
      </c>
      <c r="DB11" s="82">
        <v>2617</v>
      </c>
      <c r="DC11" s="82">
        <v>1968</v>
      </c>
      <c r="DD11" s="82">
        <v>2035</v>
      </c>
      <c r="DE11" s="82">
        <v>1165</v>
      </c>
      <c r="DF11" s="84">
        <v>12090</v>
      </c>
      <c r="DG11" s="85">
        <v>15676</v>
      </c>
      <c r="DH11" s="70">
        <v>39</v>
      </c>
      <c r="DI11" s="71">
        <v>35</v>
      </c>
      <c r="DJ11" s="72">
        <v>74</v>
      </c>
      <c r="DK11" s="276"/>
      <c r="DL11" s="71">
        <v>97</v>
      </c>
      <c r="DM11" s="71">
        <v>46</v>
      </c>
      <c r="DN11" s="71">
        <v>34</v>
      </c>
      <c r="DO11" s="71">
        <v>42</v>
      </c>
      <c r="DP11" s="71">
        <v>33</v>
      </c>
      <c r="DQ11" s="72">
        <v>252</v>
      </c>
      <c r="DR11" s="73">
        <v>326</v>
      </c>
      <c r="DS11" s="70">
        <v>120</v>
      </c>
      <c r="DT11" s="71">
        <v>124</v>
      </c>
      <c r="DU11" s="72">
        <v>244</v>
      </c>
      <c r="DV11" s="276"/>
      <c r="DW11" s="71">
        <v>271</v>
      </c>
      <c r="DX11" s="71">
        <v>192</v>
      </c>
      <c r="DY11" s="71">
        <v>105</v>
      </c>
      <c r="DZ11" s="71">
        <v>114</v>
      </c>
      <c r="EA11" s="71">
        <v>66</v>
      </c>
      <c r="EB11" s="72">
        <v>748</v>
      </c>
      <c r="EC11" s="73">
        <v>992</v>
      </c>
      <c r="ED11" s="70">
        <v>269</v>
      </c>
      <c r="EE11" s="71">
        <v>256</v>
      </c>
      <c r="EF11" s="72">
        <v>525</v>
      </c>
      <c r="EG11" s="276"/>
      <c r="EH11" s="71">
        <v>532</v>
      </c>
      <c r="EI11" s="71">
        <v>270</v>
      </c>
      <c r="EJ11" s="71">
        <v>165</v>
      </c>
      <c r="EK11" s="71">
        <v>181</v>
      </c>
      <c r="EL11" s="71">
        <v>137</v>
      </c>
      <c r="EM11" s="72">
        <v>1285</v>
      </c>
      <c r="EN11" s="73">
        <v>1810</v>
      </c>
      <c r="EO11" s="70">
        <v>511</v>
      </c>
      <c r="EP11" s="71">
        <v>506</v>
      </c>
      <c r="EQ11" s="72">
        <v>1017</v>
      </c>
      <c r="ER11" s="276"/>
      <c r="ES11" s="71">
        <v>1022</v>
      </c>
      <c r="ET11" s="71">
        <v>523</v>
      </c>
      <c r="EU11" s="71">
        <v>326</v>
      </c>
      <c r="EV11" s="71">
        <v>355</v>
      </c>
      <c r="EW11" s="71">
        <v>199</v>
      </c>
      <c r="EX11" s="72">
        <v>2425</v>
      </c>
      <c r="EY11" s="73">
        <v>3442</v>
      </c>
      <c r="EZ11" s="70">
        <v>487</v>
      </c>
      <c r="FA11" s="71">
        <v>601</v>
      </c>
      <c r="FB11" s="72">
        <v>1088</v>
      </c>
      <c r="FC11" s="276"/>
      <c r="FD11" s="71">
        <v>1283</v>
      </c>
      <c r="FE11" s="71">
        <v>701</v>
      </c>
      <c r="FF11" s="71">
        <v>570</v>
      </c>
      <c r="FG11" s="71">
        <v>529</v>
      </c>
      <c r="FH11" s="71">
        <v>298</v>
      </c>
      <c r="FI11" s="72">
        <v>3381</v>
      </c>
      <c r="FJ11" s="73">
        <v>4469</v>
      </c>
      <c r="FK11" s="70">
        <v>265</v>
      </c>
      <c r="FL11" s="71">
        <v>373</v>
      </c>
      <c r="FM11" s="72">
        <v>638</v>
      </c>
      <c r="FN11" s="276"/>
      <c r="FO11" s="71">
        <v>1100</v>
      </c>
      <c r="FP11" s="71">
        <v>885</v>
      </c>
      <c r="FQ11" s="71">
        <v>768</v>
      </c>
      <c r="FR11" s="71">
        <v>814</v>
      </c>
      <c r="FS11" s="71">
        <v>432</v>
      </c>
      <c r="FT11" s="72">
        <v>3999</v>
      </c>
      <c r="FU11" s="73">
        <v>4637</v>
      </c>
      <c r="FV11" s="70">
        <v>15</v>
      </c>
      <c r="FW11" s="71">
        <v>18</v>
      </c>
      <c r="FX11" s="72">
        <v>33</v>
      </c>
      <c r="FY11" s="276"/>
      <c r="FZ11" s="71">
        <v>61</v>
      </c>
      <c r="GA11" s="71">
        <v>63</v>
      </c>
      <c r="GB11" s="71">
        <v>35</v>
      </c>
      <c r="GC11" s="71">
        <v>24</v>
      </c>
      <c r="GD11" s="71">
        <v>32</v>
      </c>
      <c r="GE11" s="72">
        <v>215</v>
      </c>
      <c r="GF11" s="73">
        <v>248</v>
      </c>
      <c r="GG11" s="70">
        <v>1706</v>
      </c>
      <c r="GH11" s="71">
        <v>1913</v>
      </c>
      <c r="GI11" s="72">
        <v>3619</v>
      </c>
      <c r="GJ11" s="276"/>
      <c r="GK11" s="71">
        <v>4366</v>
      </c>
      <c r="GL11" s="71">
        <v>2680</v>
      </c>
      <c r="GM11" s="71">
        <v>2003</v>
      </c>
      <c r="GN11" s="71">
        <v>2059</v>
      </c>
      <c r="GO11" s="71">
        <v>1197</v>
      </c>
      <c r="GP11" s="72">
        <v>12305</v>
      </c>
      <c r="GQ11" s="73">
        <v>15924</v>
      </c>
      <c r="GR11" s="126">
        <v>2664</v>
      </c>
      <c r="GS11" s="82">
        <v>2593</v>
      </c>
      <c r="GT11" s="83">
        <v>5257</v>
      </c>
      <c r="GU11" s="273"/>
      <c r="GV11" s="82">
        <v>6581</v>
      </c>
      <c r="GW11" s="82">
        <v>4144</v>
      </c>
      <c r="GX11" s="82">
        <v>2952</v>
      </c>
      <c r="GY11" s="82">
        <v>2860</v>
      </c>
      <c r="GZ11" s="82">
        <v>1625</v>
      </c>
      <c r="HA11" s="84">
        <v>18162</v>
      </c>
      <c r="HB11" s="85">
        <v>23419</v>
      </c>
      <c r="HC11" s="70">
        <v>76</v>
      </c>
      <c r="HD11" s="71">
        <v>62</v>
      </c>
      <c r="HE11" s="72">
        <v>138</v>
      </c>
      <c r="HF11" s="276"/>
      <c r="HG11" s="71">
        <v>184</v>
      </c>
      <c r="HH11" s="71">
        <v>128</v>
      </c>
      <c r="HI11" s="71">
        <v>89</v>
      </c>
      <c r="HJ11" s="71">
        <v>91</v>
      </c>
      <c r="HK11" s="71">
        <v>66</v>
      </c>
      <c r="HL11" s="72">
        <v>558</v>
      </c>
      <c r="HM11" s="73">
        <v>696</v>
      </c>
      <c r="HN11" s="70">
        <v>223</v>
      </c>
      <c r="HO11" s="71">
        <v>208</v>
      </c>
      <c r="HP11" s="72">
        <v>431</v>
      </c>
      <c r="HQ11" s="276"/>
      <c r="HR11" s="71">
        <v>528</v>
      </c>
      <c r="HS11" s="71">
        <v>388</v>
      </c>
      <c r="HT11" s="71">
        <v>227</v>
      </c>
      <c r="HU11" s="71">
        <v>205</v>
      </c>
      <c r="HV11" s="71">
        <v>125</v>
      </c>
      <c r="HW11" s="72">
        <v>1473</v>
      </c>
      <c r="HX11" s="73">
        <v>1904</v>
      </c>
      <c r="HY11" s="70">
        <v>429</v>
      </c>
      <c r="HZ11" s="71">
        <v>368</v>
      </c>
      <c r="IA11" s="72">
        <v>797</v>
      </c>
      <c r="IB11" s="276"/>
      <c r="IC11" s="71">
        <v>921</v>
      </c>
      <c r="ID11" s="71">
        <v>500</v>
      </c>
      <c r="IE11" s="71">
        <v>319</v>
      </c>
      <c r="IF11" s="71">
        <v>307</v>
      </c>
      <c r="IG11" s="71">
        <v>218</v>
      </c>
      <c r="IH11" s="72">
        <v>2265</v>
      </c>
      <c r="II11" s="73">
        <v>3062</v>
      </c>
      <c r="IJ11" s="70">
        <v>769</v>
      </c>
      <c r="IK11" s="71">
        <v>682</v>
      </c>
      <c r="IL11" s="72">
        <v>1451</v>
      </c>
      <c r="IM11" s="276"/>
      <c r="IN11" s="71">
        <v>1571</v>
      </c>
      <c r="IO11" s="71">
        <v>901</v>
      </c>
      <c r="IP11" s="71">
        <v>551</v>
      </c>
      <c r="IQ11" s="71">
        <v>525</v>
      </c>
      <c r="IR11" s="71">
        <v>310</v>
      </c>
      <c r="IS11" s="72">
        <v>3858</v>
      </c>
      <c r="IT11" s="73">
        <v>5309</v>
      </c>
      <c r="IU11" s="70">
        <v>758</v>
      </c>
      <c r="IV11" s="71">
        <v>783</v>
      </c>
      <c r="IW11" s="72">
        <v>1541</v>
      </c>
      <c r="IX11" s="276"/>
      <c r="IY11" s="71">
        <v>1857</v>
      </c>
      <c r="IZ11" s="71">
        <v>1059</v>
      </c>
      <c r="JA11" s="71">
        <v>825</v>
      </c>
      <c r="JB11" s="71">
        <v>741</v>
      </c>
      <c r="JC11" s="71">
        <v>417</v>
      </c>
      <c r="JD11" s="72">
        <v>4899</v>
      </c>
      <c r="JE11" s="73">
        <v>6440</v>
      </c>
      <c r="JF11" s="70">
        <v>409</v>
      </c>
      <c r="JG11" s="71">
        <v>490</v>
      </c>
      <c r="JH11" s="72">
        <v>899</v>
      </c>
      <c r="JI11" s="276"/>
      <c r="JJ11" s="71">
        <v>1520</v>
      </c>
      <c r="JK11" s="71">
        <v>1168</v>
      </c>
      <c r="JL11" s="71">
        <v>941</v>
      </c>
      <c r="JM11" s="71">
        <v>991</v>
      </c>
      <c r="JN11" s="71">
        <v>489</v>
      </c>
      <c r="JO11" s="72">
        <v>5109</v>
      </c>
      <c r="JP11" s="73">
        <v>6008</v>
      </c>
      <c r="JQ11" s="70">
        <v>29</v>
      </c>
      <c r="JR11" s="71">
        <v>33</v>
      </c>
      <c r="JS11" s="72">
        <v>62</v>
      </c>
      <c r="JT11" s="276"/>
      <c r="JU11" s="71">
        <v>121</v>
      </c>
      <c r="JV11" s="71">
        <v>127</v>
      </c>
      <c r="JW11" s="71">
        <v>70</v>
      </c>
      <c r="JX11" s="71">
        <v>57</v>
      </c>
      <c r="JY11" s="71">
        <v>55</v>
      </c>
      <c r="JZ11" s="72">
        <v>430</v>
      </c>
      <c r="KA11" s="73">
        <v>492</v>
      </c>
      <c r="KB11" s="70">
        <v>2693</v>
      </c>
      <c r="KC11" s="71">
        <v>2626</v>
      </c>
      <c r="KD11" s="72">
        <v>5319</v>
      </c>
      <c r="KE11" s="276"/>
      <c r="KF11" s="71">
        <v>6702</v>
      </c>
      <c r="KG11" s="71">
        <v>4271</v>
      </c>
      <c r="KH11" s="71">
        <v>3022</v>
      </c>
      <c r="KI11" s="71">
        <v>2917</v>
      </c>
      <c r="KJ11" s="71">
        <v>1680</v>
      </c>
      <c r="KK11" s="72">
        <v>18592</v>
      </c>
      <c r="KL11" s="73">
        <v>23911</v>
      </c>
    </row>
    <row r="12" spans="1:298" ht="19.5" customHeight="1" x14ac:dyDescent="0.2">
      <c r="A12" s="129" t="s">
        <v>8</v>
      </c>
      <c r="B12" s="350">
        <v>508</v>
      </c>
      <c r="C12" s="82">
        <v>354</v>
      </c>
      <c r="D12" s="83">
        <v>862</v>
      </c>
      <c r="E12" s="273"/>
      <c r="F12" s="82">
        <v>925</v>
      </c>
      <c r="G12" s="82">
        <v>848</v>
      </c>
      <c r="H12" s="82">
        <v>622</v>
      </c>
      <c r="I12" s="82">
        <v>471</v>
      </c>
      <c r="J12" s="82">
        <v>253</v>
      </c>
      <c r="K12" s="84">
        <v>3119</v>
      </c>
      <c r="L12" s="85">
        <v>3981</v>
      </c>
      <c r="M12" s="70">
        <v>23</v>
      </c>
      <c r="N12" s="71">
        <v>31</v>
      </c>
      <c r="O12" s="72">
        <v>54</v>
      </c>
      <c r="P12" s="276"/>
      <c r="Q12" s="71">
        <v>43</v>
      </c>
      <c r="R12" s="71">
        <v>46</v>
      </c>
      <c r="S12" s="71">
        <v>32</v>
      </c>
      <c r="T12" s="71">
        <v>24</v>
      </c>
      <c r="U12" s="71">
        <v>14</v>
      </c>
      <c r="V12" s="72">
        <v>159</v>
      </c>
      <c r="W12" s="73">
        <v>213</v>
      </c>
      <c r="X12" s="70">
        <v>58</v>
      </c>
      <c r="Y12" s="71">
        <v>40</v>
      </c>
      <c r="Z12" s="72">
        <v>98</v>
      </c>
      <c r="AA12" s="276"/>
      <c r="AB12" s="71">
        <v>108</v>
      </c>
      <c r="AC12" s="71">
        <v>121</v>
      </c>
      <c r="AD12" s="71">
        <v>82</v>
      </c>
      <c r="AE12" s="71">
        <v>64</v>
      </c>
      <c r="AF12" s="71">
        <v>39</v>
      </c>
      <c r="AG12" s="72">
        <v>414</v>
      </c>
      <c r="AH12" s="73">
        <v>512</v>
      </c>
      <c r="AI12" s="70">
        <v>86</v>
      </c>
      <c r="AJ12" s="71">
        <v>49</v>
      </c>
      <c r="AK12" s="72">
        <v>135</v>
      </c>
      <c r="AL12" s="276"/>
      <c r="AM12" s="71">
        <v>164</v>
      </c>
      <c r="AN12" s="71">
        <v>138</v>
      </c>
      <c r="AO12" s="71">
        <v>106</v>
      </c>
      <c r="AP12" s="71">
        <v>61</v>
      </c>
      <c r="AQ12" s="71">
        <v>52</v>
      </c>
      <c r="AR12" s="72">
        <v>521</v>
      </c>
      <c r="AS12" s="73">
        <v>656</v>
      </c>
      <c r="AT12" s="70">
        <v>131</v>
      </c>
      <c r="AU12" s="71">
        <v>80</v>
      </c>
      <c r="AV12" s="72">
        <v>211</v>
      </c>
      <c r="AW12" s="276"/>
      <c r="AX12" s="71">
        <v>210</v>
      </c>
      <c r="AY12" s="71">
        <v>206</v>
      </c>
      <c r="AZ12" s="71">
        <v>136</v>
      </c>
      <c r="BA12" s="71">
        <v>117</v>
      </c>
      <c r="BB12" s="71">
        <v>53</v>
      </c>
      <c r="BC12" s="72">
        <v>722</v>
      </c>
      <c r="BD12" s="73">
        <v>933</v>
      </c>
      <c r="BE12" s="70">
        <v>128</v>
      </c>
      <c r="BF12" s="71">
        <v>86</v>
      </c>
      <c r="BG12" s="72">
        <v>214</v>
      </c>
      <c r="BH12" s="276"/>
      <c r="BI12" s="71">
        <v>242</v>
      </c>
      <c r="BJ12" s="71">
        <v>193</v>
      </c>
      <c r="BK12" s="71">
        <v>143</v>
      </c>
      <c r="BL12" s="71">
        <v>108</v>
      </c>
      <c r="BM12" s="71">
        <v>52</v>
      </c>
      <c r="BN12" s="72">
        <v>738</v>
      </c>
      <c r="BO12" s="73">
        <v>952</v>
      </c>
      <c r="BP12" s="70">
        <v>82</v>
      </c>
      <c r="BQ12" s="71">
        <v>68</v>
      </c>
      <c r="BR12" s="72">
        <v>150</v>
      </c>
      <c r="BS12" s="276"/>
      <c r="BT12" s="71">
        <v>158</v>
      </c>
      <c r="BU12" s="71">
        <v>144</v>
      </c>
      <c r="BV12" s="71">
        <v>123</v>
      </c>
      <c r="BW12" s="71">
        <v>97</v>
      </c>
      <c r="BX12" s="71">
        <v>43</v>
      </c>
      <c r="BY12" s="72">
        <v>565</v>
      </c>
      <c r="BZ12" s="73">
        <v>715</v>
      </c>
      <c r="CA12" s="70">
        <v>12</v>
      </c>
      <c r="CB12" s="71">
        <v>19</v>
      </c>
      <c r="CC12" s="72">
        <v>31</v>
      </c>
      <c r="CD12" s="276"/>
      <c r="CE12" s="71">
        <v>24</v>
      </c>
      <c r="CF12" s="71">
        <v>38</v>
      </c>
      <c r="CG12" s="71">
        <v>26</v>
      </c>
      <c r="CH12" s="71">
        <v>22</v>
      </c>
      <c r="CI12" s="71">
        <v>19</v>
      </c>
      <c r="CJ12" s="72">
        <v>129</v>
      </c>
      <c r="CK12" s="73">
        <v>160</v>
      </c>
      <c r="CL12" s="70">
        <v>520</v>
      </c>
      <c r="CM12" s="71">
        <v>373</v>
      </c>
      <c r="CN12" s="72">
        <v>893</v>
      </c>
      <c r="CO12" s="276"/>
      <c r="CP12" s="71">
        <v>949</v>
      </c>
      <c r="CQ12" s="71">
        <v>886</v>
      </c>
      <c r="CR12" s="71">
        <v>648</v>
      </c>
      <c r="CS12" s="71">
        <v>493</v>
      </c>
      <c r="CT12" s="71">
        <v>272</v>
      </c>
      <c r="CU12" s="72">
        <v>3248</v>
      </c>
      <c r="CV12" s="73">
        <v>4141</v>
      </c>
      <c r="CW12" s="126">
        <v>962</v>
      </c>
      <c r="CX12" s="82">
        <v>903</v>
      </c>
      <c r="CY12" s="83">
        <v>1865</v>
      </c>
      <c r="CZ12" s="273"/>
      <c r="DA12" s="82">
        <v>1686</v>
      </c>
      <c r="DB12" s="82">
        <v>1554</v>
      </c>
      <c r="DC12" s="82">
        <v>1257</v>
      </c>
      <c r="DD12" s="82">
        <v>1003</v>
      </c>
      <c r="DE12" s="82">
        <v>643</v>
      </c>
      <c r="DF12" s="84">
        <v>6143</v>
      </c>
      <c r="DG12" s="85">
        <v>8008</v>
      </c>
      <c r="DH12" s="70">
        <v>25</v>
      </c>
      <c r="DI12" s="71">
        <v>21</v>
      </c>
      <c r="DJ12" s="72">
        <v>46</v>
      </c>
      <c r="DK12" s="276"/>
      <c r="DL12" s="71">
        <v>42</v>
      </c>
      <c r="DM12" s="71">
        <v>33</v>
      </c>
      <c r="DN12" s="71">
        <v>16</v>
      </c>
      <c r="DO12" s="71">
        <v>24</v>
      </c>
      <c r="DP12" s="71">
        <v>17</v>
      </c>
      <c r="DQ12" s="72">
        <v>132</v>
      </c>
      <c r="DR12" s="73">
        <v>178</v>
      </c>
      <c r="DS12" s="70">
        <v>73</v>
      </c>
      <c r="DT12" s="71">
        <v>68</v>
      </c>
      <c r="DU12" s="72">
        <v>141</v>
      </c>
      <c r="DV12" s="276"/>
      <c r="DW12" s="71">
        <v>105</v>
      </c>
      <c r="DX12" s="71">
        <v>96</v>
      </c>
      <c r="DY12" s="71">
        <v>65</v>
      </c>
      <c r="DZ12" s="71">
        <v>59</v>
      </c>
      <c r="EA12" s="71">
        <v>41</v>
      </c>
      <c r="EB12" s="72">
        <v>366</v>
      </c>
      <c r="EC12" s="73">
        <v>507</v>
      </c>
      <c r="ED12" s="70">
        <v>151</v>
      </c>
      <c r="EE12" s="71">
        <v>142</v>
      </c>
      <c r="EF12" s="72">
        <v>293</v>
      </c>
      <c r="EG12" s="276"/>
      <c r="EH12" s="71">
        <v>213</v>
      </c>
      <c r="EI12" s="71">
        <v>187</v>
      </c>
      <c r="EJ12" s="71">
        <v>112</v>
      </c>
      <c r="EK12" s="71">
        <v>87</v>
      </c>
      <c r="EL12" s="71">
        <v>62</v>
      </c>
      <c r="EM12" s="72">
        <v>661</v>
      </c>
      <c r="EN12" s="73">
        <v>954</v>
      </c>
      <c r="EO12" s="70">
        <v>307</v>
      </c>
      <c r="EP12" s="71">
        <v>239</v>
      </c>
      <c r="EQ12" s="72">
        <v>546</v>
      </c>
      <c r="ER12" s="276"/>
      <c r="ES12" s="71">
        <v>402</v>
      </c>
      <c r="ET12" s="71">
        <v>325</v>
      </c>
      <c r="EU12" s="71">
        <v>236</v>
      </c>
      <c r="EV12" s="71">
        <v>174</v>
      </c>
      <c r="EW12" s="71">
        <v>108</v>
      </c>
      <c r="EX12" s="72">
        <v>1245</v>
      </c>
      <c r="EY12" s="73">
        <v>1791</v>
      </c>
      <c r="EZ12" s="70">
        <v>275</v>
      </c>
      <c r="FA12" s="71">
        <v>275</v>
      </c>
      <c r="FB12" s="72">
        <v>550</v>
      </c>
      <c r="FC12" s="276"/>
      <c r="FD12" s="71">
        <v>493</v>
      </c>
      <c r="FE12" s="71">
        <v>431</v>
      </c>
      <c r="FF12" s="71">
        <v>341</v>
      </c>
      <c r="FG12" s="71">
        <v>246</v>
      </c>
      <c r="FH12" s="71">
        <v>159</v>
      </c>
      <c r="FI12" s="72">
        <v>1670</v>
      </c>
      <c r="FJ12" s="73">
        <v>2220</v>
      </c>
      <c r="FK12" s="70">
        <v>131</v>
      </c>
      <c r="FL12" s="71">
        <v>158</v>
      </c>
      <c r="FM12" s="72">
        <v>289</v>
      </c>
      <c r="FN12" s="276"/>
      <c r="FO12" s="71">
        <v>431</v>
      </c>
      <c r="FP12" s="71">
        <v>482</v>
      </c>
      <c r="FQ12" s="71">
        <v>487</v>
      </c>
      <c r="FR12" s="71">
        <v>413</v>
      </c>
      <c r="FS12" s="71">
        <v>256</v>
      </c>
      <c r="FT12" s="72">
        <v>2069</v>
      </c>
      <c r="FU12" s="73">
        <v>2358</v>
      </c>
      <c r="FV12" s="70">
        <v>7</v>
      </c>
      <c r="FW12" s="71">
        <v>22</v>
      </c>
      <c r="FX12" s="72">
        <v>29</v>
      </c>
      <c r="FY12" s="276"/>
      <c r="FZ12" s="71">
        <v>16</v>
      </c>
      <c r="GA12" s="71">
        <v>36</v>
      </c>
      <c r="GB12" s="71">
        <v>18</v>
      </c>
      <c r="GC12" s="71">
        <v>13</v>
      </c>
      <c r="GD12" s="71">
        <v>17</v>
      </c>
      <c r="GE12" s="72">
        <v>100</v>
      </c>
      <c r="GF12" s="73">
        <v>129</v>
      </c>
      <c r="GG12" s="70">
        <v>969</v>
      </c>
      <c r="GH12" s="71">
        <v>925</v>
      </c>
      <c r="GI12" s="72">
        <v>1894</v>
      </c>
      <c r="GJ12" s="276"/>
      <c r="GK12" s="71">
        <v>1702</v>
      </c>
      <c r="GL12" s="71">
        <v>1590</v>
      </c>
      <c r="GM12" s="71">
        <v>1275</v>
      </c>
      <c r="GN12" s="71">
        <v>1016</v>
      </c>
      <c r="GO12" s="71">
        <v>660</v>
      </c>
      <c r="GP12" s="72">
        <v>6243</v>
      </c>
      <c r="GQ12" s="73">
        <v>8137</v>
      </c>
      <c r="GR12" s="126">
        <v>1470</v>
      </c>
      <c r="GS12" s="82">
        <v>1257</v>
      </c>
      <c r="GT12" s="83">
        <v>2727</v>
      </c>
      <c r="GU12" s="273"/>
      <c r="GV12" s="82">
        <v>2611</v>
      </c>
      <c r="GW12" s="82">
        <v>2402</v>
      </c>
      <c r="GX12" s="82">
        <v>1879</v>
      </c>
      <c r="GY12" s="82">
        <v>1474</v>
      </c>
      <c r="GZ12" s="82">
        <v>896</v>
      </c>
      <c r="HA12" s="84">
        <v>9262</v>
      </c>
      <c r="HB12" s="85">
        <v>11989</v>
      </c>
      <c r="HC12" s="70">
        <v>48</v>
      </c>
      <c r="HD12" s="71">
        <v>52</v>
      </c>
      <c r="HE12" s="72">
        <v>100</v>
      </c>
      <c r="HF12" s="276"/>
      <c r="HG12" s="71">
        <v>85</v>
      </c>
      <c r="HH12" s="71">
        <v>79</v>
      </c>
      <c r="HI12" s="71">
        <v>48</v>
      </c>
      <c r="HJ12" s="71">
        <v>48</v>
      </c>
      <c r="HK12" s="71">
        <v>31</v>
      </c>
      <c r="HL12" s="72">
        <v>291</v>
      </c>
      <c r="HM12" s="73">
        <v>391</v>
      </c>
      <c r="HN12" s="70">
        <v>131</v>
      </c>
      <c r="HO12" s="71">
        <v>108</v>
      </c>
      <c r="HP12" s="72">
        <v>239</v>
      </c>
      <c r="HQ12" s="276"/>
      <c r="HR12" s="71">
        <v>213</v>
      </c>
      <c r="HS12" s="71">
        <v>217</v>
      </c>
      <c r="HT12" s="71">
        <v>147</v>
      </c>
      <c r="HU12" s="71">
        <v>123</v>
      </c>
      <c r="HV12" s="71">
        <v>80</v>
      </c>
      <c r="HW12" s="72">
        <v>780</v>
      </c>
      <c r="HX12" s="73">
        <v>1019</v>
      </c>
      <c r="HY12" s="70">
        <v>237</v>
      </c>
      <c r="HZ12" s="71">
        <v>191</v>
      </c>
      <c r="IA12" s="72">
        <v>428</v>
      </c>
      <c r="IB12" s="276"/>
      <c r="IC12" s="71">
        <v>377</v>
      </c>
      <c r="ID12" s="71">
        <v>325</v>
      </c>
      <c r="IE12" s="71">
        <v>218</v>
      </c>
      <c r="IF12" s="71">
        <v>148</v>
      </c>
      <c r="IG12" s="71">
        <v>114</v>
      </c>
      <c r="IH12" s="72">
        <v>1182</v>
      </c>
      <c r="II12" s="73">
        <v>1610</v>
      </c>
      <c r="IJ12" s="70">
        <v>438</v>
      </c>
      <c r="IK12" s="71">
        <v>319</v>
      </c>
      <c r="IL12" s="72">
        <v>757</v>
      </c>
      <c r="IM12" s="276"/>
      <c r="IN12" s="71">
        <v>612</v>
      </c>
      <c r="IO12" s="71">
        <v>531</v>
      </c>
      <c r="IP12" s="71">
        <v>372</v>
      </c>
      <c r="IQ12" s="71">
        <v>291</v>
      </c>
      <c r="IR12" s="71">
        <v>161</v>
      </c>
      <c r="IS12" s="72">
        <v>1967</v>
      </c>
      <c r="IT12" s="73">
        <v>2724</v>
      </c>
      <c r="IU12" s="70">
        <v>403</v>
      </c>
      <c r="IV12" s="71">
        <v>361</v>
      </c>
      <c r="IW12" s="72">
        <v>764</v>
      </c>
      <c r="IX12" s="276"/>
      <c r="IY12" s="71">
        <v>735</v>
      </c>
      <c r="IZ12" s="71">
        <v>624</v>
      </c>
      <c r="JA12" s="71">
        <v>484</v>
      </c>
      <c r="JB12" s="71">
        <v>354</v>
      </c>
      <c r="JC12" s="71">
        <v>211</v>
      </c>
      <c r="JD12" s="72">
        <v>2408</v>
      </c>
      <c r="JE12" s="73">
        <v>3172</v>
      </c>
      <c r="JF12" s="70">
        <v>213</v>
      </c>
      <c r="JG12" s="71">
        <v>226</v>
      </c>
      <c r="JH12" s="72">
        <v>439</v>
      </c>
      <c r="JI12" s="276"/>
      <c r="JJ12" s="71">
        <v>589</v>
      </c>
      <c r="JK12" s="71">
        <v>626</v>
      </c>
      <c r="JL12" s="71">
        <v>610</v>
      </c>
      <c r="JM12" s="71">
        <v>510</v>
      </c>
      <c r="JN12" s="71">
        <v>299</v>
      </c>
      <c r="JO12" s="72">
        <v>2634</v>
      </c>
      <c r="JP12" s="73">
        <v>3073</v>
      </c>
      <c r="JQ12" s="70">
        <v>19</v>
      </c>
      <c r="JR12" s="71">
        <v>41</v>
      </c>
      <c r="JS12" s="72">
        <v>60</v>
      </c>
      <c r="JT12" s="276"/>
      <c r="JU12" s="71">
        <v>40</v>
      </c>
      <c r="JV12" s="71">
        <v>74</v>
      </c>
      <c r="JW12" s="71">
        <v>44</v>
      </c>
      <c r="JX12" s="71">
        <v>35</v>
      </c>
      <c r="JY12" s="71">
        <v>36</v>
      </c>
      <c r="JZ12" s="72">
        <v>229</v>
      </c>
      <c r="KA12" s="73">
        <v>289</v>
      </c>
      <c r="KB12" s="70">
        <v>1489</v>
      </c>
      <c r="KC12" s="71">
        <v>1298</v>
      </c>
      <c r="KD12" s="72">
        <v>2787</v>
      </c>
      <c r="KE12" s="276"/>
      <c r="KF12" s="71">
        <v>2651</v>
      </c>
      <c r="KG12" s="71">
        <v>2476</v>
      </c>
      <c r="KH12" s="71">
        <v>1923</v>
      </c>
      <c r="KI12" s="71">
        <v>1509</v>
      </c>
      <c r="KJ12" s="71">
        <v>932</v>
      </c>
      <c r="KK12" s="72">
        <v>9491</v>
      </c>
      <c r="KL12" s="73">
        <v>12278</v>
      </c>
    </row>
    <row r="13" spans="1:298" ht="19.5" customHeight="1" x14ac:dyDescent="0.2">
      <c r="A13" s="129" t="s">
        <v>9</v>
      </c>
      <c r="B13" s="350">
        <v>648</v>
      </c>
      <c r="C13" s="82">
        <v>406</v>
      </c>
      <c r="D13" s="83">
        <v>1054</v>
      </c>
      <c r="E13" s="273"/>
      <c r="F13" s="82">
        <v>804</v>
      </c>
      <c r="G13" s="82">
        <v>562</v>
      </c>
      <c r="H13" s="82">
        <v>429</v>
      </c>
      <c r="I13" s="82">
        <v>392</v>
      </c>
      <c r="J13" s="82">
        <v>218</v>
      </c>
      <c r="K13" s="84">
        <v>2405</v>
      </c>
      <c r="L13" s="85">
        <v>3459</v>
      </c>
      <c r="M13" s="70">
        <v>18</v>
      </c>
      <c r="N13" s="71">
        <v>12</v>
      </c>
      <c r="O13" s="72">
        <v>30</v>
      </c>
      <c r="P13" s="276"/>
      <c r="Q13" s="71">
        <v>20</v>
      </c>
      <c r="R13" s="71">
        <v>29</v>
      </c>
      <c r="S13" s="71">
        <v>15</v>
      </c>
      <c r="T13" s="71">
        <v>12</v>
      </c>
      <c r="U13" s="71">
        <v>10</v>
      </c>
      <c r="V13" s="72">
        <v>86</v>
      </c>
      <c r="W13" s="73">
        <v>116</v>
      </c>
      <c r="X13" s="70">
        <v>52</v>
      </c>
      <c r="Y13" s="71">
        <v>32</v>
      </c>
      <c r="Z13" s="72">
        <v>84</v>
      </c>
      <c r="AA13" s="276"/>
      <c r="AB13" s="71">
        <v>59</v>
      </c>
      <c r="AC13" s="71">
        <v>47</v>
      </c>
      <c r="AD13" s="71">
        <v>41</v>
      </c>
      <c r="AE13" s="71">
        <v>35</v>
      </c>
      <c r="AF13" s="71">
        <v>24</v>
      </c>
      <c r="AG13" s="72">
        <v>206</v>
      </c>
      <c r="AH13" s="73">
        <v>290</v>
      </c>
      <c r="AI13" s="70">
        <v>67</v>
      </c>
      <c r="AJ13" s="71">
        <v>39</v>
      </c>
      <c r="AK13" s="72">
        <v>106</v>
      </c>
      <c r="AL13" s="276"/>
      <c r="AM13" s="71">
        <v>104</v>
      </c>
      <c r="AN13" s="71">
        <v>61</v>
      </c>
      <c r="AO13" s="71">
        <v>65</v>
      </c>
      <c r="AP13" s="71">
        <v>53</v>
      </c>
      <c r="AQ13" s="71">
        <v>37</v>
      </c>
      <c r="AR13" s="72">
        <v>320</v>
      </c>
      <c r="AS13" s="73">
        <v>426</v>
      </c>
      <c r="AT13" s="70">
        <v>163</v>
      </c>
      <c r="AU13" s="71">
        <v>97</v>
      </c>
      <c r="AV13" s="72">
        <v>260</v>
      </c>
      <c r="AW13" s="276"/>
      <c r="AX13" s="71">
        <v>176</v>
      </c>
      <c r="AY13" s="71">
        <v>115</v>
      </c>
      <c r="AZ13" s="71">
        <v>70</v>
      </c>
      <c r="BA13" s="71">
        <v>73</v>
      </c>
      <c r="BB13" s="71">
        <v>44</v>
      </c>
      <c r="BC13" s="72">
        <v>478</v>
      </c>
      <c r="BD13" s="73">
        <v>738</v>
      </c>
      <c r="BE13" s="70">
        <v>206</v>
      </c>
      <c r="BF13" s="71">
        <v>121</v>
      </c>
      <c r="BG13" s="72">
        <v>327</v>
      </c>
      <c r="BH13" s="276"/>
      <c r="BI13" s="71">
        <v>258</v>
      </c>
      <c r="BJ13" s="71">
        <v>154</v>
      </c>
      <c r="BK13" s="71">
        <v>114</v>
      </c>
      <c r="BL13" s="71">
        <v>129</v>
      </c>
      <c r="BM13" s="71">
        <v>37</v>
      </c>
      <c r="BN13" s="72">
        <v>692</v>
      </c>
      <c r="BO13" s="73">
        <v>1019</v>
      </c>
      <c r="BP13" s="70">
        <v>142</v>
      </c>
      <c r="BQ13" s="71">
        <v>105</v>
      </c>
      <c r="BR13" s="72">
        <v>247</v>
      </c>
      <c r="BS13" s="276"/>
      <c r="BT13" s="71">
        <v>187</v>
      </c>
      <c r="BU13" s="71">
        <v>156</v>
      </c>
      <c r="BV13" s="71">
        <v>124</v>
      </c>
      <c r="BW13" s="71">
        <v>90</v>
      </c>
      <c r="BX13" s="71">
        <v>66</v>
      </c>
      <c r="BY13" s="72">
        <v>623</v>
      </c>
      <c r="BZ13" s="73">
        <v>870</v>
      </c>
      <c r="CA13" s="70">
        <v>6</v>
      </c>
      <c r="CB13" s="71">
        <v>16</v>
      </c>
      <c r="CC13" s="72">
        <v>22</v>
      </c>
      <c r="CD13" s="276"/>
      <c r="CE13" s="71">
        <v>27</v>
      </c>
      <c r="CF13" s="71">
        <v>22</v>
      </c>
      <c r="CG13" s="71">
        <v>9</v>
      </c>
      <c r="CH13" s="71">
        <v>12</v>
      </c>
      <c r="CI13" s="71">
        <v>8</v>
      </c>
      <c r="CJ13" s="72">
        <v>78</v>
      </c>
      <c r="CK13" s="73">
        <v>100</v>
      </c>
      <c r="CL13" s="70">
        <v>654</v>
      </c>
      <c r="CM13" s="71">
        <v>422</v>
      </c>
      <c r="CN13" s="72">
        <v>1076</v>
      </c>
      <c r="CO13" s="276"/>
      <c r="CP13" s="71">
        <v>831</v>
      </c>
      <c r="CQ13" s="71">
        <v>584</v>
      </c>
      <c r="CR13" s="71">
        <v>438</v>
      </c>
      <c r="CS13" s="71">
        <v>404</v>
      </c>
      <c r="CT13" s="71">
        <v>226</v>
      </c>
      <c r="CU13" s="72">
        <v>2483</v>
      </c>
      <c r="CV13" s="73">
        <v>3559</v>
      </c>
      <c r="CW13" s="126">
        <v>1321</v>
      </c>
      <c r="CX13" s="82">
        <v>1002</v>
      </c>
      <c r="CY13" s="83">
        <v>2323</v>
      </c>
      <c r="CZ13" s="273"/>
      <c r="DA13" s="82">
        <v>1588</v>
      </c>
      <c r="DB13" s="82">
        <v>1152</v>
      </c>
      <c r="DC13" s="82">
        <v>946</v>
      </c>
      <c r="DD13" s="82">
        <v>1028</v>
      </c>
      <c r="DE13" s="82">
        <v>716</v>
      </c>
      <c r="DF13" s="84">
        <v>5430</v>
      </c>
      <c r="DG13" s="85">
        <v>7753</v>
      </c>
      <c r="DH13" s="70">
        <v>23</v>
      </c>
      <c r="DI13" s="71">
        <v>9</v>
      </c>
      <c r="DJ13" s="72">
        <v>32</v>
      </c>
      <c r="DK13" s="276"/>
      <c r="DL13" s="71">
        <v>14</v>
      </c>
      <c r="DM13" s="71">
        <v>14</v>
      </c>
      <c r="DN13" s="71">
        <v>11</v>
      </c>
      <c r="DO13" s="71">
        <v>13</v>
      </c>
      <c r="DP13" s="71">
        <v>13</v>
      </c>
      <c r="DQ13" s="72">
        <v>65</v>
      </c>
      <c r="DR13" s="73">
        <v>97</v>
      </c>
      <c r="DS13" s="70">
        <v>89</v>
      </c>
      <c r="DT13" s="71">
        <v>61</v>
      </c>
      <c r="DU13" s="72">
        <v>150</v>
      </c>
      <c r="DV13" s="276"/>
      <c r="DW13" s="71">
        <v>62</v>
      </c>
      <c r="DX13" s="71">
        <v>42</v>
      </c>
      <c r="DY13" s="71">
        <v>32</v>
      </c>
      <c r="DZ13" s="71">
        <v>34</v>
      </c>
      <c r="EA13" s="71">
        <v>30</v>
      </c>
      <c r="EB13" s="72">
        <v>200</v>
      </c>
      <c r="EC13" s="73">
        <v>350</v>
      </c>
      <c r="ED13" s="70">
        <v>192</v>
      </c>
      <c r="EE13" s="71">
        <v>133</v>
      </c>
      <c r="EF13" s="72">
        <v>325</v>
      </c>
      <c r="EG13" s="276"/>
      <c r="EH13" s="71">
        <v>154</v>
      </c>
      <c r="EI13" s="71">
        <v>98</v>
      </c>
      <c r="EJ13" s="71">
        <v>51</v>
      </c>
      <c r="EK13" s="71">
        <v>60</v>
      </c>
      <c r="EL13" s="71">
        <v>65</v>
      </c>
      <c r="EM13" s="72">
        <v>428</v>
      </c>
      <c r="EN13" s="73">
        <v>753</v>
      </c>
      <c r="EO13" s="70">
        <v>355</v>
      </c>
      <c r="EP13" s="71">
        <v>233</v>
      </c>
      <c r="EQ13" s="72">
        <v>588</v>
      </c>
      <c r="ER13" s="276"/>
      <c r="ES13" s="71">
        <v>353</v>
      </c>
      <c r="ET13" s="71">
        <v>190</v>
      </c>
      <c r="EU13" s="71">
        <v>136</v>
      </c>
      <c r="EV13" s="71">
        <v>145</v>
      </c>
      <c r="EW13" s="71">
        <v>114</v>
      </c>
      <c r="EX13" s="72">
        <v>938</v>
      </c>
      <c r="EY13" s="73">
        <v>1526</v>
      </c>
      <c r="EZ13" s="70">
        <v>408</v>
      </c>
      <c r="FA13" s="71">
        <v>329</v>
      </c>
      <c r="FB13" s="72">
        <v>737</v>
      </c>
      <c r="FC13" s="276"/>
      <c r="FD13" s="71">
        <v>503</v>
      </c>
      <c r="FE13" s="71">
        <v>341</v>
      </c>
      <c r="FF13" s="71">
        <v>265</v>
      </c>
      <c r="FG13" s="71">
        <v>262</v>
      </c>
      <c r="FH13" s="71">
        <v>176</v>
      </c>
      <c r="FI13" s="72">
        <v>1547</v>
      </c>
      <c r="FJ13" s="73">
        <v>2284</v>
      </c>
      <c r="FK13" s="70">
        <v>254</v>
      </c>
      <c r="FL13" s="71">
        <v>237</v>
      </c>
      <c r="FM13" s="72">
        <v>491</v>
      </c>
      <c r="FN13" s="276"/>
      <c r="FO13" s="71">
        <v>502</v>
      </c>
      <c r="FP13" s="71">
        <v>467</v>
      </c>
      <c r="FQ13" s="71">
        <v>451</v>
      </c>
      <c r="FR13" s="71">
        <v>514</v>
      </c>
      <c r="FS13" s="71">
        <v>318</v>
      </c>
      <c r="FT13" s="72">
        <v>2252</v>
      </c>
      <c r="FU13" s="73">
        <v>2743</v>
      </c>
      <c r="FV13" s="70">
        <v>5</v>
      </c>
      <c r="FW13" s="71">
        <v>13</v>
      </c>
      <c r="FX13" s="72">
        <v>18</v>
      </c>
      <c r="FY13" s="276"/>
      <c r="FZ13" s="71">
        <v>7</v>
      </c>
      <c r="GA13" s="71">
        <v>20</v>
      </c>
      <c r="GB13" s="71">
        <v>11</v>
      </c>
      <c r="GC13" s="71">
        <v>12</v>
      </c>
      <c r="GD13" s="71">
        <v>10</v>
      </c>
      <c r="GE13" s="72">
        <v>60</v>
      </c>
      <c r="GF13" s="73">
        <v>78</v>
      </c>
      <c r="GG13" s="70">
        <v>1326</v>
      </c>
      <c r="GH13" s="71">
        <v>1015</v>
      </c>
      <c r="GI13" s="72">
        <v>2341</v>
      </c>
      <c r="GJ13" s="276"/>
      <c r="GK13" s="71">
        <v>1595</v>
      </c>
      <c r="GL13" s="71">
        <v>1172</v>
      </c>
      <c r="GM13" s="71">
        <v>957</v>
      </c>
      <c r="GN13" s="71">
        <v>1040</v>
      </c>
      <c r="GO13" s="71">
        <v>726</v>
      </c>
      <c r="GP13" s="72">
        <v>5490</v>
      </c>
      <c r="GQ13" s="73">
        <v>7831</v>
      </c>
      <c r="GR13" s="126">
        <v>1969</v>
      </c>
      <c r="GS13" s="82">
        <v>1408</v>
      </c>
      <c r="GT13" s="83">
        <v>3377</v>
      </c>
      <c r="GU13" s="273"/>
      <c r="GV13" s="82">
        <v>2392</v>
      </c>
      <c r="GW13" s="82">
        <v>1714</v>
      </c>
      <c r="GX13" s="82">
        <v>1375</v>
      </c>
      <c r="GY13" s="82">
        <v>1420</v>
      </c>
      <c r="GZ13" s="82">
        <v>934</v>
      </c>
      <c r="HA13" s="84">
        <v>7835</v>
      </c>
      <c r="HB13" s="85">
        <v>11212</v>
      </c>
      <c r="HC13" s="70">
        <v>41</v>
      </c>
      <c r="HD13" s="71">
        <v>21</v>
      </c>
      <c r="HE13" s="72">
        <v>62</v>
      </c>
      <c r="HF13" s="276"/>
      <c r="HG13" s="71">
        <v>34</v>
      </c>
      <c r="HH13" s="71">
        <v>43</v>
      </c>
      <c r="HI13" s="71">
        <v>26</v>
      </c>
      <c r="HJ13" s="71">
        <v>25</v>
      </c>
      <c r="HK13" s="71">
        <v>23</v>
      </c>
      <c r="HL13" s="72">
        <v>151</v>
      </c>
      <c r="HM13" s="73">
        <v>213</v>
      </c>
      <c r="HN13" s="70">
        <v>141</v>
      </c>
      <c r="HO13" s="71">
        <v>93</v>
      </c>
      <c r="HP13" s="72">
        <v>234</v>
      </c>
      <c r="HQ13" s="276"/>
      <c r="HR13" s="71">
        <v>121</v>
      </c>
      <c r="HS13" s="71">
        <v>89</v>
      </c>
      <c r="HT13" s="71">
        <v>73</v>
      </c>
      <c r="HU13" s="71">
        <v>69</v>
      </c>
      <c r="HV13" s="71">
        <v>54</v>
      </c>
      <c r="HW13" s="72">
        <v>406</v>
      </c>
      <c r="HX13" s="73">
        <v>640</v>
      </c>
      <c r="HY13" s="70">
        <v>259</v>
      </c>
      <c r="HZ13" s="71">
        <v>172</v>
      </c>
      <c r="IA13" s="72">
        <v>431</v>
      </c>
      <c r="IB13" s="276"/>
      <c r="IC13" s="71">
        <v>258</v>
      </c>
      <c r="ID13" s="71">
        <v>159</v>
      </c>
      <c r="IE13" s="71">
        <v>116</v>
      </c>
      <c r="IF13" s="71">
        <v>113</v>
      </c>
      <c r="IG13" s="71">
        <v>102</v>
      </c>
      <c r="IH13" s="72">
        <v>748</v>
      </c>
      <c r="II13" s="73">
        <v>1179</v>
      </c>
      <c r="IJ13" s="70">
        <v>518</v>
      </c>
      <c r="IK13" s="71">
        <v>330</v>
      </c>
      <c r="IL13" s="72">
        <v>848</v>
      </c>
      <c r="IM13" s="276"/>
      <c r="IN13" s="71">
        <v>529</v>
      </c>
      <c r="IO13" s="71">
        <v>305</v>
      </c>
      <c r="IP13" s="71">
        <v>206</v>
      </c>
      <c r="IQ13" s="71">
        <v>218</v>
      </c>
      <c r="IR13" s="71">
        <v>158</v>
      </c>
      <c r="IS13" s="72">
        <v>1416</v>
      </c>
      <c r="IT13" s="73">
        <v>2264</v>
      </c>
      <c r="IU13" s="70">
        <v>614</v>
      </c>
      <c r="IV13" s="71">
        <v>450</v>
      </c>
      <c r="IW13" s="72">
        <v>1064</v>
      </c>
      <c r="IX13" s="276"/>
      <c r="IY13" s="71">
        <v>761</v>
      </c>
      <c r="IZ13" s="71">
        <v>495</v>
      </c>
      <c r="JA13" s="71">
        <v>379</v>
      </c>
      <c r="JB13" s="71">
        <v>391</v>
      </c>
      <c r="JC13" s="71">
        <v>213</v>
      </c>
      <c r="JD13" s="72">
        <v>2239</v>
      </c>
      <c r="JE13" s="73">
        <v>3303</v>
      </c>
      <c r="JF13" s="70">
        <v>396</v>
      </c>
      <c r="JG13" s="71">
        <v>342</v>
      </c>
      <c r="JH13" s="72">
        <v>738</v>
      </c>
      <c r="JI13" s="276"/>
      <c r="JJ13" s="71">
        <v>689</v>
      </c>
      <c r="JK13" s="71">
        <v>623</v>
      </c>
      <c r="JL13" s="71">
        <v>575</v>
      </c>
      <c r="JM13" s="71">
        <v>604</v>
      </c>
      <c r="JN13" s="71">
        <v>384</v>
      </c>
      <c r="JO13" s="72">
        <v>2875</v>
      </c>
      <c r="JP13" s="73">
        <v>3613</v>
      </c>
      <c r="JQ13" s="70">
        <v>11</v>
      </c>
      <c r="JR13" s="71">
        <v>29</v>
      </c>
      <c r="JS13" s="72">
        <v>40</v>
      </c>
      <c r="JT13" s="276"/>
      <c r="JU13" s="71">
        <v>34</v>
      </c>
      <c r="JV13" s="71">
        <v>42</v>
      </c>
      <c r="JW13" s="71">
        <v>20</v>
      </c>
      <c r="JX13" s="71">
        <v>24</v>
      </c>
      <c r="JY13" s="71">
        <v>18</v>
      </c>
      <c r="JZ13" s="72">
        <v>138</v>
      </c>
      <c r="KA13" s="73">
        <v>178</v>
      </c>
      <c r="KB13" s="70">
        <v>1980</v>
      </c>
      <c r="KC13" s="71">
        <v>1437</v>
      </c>
      <c r="KD13" s="72">
        <v>3417</v>
      </c>
      <c r="KE13" s="276"/>
      <c r="KF13" s="71">
        <v>2426</v>
      </c>
      <c r="KG13" s="71">
        <v>1756</v>
      </c>
      <c r="KH13" s="71">
        <v>1395</v>
      </c>
      <c r="KI13" s="71">
        <v>1444</v>
      </c>
      <c r="KJ13" s="71">
        <v>952</v>
      </c>
      <c r="KK13" s="72">
        <v>7973</v>
      </c>
      <c r="KL13" s="73">
        <v>11390</v>
      </c>
    </row>
    <row r="14" spans="1:298" ht="19.5" customHeight="1" x14ac:dyDescent="0.2">
      <c r="A14" s="129" t="s">
        <v>10</v>
      </c>
      <c r="B14" s="350">
        <v>1419</v>
      </c>
      <c r="C14" s="82">
        <v>999</v>
      </c>
      <c r="D14" s="83">
        <v>2418</v>
      </c>
      <c r="E14" s="273"/>
      <c r="F14" s="82">
        <v>1654</v>
      </c>
      <c r="G14" s="82">
        <v>983</v>
      </c>
      <c r="H14" s="82">
        <v>721</v>
      </c>
      <c r="I14" s="82">
        <v>591</v>
      </c>
      <c r="J14" s="82">
        <v>409</v>
      </c>
      <c r="K14" s="84">
        <v>4358</v>
      </c>
      <c r="L14" s="85">
        <v>6776</v>
      </c>
      <c r="M14" s="70">
        <v>57</v>
      </c>
      <c r="N14" s="71">
        <v>70</v>
      </c>
      <c r="O14" s="72">
        <v>127</v>
      </c>
      <c r="P14" s="276"/>
      <c r="Q14" s="71">
        <v>77</v>
      </c>
      <c r="R14" s="71">
        <v>54</v>
      </c>
      <c r="S14" s="71">
        <v>31</v>
      </c>
      <c r="T14" s="71">
        <v>24</v>
      </c>
      <c r="U14" s="71">
        <v>27</v>
      </c>
      <c r="V14" s="72">
        <v>213</v>
      </c>
      <c r="W14" s="73">
        <v>340</v>
      </c>
      <c r="X14" s="70">
        <v>136</v>
      </c>
      <c r="Y14" s="71">
        <v>123</v>
      </c>
      <c r="Z14" s="72">
        <v>259</v>
      </c>
      <c r="AA14" s="276"/>
      <c r="AB14" s="71">
        <v>183</v>
      </c>
      <c r="AC14" s="71">
        <v>116</v>
      </c>
      <c r="AD14" s="71">
        <v>73</v>
      </c>
      <c r="AE14" s="71">
        <v>71</v>
      </c>
      <c r="AF14" s="71">
        <v>69</v>
      </c>
      <c r="AG14" s="72">
        <v>512</v>
      </c>
      <c r="AH14" s="73">
        <v>771</v>
      </c>
      <c r="AI14" s="70">
        <v>184</v>
      </c>
      <c r="AJ14" s="71">
        <v>163</v>
      </c>
      <c r="AK14" s="72">
        <v>347</v>
      </c>
      <c r="AL14" s="276"/>
      <c r="AM14" s="71">
        <v>274</v>
      </c>
      <c r="AN14" s="71">
        <v>185</v>
      </c>
      <c r="AO14" s="71">
        <v>116</v>
      </c>
      <c r="AP14" s="71">
        <v>87</v>
      </c>
      <c r="AQ14" s="71">
        <v>54</v>
      </c>
      <c r="AR14" s="72">
        <v>716</v>
      </c>
      <c r="AS14" s="73">
        <v>1063</v>
      </c>
      <c r="AT14" s="70">
        <v>390</v>
      </c>
      <c r="AU14" s="71">
        <v>230</v>
      </c>
      <c r="AV14" s="72">
        <v>620</v>
      </c>
      <c r="AW14" s="276"/>
      <c r="AX14" s="71">
        <v>364</v>
      </c>
      <c r="AY14" s="71">
        <v>205</v>
      </c>
      <c r="AZ14" s="71">
        <v>158</v>
      </c>
      <c r="BA14" s="71">
        <v>136</v>
      </c>
      <c r="BB14" s="71">
        <v>97</v>
      </c>
      <c r="BC14" s="72">
        <v>960</v>
      </c>
      <c r="BD14" s="73">
        <v>1580</v>
      </c>
      <c r="BE14" s="70">
        <v>421</v>
      </c>
      <c r="BF14" s="71">
        <v>247</v>
      </c>
      <c r="BG14" s="72">
        <v>668</v>
      </c>
      <c r="BH14" s="276"/>
      <c r="BI14" s="71">
        <v>429</v>
      </c>
      <c r="BJ14" s="71">
        <v>231</v>
      </c>
      <c r="BK14" s="71">
        <v>179</v>
      </c>
      <c r="BL14" s="71">
        <v>148</v>
      </c>
      <c r="BM14" s="71">
        <v>91</v>
      </c>
      <c r="BN14" s="72">
        <v>1078</v>
      </c>
      <c r="BO14" s="73">
        <v>1746</v>
      </c>
      <c r="BP14" s="70">
        <v>231</v>
      </c>
      <c r="BQ14" s="71">
        <v>166</v>
      </c>
      <c r="BR14" s="72">
        <v>397</v>
      </c>
      <c r="BS14" s="276"/>
      <c r="BT14" s="71">
        <v>327</v>
      </c>
      <c r="BU14" s="71">
        <v>192</v>
      </c>
      <c r="BV14" s="71">
        <v>164</v>
      </c>
      <c r="BW14" s="71">
        <v>125</v>
      </c>
      <c r="BX14" s="71">
        <v>71</v>
      </c>
      <c r="BY14" s="72">
        <v>879</v>
      </c>
      <c r="BZ14" s="73">
        <v>1276</v>
      </c>
      <c r="CA14" s="70">
        <v>35</v>
      </c>
      <c r="CB14" s="71">
        <v>34</v>
      </c>
      <c r="CC14" s="72">
        <v>69</v>
      </c>
      <c r="CD14" s="276"/>
      <c r="CE14" s="71">
        <v>64</v>
      </c>
      <c r="CF14" s="71">
        <v>49</v>
      </c>
      <c r="CG14" s="71">
        <v>30</v>
      </c>
      <c r="CH14" s="71">
        <v>21</v>
      </c>
      <c r="CI14" s="71">
        <v>33</v>
      </c>
      <c r="CJ14" s="72">
        <v>197</v>
      </c>
      <c r="CK14" s="73">
        <v>266</v>
      </c>
      <c r="CL14" s="70">
        <v>1454</v>
      </c>
      <c r="CM14" s="71">
        <v>1033</v>
      </c>
      <c r="CN14" s="72">
        <v>2487</v>
      </c>
      <c r="CO14" s="276"/>
      <c r="CP14" s="71">
        <v>1718</v>
      </c>
      <c r="CQ14" s="71">
        <v>1032</v>
      </c>
      <c r="CR14" s="71">
        <v>751</v>
      </c>
      <c r="CS14" s="71">
        <v>612</v>
      </c>
      <c r="CT14" s="71">
        <v>442</v>
      </c>
      <c r="CU14" s="72">
        <v>4555</v>
      </c>
      <c r="CV14" s="73">
        <v>7042</v>
      </c>
      <c r="CW14" s="126">
        <v>2888</v>
      </c>
      <c r="CX14" s="82">
        <v>2134</v>
      </c>
      <c r="CY14" s="83">
        <v>5022</v>
      </c>
      <c r="CZ14" s="273"/>
      <c r="DA14" s="82">
        <v>3083</v>
      </c>
      <c r="DB14" s="82">
        <v>1727</v>
      </c>
      <c r="DC14" s="82">
        <v>1438</v>
      </c>
      <c r="DD14" s="82">
        <v>1388</v>
      </c>
      <c r="DE14" s="82">
        <v>1222</v>
      </c>
      <c r="DF14" s="84">
        <v>8858</v>
      </c>
      <c r="DG14" s="85">
        <v>13880</v>
      </c>
      <c r="DH14" s="70">
        <v>63</v>
      </c>
      <c r="DI14" s="71">
        <v>49</v>
      </c>
      <c r="DJ14" s="72">
        <v>112</v>
      </c>
      <c r="DK14" s="276"/>
      <c r="DL14" s="71">
        <v>68</v>
      </c>
      <c r="DM14" s="71">
        <v>30</v>
      </c>
      <c r="DN14" s="71">
        <v>20</v>
      </c>
      <c r="DO14" s="71">
        <v>19</v>
      </c>
      <c r="DP14" s="71">
        <v>25</v>
      </c>
      <c r="DQ14" s="72">
        <v>162</v>
      </c>
      <c r="DR14" s="73">
        <v>274</v>
      </c>
      <c r="DS14" s="70">
        <v>220</v>
      </c>
      <c r="DT14" s="71">
        <v>170</v>
      </c>
      <c r="DU14" s="72">
        <v>390</v>
      </c>
      <c r="DV14" s="276"/>
      <c r="DW14" s="71">
        <v>184</v>
      </c>
      <c r="DX14" s="71">
        <v>105</v>
      </c>
      <c r="DY14" s="71">
        <v>58</v>
      </c>
      <c r="DZ14" s="71">
        <v>60</v>
      </c>
      <c r="EA14" s="71">
        <v>64</v>
      </c>
      <c r="EB14" s="72">
        <v>471</v>
      </c>
      <c r="EC14" s="73">
        <v>861</v>
      </c>
      <c r="ED14" s="70">
        <v>450</v>
      </c>
      <c r="EE14" s="71">
        <v>294</v>
      </c>
      <c r="EF14" s="72">
        <v>744</v>
      </c>
      <c r="EG14" s="276"/>
      <c r="EH14" s="71">
        <v>365</v>
      </c>
      <c r="EI14" s="71">
        <v>146</v>
      </c>
      <c r="EJ14" s="71">
        <v>128</v>
      </c>
      <c r="EK14" s="71">
        <v>124</v>
      </c>
      <c r="EL14" s="71">
        <v>99</v>
      </c>
      <c r="EM14" s="72">
        <v>862</v>
      </c>
      <c r="EN14" s="73">
        <v>1606</v>
      </c>
      <c r="EO14" s="70">
        <v>790</v>
      </c>
      <c r="EP14" s="71">
        <v>519</v>
      </c>
      <c r="EQ14" s="72">
        <v>1309</v>
      </c>
      <c r="ER14" s="276"/>
      <c r="ES14" s="71">
        <v>651</v>
      </c>
      <c r="ET14" s="71">
        <v>349</v>
      </c>
      <c r="EU14" s="71">
        <v>237</v>
      </c>
      <c r="EV14" s="71">
        <v>220</v>
      </c>
      <c r="EW14" s="71">
        <v>212</v>
      </c>
      <c r="EX14" s="72">
        <v>1669</v>
      </c>
      <c r="EY14" s="73">
        <v>2978</v>
      </c>
      <c r="EZ14" s="70">
        <v>897</v>
      </c>
      <c r="FA14" s="71">
        <v>620</v>
      </c>
      <c r="FB14" s="72">
        <v>1517</v>
      </c>
      <c r="FC14" s="276"/>
      <c r="FD14" s="71">
        <v>959</v>
      </c>
      <c r="FE14" s="71">
        <v>477</v>
      </c>
      <c r="FF14" s="71">
        <v>391</v>
      </c>
      <c r="FG14" s="71">
        <v>329</v>
      </c>
      <c r="FH14" s="71">
        <v>339</v>
      </c>
      <c r="FI14" s="72">
        <v>2495</v>
      </c>
      <c r="FJ14" s="73">
        <v>4012</v>
      </c>
      <c r="FK14" s="70">
        <v>468</v>
      </c>
      <c r="FL14" s="71">
        <v>482</v>
      </c>
      <c r="FM14" s="72">
        <v>950</v>
      </c>
      <c r="FN14" s="276"/>
      <c r="FO14" s="71">
        <v>856</v>
      </c>
      <c r="FP14" s="71">
        <v>620</v>
      </c>
      <c r="FQ14" s="71">
        <v>604</v>
      </c>
      <c r="FR14" s="71">
        <v>636</v>
      </c>
      <c r="FS14" s="71">
        <v>483</v>
      </c>
      <c r="FT14" s="72">
        <v>3199</v>
      </c>
      <c r="FU14" s="73">
        <v>4149</v>
      </c>
      <c r="FV14" s="70">
        <v>27</v>
      </c>
      <c r="FW14" s="71">
        <v>37</v>
      </c>
      <c r="FX14" s="72">
        <v>64</v>
      </c>
      <c r="FY14" s="276"/>
      <c r="FZ14" s="71">
        <v>49</v>
      </c>
      <c r="GA14" s="71">
        <v>34</v>
      </c>
      <c r="GB14" s="71">
        <v>21</v>
      </c>
      <c r="GC14" s="71">
        <v>18</v>
      </c>
      <c r="GD14" s="71">
        <v>37</v>
      </c>
      <c r="GE14" s="72">
        <v>159</v>
      </c>
      <c r="GF14" s="73">
        <v>223</v>
      </c>
      <c r="GG14" s="70">
        <v>2915</v>
      </c>
      <c r="GH14" s="71">
        <v>2171</v>
      </c>
      <c r="GI14" s="72">
        <v>5086</v>
      </c>
      <c r="GJ14" s="276"/>
      <c r="GK14" s="71">
        <v>3132</v>
      </c>
      <c r="GL14" s="71">
        <v>1761</v>
      </c>
      <c r="GM14" s="71">
        <v>1459</v>
      </c>
      <c r="GN14" s="71">
        <v>1406</v>
      </c>
      <c r="GO14" s="71">
        <v>1259</v>
      </c>
      <c r="GP14" s="72">
        <v>9017</v>
      </c>
      <c r="GQ14" s="73">
        <v>14103</v>
      </c>
      <c r="GR14" s="126">
        <v>4307</v>
      </c>
      <c r="GS14" s="82">
        <v>3133</v>
      </c>
      <c r="GT14" s="83">
        <v>7440</v>
      </c>
      <c r="GU14" s="273"/>
      <c r="GV14" s="82">
        <v>4737</v>
      </c>
      <c r="GW14" s="82">
        <v>2710</v>
      </c>
      <c r="GX14" s="82">
        <v>2159</v>
      </c>
      <c r="GY14" s="82">
        <v>1979</v>
      </c>
      <c r="GZ14" s="82">
        <v>1631</v>
      </c>
      <c r="HA14" s="84">
        <v>13216</v>
      </c>
      <c r="HB14" s="85">
        <v>20656</v>
      </c>
      <c r="HC14" s="70">
        <v>120</v>
      </c>
      <c r="HD14" s="71">
        <v>119</v>
      </c>
      <c r="HE14" s="72">
        <v>239</v>
      </c>
      <c r="HF14" s="276"/>
      <c r="HG14" s="71">
        <v>145</v>
      </c>
      <c r="HH14" s="71">
        <v>84</v>
      </c>
      <c r="HI14" s="71">
        <v>51</v>
      </c>
      <c r="HJ14" s="71">
        <v>43</v>
      </c>
      <c r="HK14" s="71">
        <v>52</v>
      </c>
      <c r="HL14" s="72">
        <v>375</v>
      </c>
      <c r="HM14" s="73">
        <v>614</v>
      </c>
      <c r="HN14" s="70">
        <v>356</v>
      </c>
      <c r="HO14" s="71">
        <v>293</v>
      </c>
      <c r="HP14" s="72">
        <v>649</v>
      </c>
      <c r="HQ14" s="276"/>
      <c r="HR14" s="71">
        <v>367</v>
      </c>
      <c r="HS14" s="71">
        <v>221</v>
      </c>
      <c r="HT14" s="71">
        <v>131</v>
      </c>
      <c r="HU14" s="71">
        <v>131</v>
      </c>
      <c r="HV14" s="71">
        <v>133</v>
      </c>
      <c r="HW14" s="72">
        <v>983</v>
      </c>
      <c r="HX14" s="73">
        <v>1632</v>
      </c>
      <c r="HY14" s="70">
        <v>634</v>
      </c>
      <c r="HZ14" s="71">
        <v>457</v>
      </c>
      <c r="IA14" s="72">
        <v>1091</v>
      </c>
      <c r="IB14" s="276"/>
      <c r="IC14" s="71">
        <v>639</v>
      </c>
      <c r="ID14" s="71">
        <v>331</v>
      </c>
      <c r="IE14" s="71">
        <v>244</v>
      </c>
      <c r="IF14" s="71">
        <v>211</v>
      </c>
      <c r="IG14" s="71">
        <v>153</v>
      </c>
      <c r="IH14" s="72">
        <v>1578</v>
      </c>
      <c r="II14" s="73">
        <v>2669</v>
      </c>
      <c r="IJ14" s="70">
        <v>1180</v>
      </c>
      <c r="IK14" s="71">
        <v>749</v>
      </c>
      <c r="IL14" s="72">
        <v>1929</v>
      </c>
      <c r="IM14" s="276"/>
      <c r="IN14" s="71">
        <v>1015</v>
      </c>
      <c r="IO14" s="71">
        <v>554</v>
      </c>
      <c r="IP14" s="71">
        <v>395</v>
      </c>
      <c r="IQ14" s="71">
        <v>356</v>
      </c>
      <c r="IR14" s="71">
        <v>309</v>
      </c>
      <c r="IS14" s="72">
        <v>2629</v>
      </c>
      <c r="IT14" s="73">
        <v>4558</v>
      </c>
      <c r="IU14" s="70">
        <v>1318</v>
      </c>
      <c r="IV14" s="71">
        <v>867</v>
      </c>
      <c r="IW14" s="72">
        <v>2185</v>
      </c>
      <c r="IX14" s="276"/>
      <c r="IY14" s="71">
        <v>1388</v>
      </c>
      <c r="IZ14" s="71">
        <v>708</v>
      </c>
      <c r="JA14" s="71">
        <v>570</v>
      </c>
      <c r="JB14" s="71">
        <v>477</v>
      </c>
      <c r="JC14" s="71">
        <v>430</v>
      </c>
      <c r="JD14" s="72">
        <v>3573</v>
      </c>
      <c r="JE14" s="73">
        <v>5758</v>
      </c>
      <c r="JF14" s="70">
        <v>699</v>
      </c>
      <c r="JG14" s="71">
        <v>648</v>
      </c>
      <c r="JH14" s="72">
        <v>1347</v>
      </c>
      <c r="JI14" s="276"/>
      <c r="JJ14" s="71">
        <v>1183</v>
      </c>
      <c r="JK14" s="71">
        <v>812</v>
      </c>
      <c r="JL14" s="71">
        <v>768</v>
      </c>
      <c r="JM14" s="71">
        <v>761</v>
      </c>
      <c r="JN14" s="71">
        <v>554</v>
      </c>
      <c r="JO14" s="72">
        <v>4078</v>
      </c>
      <c r="JP14" s="73">
        <v>5425</v>
      </c>
      <c r="JQ14" s="70">
        <v>62</v>
      </c>
      <c r="JR14" s="71">
        <v>71</v>
      </c>
      <c r="JS14" s="72">
        <v>133</v>
      </c>
      <c r="JT14" s="276"/>
      <c r="JU14" s="71">
        <v>113</v>
      </c>
      <c r="JV14" s="71">
        <v>83</v>
      </c>
      <c r="JW14" s="71">
        <v>51</v>
      </c>
      <c r="JX14" s="71">
        <v>39</v>
      </c>
      <c r="JY14" s="71">
        <v>70</v>
      </c>
      <c r="JZ14" s="72">
        <v>356</v>
      </c>
      <c r="KA14" s="73">
        <v>489</v>
      </c>
      <c r="KB14" s="70">
        <v>4369</v>
      </c>
      <c r="KC14" s="71">
        <v>3204</v>
      </c>
      <c r="KD14" s="72">
        <v>7573</v>
      </c>
      <c r="KE14" s="276"/>
      <c r="KF14" s="71">
        <v>4850</v>
      </c>
      <c r="KG14" s="71">
        <v>2793</v>
      </c>
      <c r="KH14" s="71">
        <v>2210</v>
      </c>
      <c r="KI14" s="71">
        <v>2018</v>
      </c>
      <c r="KJ14" s="71">
        <v>1701</v>
      </c>
      <c r="KK14" s="72">
        <v>13572</v>
      </c>
      <c r="KL14" s="73">
        <v>21145</v>
      </c>
    </row>
    <row r="15" spans="1:298" ht="19.5" customHeight="1" x14ac:dyDescent="0.2">
      <c r="A15" s="129" t="s">
        <v>11</v>
      </c>
      <c r="B15" s="350">
        <v>449</v>
      </c>
      <c r="C15" s="82">
        <v>331</v>
      </c>
      <c r="D15" s="83">
        <v>780</v>
      </c>
      <c r="E15" s="273"/>
      <c r="F15" s="82">
        <v>877</v>
      </c>
      <c r="G15" s="82">
        <v>541</v>
      </c>
      <c r="H15" s="82">
        <v>466</v>
      </c>
      <c r="I15" s="82">
        <v>410</v>
      </c>
      <c r="J15" s="82">
        <v>206</v>
      </c>
      <c r="K15" s="84">
        <v>2500</v>
      </c>
      <c r="L15" s="85">
        <v>3280</v>
      </c>
      <c r="M15" s="70">
        <v>22</v>
      </c>
      <c r="N15" s="71">
        <v>10</v>
      </c>
      <c r="O15" s="72">
        <v>32</v>
      </c>
      <c r="P15" s="276"/>
      <c r="Q15" s="71">
        <v>52</v>
      </c>
      <c r="R15" s="71">
        <v>25</v>
      </c>
      <c r="S15" s="71">
        <v>19</v>
      </c>
      <c r="T15" s="71">
        <v>19</v>
      </c>
      <c r="U15" s="71">
        <v>12</v>
      </c>
      <c r="V15" s="72">
        <v>127</v>
      </c>
      <c r="W15" s="73">
        <v>159</v>
      </c>
      <c r="X15" s="70">
        <v>56</v>
      </c>
      <c r="Y15" s="71">
        <v>46</v>
      </c>
      <c r="Z15" s="72">
        <v>102</v>
      </c>
      <c r="AA15" s="276"/>
      <c r="AB15" s="71">
        <v>107</v>
      </c>
      <c r="AC15" s="71">
        <v>63</v>
      </c>
      <c r="AD15" s="71">
        <v>57</v>
      </c>
      <c r="AE15" s="71">
        <v>41</v>
      </c>
      <c r="AF15" s="71">
        <v>31</v>
      </c>
      <c r="AG15" s="72">
        <v>299</v>
      </c>
      <c r="AH15" s="73">
        <v>401</v>
      </c>
      <c r="AI15" s="70">
        <v>65</v>
      </c>
      <c r="AJ15" s="71">
        <v>60</v>
      </c>
      <c r="AK15" s="72">
        <v>125</v>
      </c>
      <c r="AL15" s="276"/>
      <c r="AM15" s="71">
        <v>150</v>
      </c>
      <c r="AN15" s="71">
        <v>94</v>
      </c>
      <c r="AO15" s="71">
        <v>84</v>
      </c>
      <c r="AP15" s="71">
        <v>72</v>
      </c>
      <c r="AQ15" s="71">
        <v>39</v>
      </c>
      <c r="AR15" s="72">
        <v>439</v>
      </c>
      <c r="AS15" s="73">
        <v>564</v>
      </c>
      <c r="AT15" s="70">
        <v>106</v>
      </c>
      <c r="AU15" s="71">
        <v>69</v>
      </c>
      <c r="AV15" s="72">
        <v>175</v>
      </c>
      <c r="AW15" s="276"/>
      <c r="AX15" s="71">
        <v>205</v>
      </c>
      <c r="AY15" s="71">
        <v>126</v>
      </c>
      <c r="AZ15" s="71">
        <v>102</v>
      </c>
      <c r="BA15" s="71">
        <v>89</v>
      </c>
      <c r="BB15" s="71">
        <v>44</v>
      </c>
      <c r="BC15" s="72">
        <v>566</v>
      </c>
      <c r="BD15" s="73">
        <v>741</v>
      </c>
      <c r="BE15" s="70">
        <v>124</v>
      </c>
      <c r="BF15" s="71">
        <v>90</v>
      </c>
      <c r="BG15" s="72">
        <v>214</v>
      </c>
      <c r="BH15" s="276"/>
      <c r="BI15" s="71">
        <v>203</v>
      </c>
      <c r="BJ15" s="71">
        <v>129</v>
      </c>
      <c r="BK15" s="71">
        <v>104</v>
      </c>
      <c r="BL15" s="71">
        <v>105</v>
      </c>
      <c r="BM15" s="71">
        <v>40</v>
      </c>
      <c r="BN15" s="72">
        <v>581</v>
      </c>
      <c r="BO15" s="73">
        <v>795</v>
      </c>
      <c r="BP15" s="70">
        <v>76</v>
      </c>
      <c r="BQ15" s="71">
        <v>56</v>
      </c>
      <c r="BR15" s="72">
        <v>132</v>
      </c>
      <c r="BS15" s="276"/>
      <c r="BT15" s="71">
        <v>160</v>
      </c>
      <c r="BU15" s="71">
        <v>104</v>
      </c>
      <c r="BV15" s="71">
        <v>100</v>
      </c>
      <c r="BW15" s="71">
        <v>84</v>
      </c>
      <c r="BX15" s="71">
        <v>40</v>
      </c>
      <c r="BY15" s="72">
        <v>488</v>
      </c>
      <c r="BZ15" s="73">
        <v>620</v>
      </c>
      <c r="CA15" s="70">
        <v>7</v>
      </c>
      <c r="CB15" s="71">
        <v>10</v>
      </c>
      <c r="CC15" s="72">
        <v>17</v>
      </c>
      <c r="CD15" s="276"/>
      <c r="CE15" s="71">
        <v>24</v>
      </c>
      <c r="CF15" s="71">
        <v>20</v>
      </c>
      <c r="CG15" s="71">
        <v>13</v>
      </c>
      <c r="CH15" s="71">
        <v>6</v>
      </c>
      <c r="CI15" s="71">
        <v>15</v>
      </c>
      <c r="CJ15" s="72">
        <v>78</v>
      </c>
      <c r="CK15" s="73">
        <v>95</v>
      </c>
      <c r="CL15" s="70">
        <v>456</v>
      </c>
      <c r="CM15" s="71">
        <v>341</v>
      </c>
      <c r="CN15" s="72">
        <v>797</v>
      </c>
      <c r="CO15" s="276"/>
      <c r="CP15" s="71">
        <v>901</v>
      </c>
      <c r="CQ15" s="71">
        <v>561</v>
      </c>
      <c r="CR15" s="71">
        <v>479</v>
      </c>
      <c r="CS15" s="71">
        <v>416</v>
      </c>
      <c r="CT15" s="71">
        <v>221</v>
      </c>
      <c r="CU15" s="72">
        <v>2578</v>
      </c>
      <c r="CV15" s="73">
        <v>3375</v>
      </c>
      <c r="CW15" s="126">
        <v>971</v>
      </c>
      <c r="CX15" s="82">
        <v>751</v>
      </c>
      <c r="CY15" s="83">
        <v>1722</v>
      </c>
      <c r="CZ15" s="273"/>
      <c r="DA15" s="82">
        <v>1815</v>
      </c>
      <c r="DB15" s="82">
        <v>1024</v>
      </c>
      <c r="DC15" s="82">
        <v>899</v>
      </c>
      <c r="DD15" s="82">
        <v>925</v>
      </c>
      <c r="DE15" s="82">
        <v>508</v>
      </c>
      <c r="DF15" s="84">
        <v>5171</v>
      </c>
      <c r="DG15" s="85">
        <v>6893</v>
      </c>
      <c r="DH15" s="70">
        <v>26</v>
      </c>
      <c r="DI15" s="71">
        <v>21</v>
      </c>
      <c r="DJ15" s="72">
        <v>47</v>
      </c>
      <c r="DK15" s="276"/>
      <c r="DL15" s="71">
        <v>43</v>
      </c>
      <c r="DM15" s="71">
        <v>22</v>
      </c>
      <c r="DN15" s="71">
        <v>14</v>
      </c>
      <c r="DO15" s="71">
        <v>14</v>
      </c>
      <c r="DP15" s="71">
        <v>12</v>
      </c>
      <c r="DQ15" s="72">
        <v>105</v>
      </c>
      <c r="DR15" s="73">
        <v>152</v>
      </c>
      <c r="DS15" s="70">
        <v>78</v>
      </c>
      <c r="DT15" s="71">
        <v>53</v>
      </c>
      <c r="DU15" s="72">
        <v>131</v>
      </c>
      <c r="DV15" s="276"/>
      <c r="DW15" s="71">
        <v>113</v>
      </c>
      <c r="DX15" s="71">
        <v>59</v>
      </c>
      <c r="DY15" s="71">
        <v>56</v>
      </c>
      <c r="DZ15" s="71">
        <v>42</v>
      </c>
      <c r="EA15" s="71">
        <v>34</v>
      </c>
      <c r="EB15" s="72">
        <v>304</v>
      </c>
      <c r="EC15" s="73">
        <v>435</v>
      </c>
      <c r="ED15" s="70">
        <v>123</v>
      </c>
      <c r="EE15" s="71">
        <v>94</v>
      </c>
      <c r="EF15" s="72">
        <v>217</v>
      </c>
      <c r="EG15" s="276"/>
      <c r="EH15" s="71">
        <v>190</v>
      </c>
      <c r="EI15" s="71">
        <v>110</v>
      </c>
      <c r="EJ15" s="71">
        <v>97</v>
      </c>
      <c r="EK15" s="71">
        <v>79</v>
      </c>
      <c r="EL15" s="71">
        <v>34</v>
      </c>
      <c r="EM15" s="72">
        <v>510</v>
      </c>
      <c r="EN15" s="73">
        <v>727</v>
      </c>
      <c r="EO15" s="70">
        <v>297</v>
      </c>
      <c r="EP15" s="71">
        <v>204</v>
      </c>
      <c r="EQ15" s="72">
        <v>501</v>
      </c>
      <c r="ER15" s="276"/>
      <c r="ES15" s="71">
        <v>404</v>
      </c>
      <c r="ET15" s="71">
        <v>212</v>
      </c>
      <c r="EU15" s="71">
        <v>144</v>
      </c>
      <c r="EV15" s="71">
        <v>141</v>
      </c>
      <c r="EW15" s="71">
        <v>85</v>
      </c>
      <c r="EX15" s="72">
        <v>986</v>
      </c>
      <c r="EY15" s="73">
        <v>1487</v>
      </c>
      <c r="EZ15" s="70">
        <v>288</v>
      </c>
      <c r="FA15" s="71">
        <v>220</v>
      </c>
      <c r="FB15" s="72">
        <v>508</v>
      </c>
      <c r="FC15" s="276"/>
      <c r="FD15" s="71">
        <v>574</v>
      </c>
      <c r="FE15" s="71">
        <v>277</v>
      </c>
      <c r="FF15" s="71">
        <v>249</v>
      </c>
      <c r="FG15" s="71">
        <v>252</v>
      </c>
      <c r="FH15" s="71">
        <v>150</v>
      </c>
      <c r="FI15" s="72">
        <v>1502</v>
      </c>
      <c r="FJ15" s="73">
        <v>2010</v>
      </c>
      <c r="FK15" s="70">
        <v>159</v>
      </c>
      <c r="FL15" s="71">
        <v>159</v>
      </c>
      <c r="FM15" s="72">
        <v>318</v>
      </c>
      <c r="FN15" s="276"/>
      <c r="FO15" s="71">
        <v>491</v>
      </c>
      <c r="FP15" s="71">
        <v>344</v>
      </c>
      <c r="FQ15" s="71">
        <v>339</v>
      </c>
      <c r="FR15" s="71">
        <v>397</v>
      </c>
      <c r="FS15" s="71">
        <v>193</v>
      </c>
      <c r="FT15" s="72">
        <v>1764</v>
      </c>
      <c r="FU15" s="73">
        <v>2082</v>
      </c>
      <c r="FV15" s="70">
        <v>6</v>
      </c>
      <c r="FW15" s="71">
        <v>10</v>
      </c>
      <c r="FX15" s="72">
        <v>16</v>
      </c>
      <c r="FY15" s="276"/>
      <c r="FZ15" s="71">
        <v>26</v>
      </c>
      <c r="GA15" s="71">
        <v>18</v>
      </c>
      <c r="GB15" s="71">
        <v>13</v>
      </c>
      <c r="GC15" s="71">
        <v>10</v>
      </c>
      <c r="GD15" s="71">
        <v>11</v>
      </c>
      <c r="GE15" s="72">
        <v>78</v>
      </c>
      <c r="GF15" s="73">
        <v>94</v>
      </c>
      <c r="GG15" s="70">
        <v>977</v>
      </c>
      <c r="GH15" s="71">
        <v>761</v>
      </c>
      <c r="GI15" s="72">
        <v>1738</v>
      </c>
      <c r="GJ15" s="276"/>
      <c r="GK15" s="71">
        <v>1841</v>
      </c>
      <c r="GL15" s="71">
        <v>1042</v>
      </c>
      <c r="GM15" s="71">
        <v>912</v>
      </c>
      <c r="GN15" s="71">
        <v>935</v>
      </c>
      <c r="GO15" s="71">
        <v>519</v>
      </c>
      <c r="GP15" s="72">
        <v>5249</v>
      </c>
      <c r="GQ15" s="73">
        <v>6987</v>
      </c>
      <c r="GR15" s="126">
        <v>1420</v>
      </c>
      <c r="GS15" s="82">
        <v>1082</v>
      </c>
      <c r="GT15" s="83">
        <v>2502</v>
      </c>
      <c r="GU15" s="273"/>
      <c r="GV15" s="82">
        <v>2692</v>
      </c>
      <c r="GW15" s="82">
        <v>1565</v>
      </c>
      <c r="GX15" s="82">
        <v>1365</v>
      </c>
      <c r="GY15" s="82">
        <v>1335</v>
      </c>
      <c r="GZ15" s="82">
        <v>714</v>
      </c>
      <c r="HA15" s="84">
        <v>7671</v>
      </c>
      <c r="HB15" s="85">
        <v>10173</v>
      </c>
      <c r="HC15" s="70">
        <v>48</v>
      </c>
      <c r="HD15" s="71">
        <v>31</v>
      </c>
      <c r="HE15" s="72">
        <v>79</v>
      </c>
      <c r="HF15" s="276"/>
      <c r="HG15" s="71">
        <v>95</v>
      </c>
      <c r="HH15" s="71">
        <v>47</v>
      </c>
      <c r="HI15" s="71">
        <v>33</v>
      </c>
      <c r="HJ15" s="71">
        <v>33</v>
      </c>
      <c r="HK15" s="71">
        <v>24</v>
      </c>
      <c r="HL15" s="72">
        <v>232</v>
      </c>
      <c r="HM15" s="73">
        <v>311</v>
      </c>
      <c r="HN15" s="70">
        <v>134</v>
      </c>
      <c r="HO15" s="71">
        <v>99</v>
      </c>
      <c r="HP15" s="72">
        <v>233</v>
      </c>
      <c r="HQ15" s="276"/>
      <c r="HR15" s="71">
        <v>220</v>
      </c>
      <c r="HS15" s="71">
        <v>122</v>
      </c>
      <c r="HT15" s="71">
        <v>113</v>
      </c>
      <c r="HU15" s="71">
        <v>83</v>
      </c>
      <c r="HV15" s="71">
        <v>65</v>
      </c>
      <c r="HW15" s="72">
        <v>603</v>
      </c>
      <c r="HX15" s="73">
        <v>836</v>
      </c>
      <c r="HY15" s="70">
        <v>188</v>
      </c>
      <c r="HZ15" s="71">
        <v>154</v>
      </c>
      <c r="IA15" s="72">
        <v>342</v>
      </c>
      <c r="IB15" s="276"/>
      <c r="IC15" s="71">
        <v>340</v>
      </c>
      <c r="ID15" s="71">
        <v>204</v>
      </c>
      <c r="IE15" s="71">
        <v>181</v>
      </c>
      <c r="IF15" s="71">
        <v>151</v>
      </c>
      <c r="IG15" s="71">
        <v>73</v>
      </c>
      <c r="IH15" s="72">
        <v>949</v>
      </c>
      <c r="II15" s="73">
        <v>1291</v>
      </c>
      <c r="IJ15" s="70">
        <v>403</v>
      </c>
      <c r="IK15" s="71">
        <v>273</v>
      </c>
      <c r="IL15" s="72">
        <v>676</v>
      </c>
      <c r="IM15" s="276"/>
      <c r="IN15" s="71">
        <v>609</v>
      </c>
      <c r="IO15" s="71">
        <v>338</v>
      </c>
      <c r="IP15" s="71">
        <v>246</v>
      </c>
      <c r="IQ15" s="71">
        <v>230</v>
      </c>
      <c r="IR15" s="71">
        <v>129</v>
      </c>
      <c r="IS15" s="72">
        <v>1552</v>
      </c>
      <c r="IT15" s="73">
        <v>2228</v>
      </c>
      <c r="IU15" s="70">
        <v>412</v>
      </c>
      <c r="IV15" s="71">
        <v>310</v>
      </c>
      <c r="IW15" s="72">
        <v>722</v>
      </c>
      <c r="IX15" s="276"/>
      <c r="IY15" s="71">
        <v>777</v>
      </c>
      <c r="IZ15" s="71">
        <v>406</v>
      </c>
      <c r="JA15" s="71">
        <v>353</v>
      </c>
      <c r="JB15" s="71">
        <v>357</v>
      </c>
      <c r="JC15" s="71">
        <v>190</v>
      </c>
      <c r="JD15" s="72">
        <v>2083</v>
      </c>
      <c r="JE15" s="73">
        <v>2805</v>
      </c>
      <c r="JF15" s="70">
        <v>235</v>
      </c>
      <c r="JG15" s="71">
        <v>215</v>
      </c>
      <c r="JH15" s="72">
        <v>450</v>
      </c>
      <c r="JI15" s="276"/>
      <c r="JJ15" s="71">
        <v>651</v>
      </c>
      <c r="JK15" s="71">
        <v>448</v>
      </c>
      <c r="JL15" s="71">
        <v>439</v>
      </c>
      <c r="JM15" s="71">
        <v>481</v>
      </c>
      <c r="JN15" s="71">
        <v>233</v>
      </c>
      <c r="JO15" s="72">
        <v>2252</v>
      </c>
      <c r="JP15" s="73">
        <v>2702</v>
      </c>
      <c r="JQ15" s="70">
        <v>13</v>
      </c>
      <c r="JR15" s="71">
        <v>20</v>
      </c>
      <c r="JS15" s="72">
        <v>33</v>
      </c>
      <c r="JT15" s="276"/>
      <c r="JU15" s="71">
        <v>50</v>
      </c>
      <c r="JV15" s="71">
        <v>38</v>
      </c>
      <c r="JW15" s="71">
        <v>26</v>
      </c>
      <c r="JX15" s="71">
        <v>16</v>
      </c>
      <c r="JY15" s="71">
        <v>26</v>
      </c>
      <c r="JZ15" s="72">
        <v>156</v>
      </c>
      <c r="KA15" s="73">
        <v>189</v>
      </c>
      <c r="KB15" s="70">
        <v>1433</v>
      </c>
      <c r="KC15" s="71">
        <v>1102</v>
      </c>
      <c r="KD15" s="72">
        <v>2535</v>
      </c>
      <c r="KE15" s="276"/>
      <c r="KF15" s="71">
        <v>2742</v>
      </c>
      <c r="KG15" s="71">
        <v>1603</v>
      </c>
      <c r="KH15" s="71">
        <v>1391</v>
      </c>
      <c r="KI15" s="71">
        <v>1351</v>
      </c>
      <c r="KJ15" s="71">
        <v>740</v>
      </c>
      <c r="KK15" s="72">
        <v>7827</v>
      </c>
      <c r="KL15" s="73">
        <v>10362</v>
      </c>
    </row>
    <row r="16" spans="1:298" ht="19.5" customHeight="1" x14ac:dyDescent="0.2">
      <c r="A16" s="129" t="s">
        <v>12</v>
      </c>
      <c r="B16" s="350">
        <v>699</v>
      </c>
      <c r="C16" s="82">
        <v>567</v>
      </c>
      <c r="D16" s="83">
        <v>1266</v>
      </c>
      <c r="E16" s="273"/>
      <c r="F16" s="82">
        <v>671</v>
      </c>
      <c r="G16" s="82">
        <v>570</v>
      </c>
      <c r="H16" s="82">
        <v>471</v>
      </c>
      <c r="I16" s="82">
        <v>410</v>
      </c>
      <c r="J16" s="82">
        <v>231</v>
      </c>
      <c r="K16" s="84">
        <v>2353</v>
      </c>
      <c r="L16" s="85">
        <v>3619</v>
      </c>
      <c r="M16" s="86">
        <v>22</v>
      </c>
      <c r="N16" s="71">
        <v>29</v>
      </c>
      <c r="O16" s="72">
        <v>51</v>
      </c>
      <c r="P16" s="276"/>
      <c r="Q16" s="71">
        <v>19</v>
      </c>
      <c r="R16" s="71">
        <v>26</v>
      </c>
      <c r="S16" s="71">
        <v>26</v>
      </c>
      <c r="T16" s="71">
        <v>16</v>
      </c>
      <c r="U16" s="71">
        <v>16</v>
      </c>
      <c r="V16" s="72">
        <v>103</v>
      </c>
      <c r="W16" s="73">
        <v>154</v>
      </c>
      <c r="X16" s="70">
        <v>64</v>
      </c>
      <c r="Y16" s="71">
        <v>67</v>
      </c>
      <c r="Z16" s="72">
        <v>131</v>
      </c>
      <c r="AA16" s="276"/>
      <c r="AB16" s="71">
        <v>60</v>
      </c>
      <c r="AC16" s="71">
        <v>47</v>
      </c>
      <c r="AD16" s="71">
        <v>47</v>
      </c>
      <c r="AE16" s="71">
        <v>42</v>
      </c>
      <c r="AF16" s="71">
        <v>24</v>
      </c>
      <c r="AG16" s="72">
        <v>220</v>
      </c>
      <c r="AH16" s="73">
        <v>351</v>
      </c>
      <c r="AI16" s="86">
        <v>95</v>
      </c>
      <c r="AJ16" s="71">
        <v>90</v>
      </c>
      <c r="AK16" s="72">
        <v>185</v>
      </c>
      <c r="AL16" s="276"/>
      <c r="AM16" s="71">
        <v>76</v>
      </c>
      <c r="AN16" s="71">
        <v>92</v>
      </c>
      <c r="AO16" s="71">
        <v>72</v>
      </c>
      <c r="AP16" s="71">
        <v>61</v>
      </c>
      <c r="AQ16" s="71">
        <v>44</v>
      </c>
      <c r="AR16" s="72">
        <v>345</v>
      </c>
      <c r="AS16" s="73">
        <v>530</v>
      </c>
      <c r="AT16" s="70">
        <v>171</v>
      </c>
      <c r="AU16" s="71">
        <v>139</v>
      </c>
      <c r="AV16" s="72">
        <v>310</v>
      </c>
      <c r="AW16" s="276"/>
      <c r="AX16" s="71">
        <v>182</v>
      </c>
      <c r="AY16" s="71">
        <v>143</v>
      </c>
      <c r="AZ16" s="71">
        <v>94</v>
      </c>
      <c r="BA16" s="71">
        <v>80</v>
      </c>
      <c r="BB16" s="71">
        <v>65</v>
      </c>
      <c r="BC16" s="72">
        <v>564</v>
      </c>
      <c r="BD16" s="73">
        <v>874</v>
      </c>
      <c r="BE16" s="86">
        <v>214</v>
      </c>
      <c r="BF16" s="71">
        <v>147</v>
      </c>
      <c r="BG16" s="72">
        <v>361</v>
      </c>
      <c r="BH16" s="276"/>
      <c r="BI16" s="71">
        <v>203</v>
      </c>
      <c r="BJ16" s="71">
        <v>141</v>
      </c>
      <c r="BK16" s="71">
        <v>130</v>
      </c>
      <c r="BL16" s="71">
        <v>116</v>
      </c>
      <c r="BM16" s="71">
        <v>41</v>
      </c>
      <c r="BN16" s="72">
        <v>631</v>
      </c>
      <c r="BO16" s="73">
        <v>992</v>
      </c>
      <c r="BP16" s="70">
        <v>133</v>
      </c>
      <c r="BQ16" s="71">
        <v>95</v>
      </c>
      <c r="BR16" s="72">
        <v>228</v>
      </c>
      <c r="BS16" s="276"/>
      <c r="BT16" s="71">
        <v>131</v>
      </c>
      <c r="BU16" s="71">
        <v>121</v>
      </c>
      <c r="BV16" s="71">
        <v>102</v>
      </c>
      <c r="BW16" s="71">
        <v>95</v>
      </c>
      <c r="BX16" s="71">
        <v>41</v>
      </c>
      <c r="BY16" s="72">
        <v>490</v>
      </c>
      <c r="BZ16" s="73">
        <v>718</v>
      </c>
      <c r="CA16" s="70">
        <v>13</v>
      </c>
      <c r="CB16" s="71">
        <v>24</v>
      </c>
      <c r="CC16" s="72">
        <v>37</v>
      </c>
      <c r="CD16" s="276"/>
      <c r="CE16" s="71">
        <v>11</v>
      </c>
      <c r="CF16" s="71">
        <v>24</v>
      </c>
      <c r="CG16" s="71">
        <v>13</v>
      </c>
      <c r="CH16" s="71">
        <v>16</v>
      </c>
      <c r="CI16" s="71">
        <v>14</v>
      </c>
      <c r="CJ16" s="72">
        <v>78</v>
      </c>
      <c r="CK16" s="73">
        <v>115</v>
      </c>
      <c r="CL16" s="70">
        <v>712</v>
      </c>
      <c r="CM16" s="71">
        <v>591</v>
      </c>
      <c r="CN16" s="72">
        <v>1303</v>
      </c>
      <c r="CO16" s="276"/>
      <c r="CP16" s="71">
        <v>682</v>
      </c>
      <c r="CQ16" s="71">
        <v>594</v>
      </c>
      <c r="CR16" s="71">
        <v>484</v>
      </c>
      <c r="CS16" s="71">
        <v>426</v>
      </c>
      <c r="CT16" s="71">
        <v>245</v>
      </c>
      <c r="CU16" s="72">
        <v>2431</v>
      </c>
      <c r="CV16" s="73">
        <v>3734</v>
      </c>
      <c r="CW16" s="126">
        <v>1343</v>
      </c>
      <c r="CX16" s="82">
        <v>1279</v>
      </c>
      <c r="CY16" s="83">
        <v>2622</v>
      </c>
      <c r="CZ16" s="273"/>
      <c r="DA16" s="82">
        <v>1357</v>
      </c>
      <c r="DB16" s="82">
        <v>1002</v>
      </c>
      <c r="DC16" s="82">
        <v>920</v>
      </c>
      <c r="DD16" s="82">
        <v>1018</v>
      </c>
      <c r="DE16" s="82">
        <v>638</v>
      </c>
      <c r="DF16" s="84">
        <v>4935</v>
      </c>
      <c r="DG16" s="85">
        <v>7557</v>
      </c>
      <c r="DH16" s="86">
        <v>27</v>
      </c>
      <c r="DI16" s="71">
        <v>41</v>
      </c>
      <c r="DJ16" s="72">
        <v>68</v>
      </c>
      <c r="DK16" s="276"/>
      <c r="DL16" s="71">
        <v>15</v>
      </c>
      <c r="DM16" s="71">
        <v>19</v>
      </c>
      <c r="DN16" s="71">
        <v>21</v>
      </c>
      <c r="DO16" s="71">
        <v>14</v>
      </c>
      <c r="DP16" s="71">
        <v>11</v>
      </c>
      <c r="DQ16" s="72">
        <v>80</v>
      </c>
      <c r="DR16" s="73">
        <v>148</v>
      </c>
      <c r="DS16" s="70">
        <v>76</v>
      </c>
      <c r="DT16" s="71">
        <v>110</v>
      </c>
      <c r="DU16" s="72">
        <v>186</v>
      </c>
      <c r="DV16" s="276"/>
      <c r="DW16" s="71">
        <v>63</v>
      </c>
      <c r="DX16" s="71">
        <v>59</v>
      </c>
      <c r="DY16" s="71">
        <v>44</v>
      </c>
      <c r="DZ16" s="71">
        <v>46</v>
      </c>
      <c r="EA16" s="71">
        <v>47</v>
      </c>
      <c r="EB16" s="72">
        <v>259</v>
      </c>
      <c r="EC16" s="73">
        <v>445</v>
      </c>
      <c r="ED16" s="86">
        <v>194</v>
      </c>
      <c r="EE16" s="71">
        <v>187</v>
      </c>
      <c r="EF16" s="72">
        <v>381</v>
      </c>
      <c r="EG16" s="276"/>
      <c r="EH16" s="71">
        <v>132</v>
      </c>
      <c r="EI16" s="71">
        <v>102</v>
      </c>
      <c r="EJ16" s="71">
        <v>85</v>
      </c>
      <c r="EK16" s="71">
        <v>83</v>
      </c>
      <c r="EL16" s="71">
        <v>66</v>
      </c>
      <c r="EM16" s="72">
        <v>468</v>
      </c>
      <c r="EN16" s="73">
        <v>849</v>
      </c>
      <c r="EO16" s="70">
        <v>379</v>
      </c>
      <c r="EP16" s="71">
        <v>316</v>
      </c>
      <c r="EQ16" s="72">
        <v>695</v>
      </c>
      <c r="ER16" s="276"/>
      <c r="ES16" s="71">
        <v>332</v>
      </c>
      <c r="ET16" s="71">
        <v>196</v>
      </c>
      <c r="EU16" s="71">
        <v>151</v>
      </c>
      <c r="EV16" s="71">
        <v>163</v>
      </c>
      <c r="EW16" s="71">
        <v>119</v>
      </c>
      <c r="EX16" s="72">
        <v>961</v>
      </c>
      <c r="EY16" s="73">
        <v>1656</v>
      </c>
      <c r="EZ16" s="86">
        <v>428</v>
      </c>
      <c r="FA16" s="71">
        <v>362</v>
      </c>
      <c r="FB16" s="72">
        <v>790</v>
      </c>
      <c r="FC16" s="276"/>
      <c r="FD16" s="71">
        <v>420</v>
      </c>
      <c r="FE16" s="71">
        <v>301</v>
      </c>
      <c r="FF16" s="71">
        <v>260</v>
      </c>
      <c r="FG16" s="71">
        <v>286</v>
      </c>
      <c r="FH16" s="71">
        <v>143</v>
      </c>
      <c r="FI16" s="72">
        <v>1410</v>
      </c>
      <c r="FJ16" s="73">
        <v>2200</v>
      </c>
      <c r="FK16" s="70">
        <v>239</v>
      </c>
      <c r="FL16" s="71">
        <v>263</v>
      </c>
      <c r="FM16" s="72">
        <v>502</v>
      </c>
      <c r="FN16" s="276"/>
      <c r="FO16" s="71">
        <v>395</v>
      </c>
      <c r="FP16" s="71">
        <v>325</v>
      </c>
      <c r="FQ16" s="71">
        <v>359</v>
      </c>
      <c r="FR16" s="71">
        <v>426</v>
      </c>
      <c r="FS16" s="71">
        <v>252</v>
      </c>
      <c r="FT16" s="72">
        <v>1757</v>
      </c>
      <c r="FU16" s="73">
        <v>2259</v>
      </c>
      <c r="FV16" s="70">
        <v>14</v>
      </c>
      <c r="FW16" s="71">
        <v>21</v>
      </c>
      <c r="FX16" s="72">
        <v>35</v>
      </c>
      <c r="FY16" s="276"/>
      <c r="FZ16" s="71">
        <v>15</v>
      </c>
      <c r="GA16" s="71">
        <v>11</v>
      </c>
      <c r="GB16" s="71">
        <v>8</v>
      </c>
      <c r="GC16" s="71">
        <v>21</v>
      </c>
      <c r="GD16" s="71">
        <v>11</v>
      </c>
      <c r="GE16" s="72">
        <v>66</v>
      </c>
      <c r="GF16" s="73">
        <v>101</v>
      </c>
      <c r="GG16" s="70">
        <v>1357</v>
      </c>
      <c r="GH16" s="71">
        <v>1300</v>
      </c>
      <c r="GI16" s="72">
        <v>2657</v>
      </c>
      <c r="GJ16" s="276"/>
      <c r="GK16" s="71">
        <v>1372</v>
      </c>
      <c r="GL16" s="71">
        <v>1013</v>
      </c>
      <c r="GM16" s="71">
        <v>928</v>
      </c>
      <c r="GN16" s="71">
        <v>1039</v>
      </c>
      <c r="GO16" s="71">
        <v>649</v>
      </c>
      <c r="GP16" s="72">
        <v>5001</v>
      </c>
      <c r="GQ16" s="73">
        <v>7658</v>
      </c>
      <c r="GR16" s="126">
        <v>2042</v>
      </c>
      <c r="GS16" s="82">
        <v>1846</v>
      </c>
      <c r="GT16" s="83">
        <v>3888</v>
      </c>
      <c r="GU16" s="273"/>
      <c r="GV16" s="82">
        <v>2028</v>
      </c>
      <c r="GW16" s="82">
        <v>1572</v>
      </c>
      <c r="GX16" s="82">
        <v>1391</v>
      </c>
      <c r="GY16" s="82">
        <v>1428</v>
      </c>
      <c r="GZ16" s="82">
        <v>869</v>
      </c>
      <c r="HA16" s="84">
        <v>7288</v>
      </c>
      <c r="HB16" s="85">
        <v>11176</v>
      </c>
      <c r="HC16" s="86">
        <v>49</v>
      </c>
      <c r="HD16" s="71">
        <v>70</v>
      </c>
      <c r="HE16" s="72">
        <v>119</v>
      </c>
      <c r="HF16" s="276"/>
      <c r="HG16" s="71">
        <v>34</v>
      </c>
      <c r="HH16" s="71">
        <v>45</v>
      </c>
      <c r="HI16" s="71">
        <v>47</v>
      </c>
      <c r="HJ16" s="71">
        <v>30</v>
      </c>
      <c r="HK16" s="71">
        <v>27</v>
      </c>
      <c r="HL16" s="72">
        <v>183</v>
      </c>
      <c r="HM16" s="73">
        <v>302</v>
      </c>
      <c r="HN16" s="70">
        <v>140</v>
      </c>
      <c r="HO16" s="71">
        <v>177</v>
      </c>
      <c r="HP16" s="72">
        <v>317</v>
      </c>
      <c r="HQ16" s="276"/>
      <c r="HR16" s="71">
        <v>123</v>
      </c>
      <c r="HS16" s="71">
        <v>106</v>
      </c>
      <c r="HT16" s="71">
        <v>91</v>
      </c>
      <c r="HU16" s="71">
        <v>88</v>
      </c>
      <c r="HV16" s="71">
        <v>71</v>
      </c>
      <c r="HW16" s="72">
        <v>479</v>
      </c>
      <c r="HX16" s="73">
        <v>796</v>
      </c>
      <c r="HY16" s="86">
        <v>289</v>
      </c>
      <c r="HZ16" s="71">
        <v>277</v>
      </c>
      <c r="IA16" s="72">
        <v>566</v>
      </c>
      <c r="IB16" s="276"/>
      <c r="IC16" s="71">
        <v>208</v>
      </c>
      <c r="ID16" s="71">
        <v>194</v>
      </c>
      <c r="IE16" s="71">
        <v>157</v>
      </c>
      <c r="IF16" s="71">
        <v>144</v>
      </c>
      <c r="IG16" s="71">
        <v>110</v>
      </c>
      <c r="IH16" s="72">
        <v>813</v>
      </c>
      <c r="II16" s="73">
        <v>1379</v>
      </c>
      <c r="IJ16" s="70">
        <v>550</v>
      </c>
      <c r="IK16" s="71">
        <v>455</v>
      </c>
      <c r="IL16" s="72">
        <v>1005</v>
      </c>
      <c r="IM16" s="276"/>
      <c r="IN16" s="71">
        <v>514</v>
      </c>
      <c r="IO16" s="71">
        <v>339</v>
      </c>
      <c r="IP16" s="71">
        <v>245</v>
      </c>
      <c r="IQ16" s="71">
        <v>243</v>
      </c>
      <c r="IR16" s="71">
        <v>184</v>
      </c>
      <c r="IS16" s="72">
        <v>1525</v>
      </c>
      <c r="IT16" s="73">
        <v>2530</v>
      </c>
      <c r="IU16" s="86">
        <v>642</v>
      </c>
      <c r="IV16" s="71">
        <v>509</v>
      </c>
      <c r="IW16" s="72">
        <v>1151</v>
      </c>
      <c r="IX16" s="276"/>
      <c r="IY16" s="71">
        <v>623</v>
      </c>
      <c r="IZ16" s="71">
        <v>442</v>
      </c>
      <c r="JA16" s="71">
        <v>390</v>
      </c>
      <c r="JB16" s="71">
        <v>402</v>
      </c>
      <c r="JC16" s="71">
        <v>184</v>
      </c>
      <c r="JD16" s="72">
        <v>2041</v>
      </c>
      <c r="JE16" s="73">
        <v>3192</v>
      </c>
      <c r="JF16" s="70">
        <v>372</v>
      </c>
      <c r="JG16" s="71">
        <v>358</v>
      </c>
      <c r="JH16" s="72">
        <v>730</v>
      </c>
      <c r="JI16" s="276"/>
      <c r="JJ16" s="71">
        <v>526</v>
      </c>
      <c r="JK16" s="71">
        <v>446</v>
      </c>
      <c r="JL16" s="71">
        <v>461</v>
      </c>
      <c r="JM16" s="71">
        <v>521</v>
      </c>
      <c r="JN16" s="71">
        <v>293</v>
      </c>
      <c r="JO16" s="72">
        <v>2247</v>
      </c>
      <c r="JP16" s="73">
        <v>2977</v>
      </c>
      <c r="JQ16" s="70">
        <v>27</v>
      </c>
      <c r="JR16" s="71">
        <v>45</v>
      </c>
      <c r="JS16" s="72">
        <v>72</v>
      </c>
      <c r="JT16" s="276"/>
      <c r="JU16" s="71">
        <v>26</v>
      </c>
      <c r="JV16" s="71">
        <v>35</v>
      </c>
      <c r="JW16" s="71">
        <v>21</v>
      </c>
      <c r="JX16" s="71">
        <v>37</v>
      </c>
      <c r="JY16" s="71">
        <v>25</v>
      </c>
      <c r="JZ16" s="72">
        <v>144</v>
      </c>
      <c r="KA16" s="73">
        <v>216</v>
      </c>
      <c r="KB16" s="70">
        <v>2069</v>
      </c>
      <c r="KC16" s="71">
        <v>1891</v>
      </c>
      <c r="KD16" s="72">
        <v>3960</v>
      </c>
      <c r="KE16" s="276"/>
      <c r="KF16" s="71">
        <v>2054</v>
      </c>
      <c r="KG16" s="71">
        <v>1607</v>
      </c>
      <c r="KH16" s="71">
        <v>1412</v>
      </c>
      <c r="KI16" s="71">
        <v>1465</v>
      </c>
      <c r="KJ16" s="71">
        <v>894</v>
      </c>
      <c r="KK16" s="72">
        <v>7432</v>
      </c>
      <c r="KL16" s="73">
        <v>11392</v>
      </c>
    </row>
    <row r="17" spans="1:298" ht="19.5" customHeight="1" x14ac:dyDescent="0.2">
      <c r="A17" s="129" t="s">
        <v>13</v>
      </c>
      <c r="B17" s="350">
        <v>143</v>
      </c>
      <c r="C17" s="82">
        <v>183</v>
      </c>
      <c r="D17" s="83">
        <v>326</v>
      </c>
      <c r="E17" s="273"/>
      <c r="F17" s="82">
        <v>289</v>
      </c>
      <c r="G17" s="82">
        <v>254</v>
      </c>
      <c r="H17" s="82">
        <v>182</v>
      </c>
      <c r="I17" s="82">
        <v>150</v>
      </c>
      <c r="J17" s="82">
        <v>97</v>
      </c>
      <c r="K17" s="84">
        <v>972</v>
      </c>
      <c r="L17" s="85">
        <v>1298</v>
      </c>
      <c r="M17" s="70">
        <v>6</v>
      </c>
      <c r="N17" s="71">
        <v>1</v>
      </c>
      <c r="O17" s="72">
        <v>7</v>
      </c>
      <c r="P17" s="276"/>
      <c r="Q17" s="71">
        <v>12</v>
      </c>
      <c r="R17" s="71">
        <v>10</v>
      </c>
      <c r="S17" s="71">
        <v>4</v>
      </c>
      <c r="T17" s="71">
        <v>5</v>
      </c>
      <c r="U17" s="71">
        <v>4</v>
      </c>
      <c r="V17" s="72">
        <v>35</v>
      </c>
      <c r="W17" s="73">
        <v>42</v>
      </c>
      <c r="X17" s="70">
        <v>9</v>
      </c>
      <c r="Y17" s="71">
        <v>13</v>
      </c>
      <c r="Z17" s="72">
        <v>22</v>
      </c>
      <c r="AA17" s="276"/>
      <c r="AB17" s="71">
        <v>28</v>
      </c>
      <c r="AC17" s="71">
        <v>24</v>
      </c>
      <c r="AD17" s="71">
        <v>14</v>
      </c>
      <c r="AE17" s="71">
        <v>11</v>
      </c>
      <c r="AF17" s="71">
        <v>15</v>
      </c>
      <c r="AG17" s="72">
        <v>92</v>
      </c>
      <c r="AH17" s="73">
        <v>114</v>
      </c>
      <c r="AI17" s="70">
        <v>19</v>
      </c>
      <c r="AJ17" s="71">
        <v>14</v>
      </c>
      <c r="AK17" s="72">
        <v>33</v>
      </c>
      <c r="AL17" s="276"/>
      <c r="AM17" s="71">
        <v>28</v>
      </c>
      <c r="AN17" s="71">
        <v>29</v>
      </c>
      <c r="AO17" s="71">
        <v>24</v>
      </c>
      <c r="AP17" s="71">
        <v>22</v>
      </c>
      <c r="AQ17" s="71">
        <v>12</v>
      </c>
      <c r="AR17" s="72">
        <v>115</v>
      </c>
      <c r="AS17" s="73">
        <v>148</v>
      </c>
      <c r="AT17" s="70">
        <v>25</v>
      </c>
      <c r="AU17" s="71">
        <v>60</v>
      </c>
      <c r="AV17" s="72">
        <v>85</v>
      </c>
      <c r="AW17" s="276"/>
      <c r="AX17" s="71">
        <v>61</v>
      </c>
      <c r="AY17" s="71">
        <v>40</v>
      </c>
      <c r="AZ17" s="71">
        <v>46</v>
      </c>
      <c r="BA17" s="71">
        <v>33</v>
      </c>
      <c r="BB17" s="71">
        <v>26</v>
      </c>
      <c r="BC17" s="72">
        <v>206</v>
      </c>
      <c r="BD17" s="73">
        <v>291</v>
      </c>
      <c r="BE17" s="70">
        <v>51</v>
      </c>
      <c r="BF17" s="71">
        <v>56</v>
      </c>
      <c r="BG17" s="72">
        <v>107</v>
      </c>
      <c r="BH17" s="276"/>
      <c r="BI17" s="71">
        <v>91</v>
      </c>
      <c r="BJ17" s="71">
        <v>85</v>
      </c>
      <c r="BK17" s="71">
        <v>45</v>
      </c>
      <c r="BL17" s="71">
        <v>44</v>
      </c>
      <c r="BM17" s="71">
        <v>21</v>
      </c>
      <c r="BN17" s="72">
        <v>286</v>
      </c>
      <c r="BO17" s="73">
        <v>393</v>
      </c>
      <c r="BP17" s="70">
        <v>33</v>
      </c>
      <c r="BQ17" s="71">
        <v>39</v>
      </c>
      <c r="BR17" s="72">
        <v>72</v>
      </c>
      <c r="BS17" s="276"/>
      <c r="BT17" s="71">
        <v>69</v>
      </c>
      <c r="BU17" s="71">
        <v>66</v>
      </c>
      <c r="BV17" s="71">
        <v>49</v>
      </c>
      <c r="BW17" s="71">
        <v>35</v>
      </c>
      <c r="BX17" s="71">
        <v>19</v>
      </c>
      <c r="BY17" s="72">
        <v>238</v>
      </c>
      <c r="BZ17" s="73">
        <v>310</v>
      </c>
      <c r="CA17" s="70">
        <v>5</v>
      </c>
      <c r="CB17" s="71">
        <v>4</v>
      </c>
      <c r="CC17" s="72">
        <v>9</v>
      </c>
      <c r="CD17" s="276"/>
      <c r="CE17" s="71">
        <v>6</v>
      </c>
      <c r="CF17" s="71">
        <v>9</v>
      </c>
      <c r="CG17" s="71">
        <v>10</v>
      </c>
      <c r="CH17" s="71">
        <v>2</v>
      </c>
      <c r="CI17" s="71">
        <v>7</v>
      </c>
      <c r="CJ17" s="72">
        <v>34</v>
      </c>
      <c r="CK17" s="73">
        <v>43</v>
      </c>
      <c r="CL17" s="70">
        <v>148</v>
      </c>
      <c r="CM17" s="71">
        <v>187</v>
      </c>
      <c r="CN17" s="72">
        <v>335</v>
      </c>
      <c r="CO17" s="276"/>
      <c r="CP17" s="71">
        <v>295</v>
      </c>
      <c r="CQ17" s="71">
        <v>263</v>
      </c>
      <c r="CR17" s="71">
        <v>192</v>
      </c>
      <c r="CS17" s="71">
        <v>152</v>
      </c>
      <c r="CT17" s="71">
        <v>104</v>
      </c>
      <c r="CU17" s="72">
        <v>1006</v>
      </c>
      <c r="CV17" s="73">
        <v>1341</v>
      </c>
      <c r="CW17" s="126">
        <v>351</v>
      </c>
      <c r="CX17" s="82">
        <v>414</v>
      </c>
      <c r="CY17" s="83">
        <v>765</v>
      </c>
      <c r="CZ17" s="273"/>
      <c r="DA17" s="82">
        <v>583</v>
      </c>
      <c r="DB17" s="82">
        <v>481</v>
      </c>
      <c r="DC17" s="82">
        <v>350</v>
      </c>
      <c r="DD17" s="82">
        <v>371</v>
      </c>
      <c r="DE17" s="82">
        <v>298</v>
      </c>
      <c r="DF17" s="84">
        <v>2083</v>
      </c>
      <c r="DG17" s="85">
        <v>2848</v>
      </c>
      <c r="DH17" s="70">
        <v>3</v>
      </c>
      <c r="DI17" s="71">
        <v>6</v>
      </c>
      <c r="DJ17" s="72">
        <v>9</v>
      </c>
      <c r="DK17" s="276"/>
      <c r="DL17" s="71">
        <v>7</v>
      </c>
      <c r="DM17" s="71">
        <v>14</v>
      </c>
      <c r="DN17" s="71">
        <v>1</v>
      </c>
      <c r="DO17" s="71">
        <v>5</v>
      </c>
      <c r="DP17" s="71">
        <v>4</v>
      </c>
      <c r="DQ17" s="72">
        <v>31</v>
      </c>
      <c r="DR17" s="73">
        <v>40</v>
      </c>
      <c r="DS17" s="70">
        <v>15</v>
      </c>
      <c r="DT17" s="71">
        <v>33</v>
      </c>
      <c r="DU17" s="72">
        <v>48</v>
      </c>
      <c r="DV17" s="276"/>
      <c r="DW17" s="71">
        <v>31</v>
      </c>
      <c r="DX17" s="71">
        <v>19</v>
      </c>
      <c r="DY17" s="71">
        <v>17</v>
      </c>
      <c r="DZ17" s="71">
        <v>14</v>
      </c>
      <c r="EA17" s="71">
        <v>18</v>
      </c>
      <c r="EB17" s="72">
        <v>99</v>
      </c>
      <c r="EC17" s="73">
        <v>147</v>
      </c>
      <c r="ED17" s="70">
        <v>41</v>
      </c>
      <c r="EE17" s="71">
        <v>45</v>
      </c>
      <c r="EF17" s="72">
        <v>86</v>
      </c>
      <c r="EG17" s="276"/>
      <c r="EH17" s="71">
        <v>73</v>
      </c>
      <c r="EI17" s="71">
        <v>47</v>
      </c>
      <c r="EJ17" s="71">
        <v>30</v>
      </c>
      <c r="EK17" s="71">
        <v>19</v>
      </c>
      <c r="EL17" s="71">
        <v>26</v>
      </c>
      <c r="EM17" s="72">
        <v>195</v>
      </c>
      <c r="EN17" s="73">
        <v>281</v>
      </c>
      <c r="EO17" s="70">
        <v>106</v>
      </c>
      <c r="EP17" s="71">
        <v>106</v>
      </c>
      <c r="EQ17" s="72">
        <v>212</v>
      </c>
      <c r="ER17" s="276"/>
      <c r="ES17" s="71">
        <v>128</v>
      </c>
      <c r="ET17" s="71">
        <v>82</v>
      </c>
      <c r="EU17" s="71">
        <v>59</v>
      </c>
      <c r="EV17" s="71">
        <v>53</v>
      </c>
      <c r="EW17" s="71">
        <v>50</v>
      </c>
      <c r="EX17" s="72">
        <v>372</v>
      </c>
      <c r="EY17" s="73">
        <v>584</v>
      </c>
      <c r="EZ17" s="70">
        <v>117</v>
      </c>
      <c r="FA17" s="71">
        <v>120</v>
      </c>
      <c r="FB17" s="72">
        <v>237</v>
      </c>
      <c r="FC17" s="276"/>
      <c r="FD17" s="71">
        <v>197</v>
      </c>
      <c r="FE17" s="71">
        <v>139</v>
      </c>
      <c r="FF17" s="71">
        <v>91</v>
      </c>
      <c r="FG17" s="71">
        <v>98</v>
      </c>
      <c r="FH17" s="71">
        <v>67</v>
      </c>
      <c r="FI17" s="72">
        <v>592</v>
      </c>
      <c r="FJ17" s="73">
        <v>829</v>
      </c>
      <c r="FK17" s="70">
        <v>69</v>
      </c>
      <c r="FL17" s="71">
        <v>104</v>
      </c>
      <c r="FM17" s="72">
        <v>173</v>
      </c>
      <c r="FN17" s="276"/>
      <c r="FO17" s="71">
        <v>147</v>
      </c>
      <c r="FP17" s="71">
        <v>180</v>
      </c>
      <c r="FQ17" s="71">
        <v>152</v>
      </c>
      <c r="FR17" s="71">
        <v>182</v>
      </c>
      <c r="FS17" s="71">
        <v>133</v>
      </c>
      <c r="FT17" s="72">
        <v>794</v>
      </c>
      <c r="FU17" s="73">
        <v>967</v>
      </c>
      <c r="FV17" s="70">
        <v>2</v>
      </c>
      <c r="FW17" s="71">
        <v>0</v>
      </c>
      <c r="FX17" s="72">
        <v>2</v>
      </c>
      <c r="FY17" s="276"/>
      <c r="FZ17" s="71">
        <v>7</v>
      </c>
      <c r="GA17" s="71">
        <v>6</v>
      </c>
      <c r="GB17" s="71">
        <v>5</v>
      </c>
      <c r="GC17" s="71">
        <v>4</v>
      </c>
      <c r="GD17" s="71">
        <v>3</v>
      </c>
      <c r="GE17" s="72">
        <v>25</v>
      </c>
      <c r="GF17" s="73">
        <v>27</v>
      </c>
      <c r="GG17" s="70">
        <v>353</v>
      </c>
      <c r="GH17" s="71">
        <v>414</v>
      </c>
      <c r="GI17" s="72">
        <v>767</v>
      </c>
      <c r="GJ17" s="276"/>
      <c r="GK17" s="71">
        <v>590</v>
      </c>
      <c r="GL17" s="71">
        <v>487</v>
      </c>
      <c r="GM17" s="71">
        <v>355</v>
      </c>
      <c r="GN17" s="71">
        <v>375</v>
      </c>
      <c r="GO17" s="71">
        <v>301</v>
      </c>
      <c r="GP17" s="72">
        <v>2108</v>
      </c>
      <c r="GQ17" s="73">
        <v>2875</v>
      </c>
      <c r="GR17" s="126">
        <v>494</v>
      </c>
      <c r="GS17" s="82">
        <v>597</v>
      </c>
      <c r="GT17" s="83">
        <v>1091</v>
      </c>
      <c r="GU17" s="273"/>
      <c r="GV17" s="82">
        <v>872</v>
      </c>
      <c r="GW17" s="82">
        <v>735</v>
      </c>
      <c r="GX17" s="82">
        <v>532</v>
      </c>
      <c r="GY17" s="82">
        <v>521</v>
      </c>
      <c r="GZ17" s="82">
        <v>395</v>
      </c>
      <c r="HA17" s="84">
        <v>3055</v>
      </c>
      <c r="HB17" s="85">
        <v>4146</v>
      </c>
      <c r="HC17" s="70">
        <v>9</v>
      </c>
      <c r="HD17" s="71">
        <v>7</v>
      </c>
      <c r="HE17" s="72">
        <v>16</v>
      </c>
      <c r="HF17" s="276"/>
      <c r="HG17" s="71">
        <v>19</v>
      </c>
      <c r="HH17" s="71">
        <v>24</v>
      </c>
      <c r="HI17" s="71">
        <v>5</v>
      </c>
      <c r="HJ17" s="71">
        <v>10</v>
      </c>
      <c r="HK17" s="71">
        <v>8</v>
      </c>
      <c r="HL17" s="72">
        <v>66</v>
      </c>
      <c r="HM17" s="73">
        <v>82</v>
      </c>
      <c r="HN17" s="70">
        <v>24</v>
      </c>
      <c r="HO17" s="71">
        <v>46</v>
      </c>
      <c r="HP17" s="72">
        <v>70</v>
      </c>
      <c r="HQ17" s="276"/>
      <c r="HR17" s="71">
        <v>59</v>
      </c>
      <c r="HS17" s="71">
        <v>43</v>
      </c>
      <c r="HT17" s="71">
        <v>31</v>
      </c>
      <c r="HU17" s="71">
        <v>25</v>
      </c>
      <c r="HV17" s="71">
        <v>33</v>
      </c>
      <c r="HW17" s="72">
        <v>191</v>
      </c>
      <c r="HX17" s="73">
        <v>261</v>
      </c>
      <c r="HY17" s="70">
        <v>60</v>
      </c>
      <c r="HZ17" s="71">
        <v>59</v>
      </c>
      <c r="IA17" s="72">
        <v>119</v>
      </c>
      <c r="IB17" s="276"/>
      <c r="IC17" s="71">
        <v>101</v>
      </c>
      <c r="ID17" s="71">
        <v>76</v>
      </c>
      <c r="IE17" s="71">
        <v>54</v>
      </c>
      <c r="IF17" s="71">
        <v>41</v>
      </c>
      <c r="IG17" s="71">
        <v>38</v>
      </c>
      <c r="IH17" s="72">
        <v>310</v>
      </c>
      <c r="II17" s="73">
        <v>429</v>
      </c>
      <c r="IJ17" s="70">
        <v>131</v>
      </c>
      <c r="IK17" s="71">
        <v>166</v>
      </c>
      <c r="IL17" s="72">
        <v>297</v>
      </c>
      <c r="IM17" s="276"/>
      <c r="IN17" s="71">
        <v>189</v>
      </c>
      <c r="IO17" s="71">
        <v>122</v>
      </c>
      <c r="IP17" s="71">
        <v>105</v>
      </c>
      <c r="IQ17" s="71">
        <v>86</v>
      </c>
      <c r="IR17" s="71">
        <v>76</v>
      </c>
      <c r="IS17" s="72">
        <v>578</v>
      </c>
      <c r="IT17" s="73">
        <v>875</v>
      </c>
      <c r="IU17" s="70">
        <v>168</v>
      </c>
      <c r="IV17" s="71">
        <v>176</v>
      </c>
      <c r="IW17" s="72">
        <v>344</v>
      </c>
      <c r="IX17" s="276"/>
      <c r="IY17" s="71">
        <v>288</v>
      </c>
      <c r="IZ17" s="71">
        <v>224</v>
      </c>
      <c r="JA17" s="71">
        <v>136</v>
      </c>
      <c r="JB17" s="71">
        <v>142</v>
      </c>
      <c r="JC17" s="71">
        <v>88</v>
      </c>
      <c r="JD17" s="72">
        <v>878</v>
      </c>
      <c r="JE17" s="73">
        <v>1222</v>
      </c>
      <c r="JF17" s="70">
        <v>102</v>
      </c>
      <c r="JG17" s="71">
        <v>143</v>
      </c>
      <c r="JH17" s="72">
        <v>245</v>
      </c>
      <c r="JI17" s="276"/>
      <c r="JJ17" s="71">
        <v>216</v>
      </c>
      <c r="JK17" s="71">
        <v>246</v>
      </c>
      <c r="JL17" s="71">
        <v>201</v>
      </c>
      <c r="JM17" s="71">
        <v>217</v>
      </c>
      <c r="JN17" s="71">
        <v>152</v>
      </c>
      <c r="JO17" s="72">
        <v>1032</v>
      </c>
      <c r="JP17" s="73">
        <v>1277</v>
      </c>
      <c r="JQ17" s="70">
        <v>7</v>
      </c>
      <c r="JR17" s="71">
        <v>4</v>
      </c>
      <c r="JS17" s="72">
        <v>11</v>
      </c>
      <c r="JT17" s="276"/>
      <c r="JU17" s="71">
        <v>13</v>
      </c>
      <c r="JV17" s="71">
        <v>15</v>
      </c>
      <c r="JW17" s="71">
        <v>15</v>
      </c>
      <c r="JX17" s="71">
        <v>6</v>
      </c>
      <c r="JY17" s="71">
        <v>10</v>
      </c>
      <c r="JZ17" s="72">
        <v>59</v>
      </c>
      <c r="KA17" s="73">
        <v>70</v>
      </c>
      <c r="KB17" s="70">
        <v>501</v>
      </c>
      <c r="KC17" s="71">
        <v>601</v>
      </c>
      <c r="KD17" s="72">
        <v>1102</v>
      </c>
      <c r="KE17" s="276"/>
      <c r="KF17" s="71">
        <v>885</v>
      </c>
      <c r="KG17" s="71">
        <v>750</v>
      </c>
      <c r="KH17" s="71">
        <v>547</v>
      </c>
      <c r="KI17" s="71">
        <v>527</v>
      </c>
      <c r="KJ17" s="71">
        <v>405</v>
      </c>
      <c r="KK17" s="72">
        <v>3114</v>
      </c>
      <c r="KL17" s="73">
        <v>4216</v>
      </c>
    </row>
    <row r="18" spans="1:298" ht="19.5" customHeight="1" x14ac:dyDescent="0.2">
      <c r="A18" s="129" t="s">
        <v>15</v>
      </c>
      <c r="B18" s="350">
        <v>106</v>
      </c>
      <c r="C18" s="82">
        <v>133</v>
      </c>
      <c r="D18" s="83">
        <v>239</v>
      </c>
      <c r="E18" s="273"/>
      <c r="F18" s="82">
        <v>235</v>
      </c>
      <c r="G18" s="82">
        <v>220</v>
      </c>
      <c r="H18" s="82">
        <v>152</v>
      </c>
      <c r="I18" s="82">
        <v>111</v>
      </c>
      <c r="J18" s="82">
        <v>63</v>
      </c>
      <c r="K18" s="84">
        <v>781</v>
      </c>
      <c r="L18" s="85">
        <v>1020</v>
      </c>
      <c r="M18" s="70">
        <v>7</v>
      </c>
      <c r="N18" s="71">
        <v>5</v>
      </c>
      <c r="O18" s="72">
        <v>12</v>
      </c>
      <c r="P18" s="276"/>
      <c r="Q18" s="71">
        <v>9</v>
      </c>
      <c r="R18" s="71">
        <v>7</v>
      </c>
      <c r="S18" s="71">
        <v>11</v>
      </c>
      <c r="T18" s="71">
        <v>7</v>
      </c>
      <c r="U18" s="71">
        <v>5</v>
      </c>
      <c r="V18" s="72">
        <v>39</v>
      </c>
      <c r="W18" s="73">
        <v>51</v>
      </c>
      <c r="X18" s="70">
        <v>15</v>
      </c>
      <c r="Y18" s="71">
        <v>12</v>
      </c>
      <c r="Z18" s="72">
        <v>27</v>
      </c>
      <c r="AA18" s="276"/>
      <c r="AB18" s="71">
        <v>27</v>
      </c>
      <c r="AC18" s="71">
        <v>24</v>
      </c>
      <c r="AD18" s="71">
        <v>21</v>
      </c>
      <c r="AE18" s="71">
        <v>12</v>
      </c>
      <c r="AF18" s="71">
        <v>11</v>
      </c>
      <c r="AG18" s="72">
        <v>95</v>
      </c>
      <c r="AH18" s="73">
        <v>122</v>
      </c>
      <c r="AI18" s="70">
        <v>19</v>
      </c>
      <c r="AJ18" s="71">
        <v>22</v>
      </c>
      <c r="AK18" s="72">
        <v>41</v>
      </c>
      <c r="AL18" s="276"/>
      <c r="AM18" s="71">
        <v>41</v>
      </c>
      <c r="AN18" s="71">
        <v>39</v>
      </c>
      <c r="AO18" s="71">
        <v>16</v>
      </c>
      <c r="AP18" s="71">
        <v>18</v>
      </c>
      <c r="AQ18" s="71">
        <v>17</v>
      </c>
      <c r="AR18" s="72">
        <v>131</v>
      </c>
      <c r="AS18" s="73">
        <v>172</v>
      </c>
      <c r="AT18" s="70">
        <v>28</v>
      </c>
      <c r="AU18" s="71">
        <v>33</v>
      </c>
      <c r="AV18" s="72">
        <v>61</v>
      </c>
      <c r="AW18" s="276"/>
      <c r="AX18" s="71">
        <v>52</v>
      </c>
      <c r="AY18" s="71">
        <v>52</v>
      </c>
      <c r="AZ18" s="71">
        <v>37</v>
      </c>
      <c r="BA18" s="71">
        <v>21</v>
      </c>
      <c r="BB18" s="71">
        <v>14</v>
      </c>
      <c r="BC18" s="72">
        <v>176</v>
      </c>
      <c r="BD18" s="73">
        <v>237</v>
      </c>
      <c r="BE18" s="70">
        <v>24</v>
      </c>
      <c r="BF18" s="71">
        <v>32</v>
      </c>
      <c r="BG18" s="72">
        <v>56</v>
      </c>
      <c r="BH18" s="276"/>
      <c r="BI18" s="71">
        <v>69</v>
      </c>
      <c r="BJ18" s="71">
        <v>65</v>
      </c>
      <c r="BK18" s="71">
        <v>37</v>
      </c>
      <c r="BL18" s="71">
        <v>23</v>
      </c>
      <c r="BM18" s="71">
        <v>11</v>
      </c>
      <c r="BN18" s="72">
        <v>205</v>
      </c>
      <c r="BO18" s="73">
        <v>261</v>
      </c>
      <c r="BP18" s="70">
        <v>13</v>
      </c>
      <c r="BQ18" s="71">
        <v>29</v>
      </c>
      <c r="BR18" s="72">
        <v>42</v>
      </c>
      <c r="BS18" s="276"/>
      <c r="BT18" s="71">
        <v>37</v>
      </c>
      <c r="BU18" s="71">
        <v>33</v>
      </c>
      <c r="BV18" s="71">
        <v>30</v>
      </c>
      <c r="BW18" s="71">
        <v>30</v>
      </c>
      <c r="BX18" s="71">
        <v>5</v>
      </c>
      <c r="BY18" s="72">
        <v>135</v>
      </c>
      <c r="BZ18" s="73">
        <v>177</v>
      </c>
      <c r="CA18" s="70">
        <v>2</v>
      </c>
      <c r="CB18" s="71">
        <v>5</v>
      </c>
      <c r="CC18" s="72">
        <v>7</v>
      </c>
      <c r="CD18" s="276"/>
      <c r="CE18" s="71">
        <v>6</v>
      </c>
      <c r="CF18" s="71">
        <v>6</v>
      </c>
      <c r="CG18" s="71">
        <v>5</v>
      </c>
      <c r="CH18" s="71">
        <v>3</v>
      </c>
      <c r="CI18" s="71">
        <v>5</v>
      </c>
      <c r="CJ18" s="72">
        <v>25</v>
      </c>
      <c r="CK18" s="73">
        <v>32</v>
      </c>
      <c r="CL18" s="70">
        <v>108</v>
      </c>
      <c r="CM18" s="71">
        <v>138</v>
      </c>
      <c r="CN18" s="72">
        <v>246</v>
      </c>
      <c r="CO18" s="276"/>
      <c r="CP18" s="71">
        <v>241</v>
      </c>
      <c r="CQ18" s="71">
        <v>226</v>
      </c>
      <c r="CR18" s="71">
        <v>157</v>
      </c>
      <c r="CS18" s="71">
        <v>114</v>
      </c>
      <c r="CT18" s="71">
        <v>68</v>
      </c>
      <c r="CU18" s="72">
        <v>806</v>
      </c>
      <c r="CV18" s="73">
        <v>1052</v>
      </c>
      <c r="CW18" s="126">
        <v>251</v>
      </c>
      <c r="CX18" s="82">
        <v>340</v>
      </c>
      <c r="CY18" s="83">
        <v>591</v>
      </c>
      <c r="CZ18" s="273"/>
      <c r="DA18" s="82">
        <v>407</v>
      </c>
      <c r="DB18" s="82">
        <v>453</v>
      </c>
      <c r="DC18" s="82">
        <v>306</v>
      </c>
      <c r="DD18" s="82">
        <v>308</v>
      </c>
      <c r="DE18" s="82">
        <v>172</v>
      </c>
      <c r="DF18" s="84">
        <v>1646</v>
      </c>
      <c r="DG18" s="85">
        <v>2237</v>
      </c>
      <c r="DH18" s="70">
        <v>6</v>
      </c>
      <c r="DI18" s="71">
        <v>7</v>
      </c>
      <c r="DJ18" s="72">
        <v>13</v>
      </c>
      <c r="DK18" s="276"/>
      <c r="DL18" s="71">
        <v>9</v>
      </c>
      <c r="DM18" s="71">
        <v>10</v>
      </c>
      <c r="DN18" s="71">
        <v>7</v>
      </c>
      <c r="DO18" s="71">
        <v>5</v>
      </c>
      <c r="DP18" s="71">
        <v>5</v>
      </c>
      <c r="DQ18" s="72">
        <v>36</v>
      </c>
      <c r="DR18" s="73">
        <v>49</v>
      </c>
      <c r="DS18" s="70">
        <v>10</v>
      </c>
      <c r="DT18" s="71">
        <v>24</v>
      </c>
      <c r="DU18" s="72">
        <v>34</v>
      </c>
      <c r="DV18" s="276"/>
      <c r="DW18" s="71">
        <v>29</v>
      </c>
      <c r="DX18" s="71">
        <v>35</v>
      </c>
      <c r="DY18" s="71">
        <v>19</v>
      </c>
      <c r="DZ18" s="71">
        <v>8</v>
      </c>
      <c r="EA18" s="71">
        <v>10</v>
      </c>
      <c r="EB18" s="72">
        <v>101</v>
      </c>
      <c r="EC18" s="73">
        <v>135</v>
      </c>
      <c r="ED18" s="70">
        <v>55</v>
      </c>
      <c r="EE18" s="71">
        <v>53</v>
      </c>
      <c r="EF18" s="72">
        <v>108</v>
      </c>
      <c r="EG18" s="276"/>
      <c r="EH18" s="71">
        <v>51</v>
      </c>
      <c r="EI18" s="71">
        <v>38</v>
      </c>
      <c r="EJ18" s="71">
        <v>28</v>
      </c>
      <c r="EK18" s="71">
        <v>21</v>
      </c>
      <c r="EL18" s="71">
        <v>20</v>
      </c>
      <c r="EM18" s="72">
        <v>158</v>
      </c>
      <c r="EN18" s="73">
        <v>266</v>
      </c>
      <c r="EO18" s="70">
        <v>80</v>
      </c>
      <c r="EP18" s="71">
        <v>102</v>
      </c>
      <c r="EQ18" s="72">
        <v>182</v>
      </c>
      <c r="ER18" s="276"/>
      <c r="ES18" s="71">
        <v>104</v>
      </c>
      <c r="ET18" s="71">
        <v>94</v>
      </c>
      <c r="EU18" s="71">
        <v>50</v>
      </c>
      <c r="EV18" s="71">
        <v>48</v>
      </c>
      <c r="EW18" s="71">
        <v>38</v>
      </c>
      <c r="EX18" s="72">
        <v>334</v>
      </c>
      <c r="EY18" s="73">
        <v>516</v>
      </c>
      <c r="EZ18" s="70">
        <v>56</v>
      </c>
      <c r="FA18" s="71">
        <v>98</v>
      </c>
      <c r="FB18" s="72">
        <v>154</v>
      </c>
      <c r="FC18" s="276"/>
      <c r="FD18" s="71">
        <v>114</v>
      </c>
      <c r="FE18" s="71">
        <v>129</v>
      </c>
      <c r="FF18" s="71">
        <v>71</v>
      </c>
      <c r="FG18" s="71">
        <v>90</v>
      </c>
      <c r="FH18" s="71">
        <v>35</v>
      </c>
      <c r="FI18" s="72">
        <v>439</v>
      </c>
      <c r="FJ18" s="73">
        <v>593</v>
      </c>
      <c r="FK18" s="70">
        <v>44</v>
      </c>
      <c r="FL18" s="71">
        <v>56</v>
      </c>
      <c r="FM18" s="72">
        <v>100</v>
      </c>
      <c r="FN18" s="276"/>
      <c r="FO18" s="71">
        <v>100</v>
      </c>
      <c r="FP18" s="71">
        <v>147</v>
      </c>
      <c r="FQ18" s="71">
        <v>131</v>
      </c>
      <c r="FR18" s="71">
        <v>136</v>
      </c>
      <c r="FS18" s="71">
        <v>64</v>
      </c>
      <c r="FT18" s="72">
        <v>578</v>
      </c>
      <c r="FU18" s="73">
        <v>678</v>
      </c>
      <c r="FV18" s="70">
        <v>1</v>
      </c>
      <c r="FW18" s="71">
        <v>7</v>
      </c>
      <c r="FX18" s="72">
        <v>8</v>
      </c>
      <c r="FY18" s="276"/>
      <c r="FZ18" s="71">
        <v>3</v>
      </c>
      <c r="GA18" s="71">
        <v>11</v>
      </c>
      <c r="GB18" s="71">
        <v>0</v>
      </c>
      <c r="GC18" s="71">
        <v>1</v>
      </c>
      <c r="GD18" s="71">
        <v>6</v>
      </c>
      <c r="GE18" s="72">
        <v>21</v>
      </c>
      <c r="GF18" s="73">
        <v>29</v>
      </c>
      <c r="GG18" s="70">
        <v>252</v>
      </c>
      <c r="GH18" s="71">
        <v>347</v>
      </c>
      <c r="GI18" s="72">
        <v>599</v>
      </c>
      <c r="GJ18" s="276"/>
      <c r="GK18" s="71">
        <v>410</v>
      </c>
      <c r="GL18" s="71">
        <v>464</v>
      </c>
      <c r="GM18" s="71">
        <v>306</v>
      </c>
      <c r="GN18" s="71">
        <v>309</v>
      </c>
      <c r="GO18" s="71">
        <v>178</v>
      </c>
      <c r="GP18" s="72">
        <v>1667</v>
      </c>
      <c r="GQ18" s="73">
        <v>2266</v>
      </c>
      <c r="GR18" s="126">
        <v>357</v>
      </c>
      <c r="GS18" s="82">
        <v>473</v>
      </c>
      <c r="GT18" s="83">
        <v>830</v>
      </c>
      <c r="GU18" s="273"/>
      <c r="GV18" s="82">
        <v>642</v>
      </c>
      <c r="GW18" s="82">
        <v>673</v>
      </c>
      <c r="GX18" s="82">
        <v>458</v>
      </c>
      <c r="GY18" s="82">
        <v>419</v>
      </c>
      <c r="GZ18" s="82">
        <v>235</v>
      </c>
      <c r="HA18" s="84">
        <v>2427</v>
      </c>
      <c r="HB18" s="85">
        <v>3257</v>
      </c>
      <c r="HC18" s="70">
        <v>13</v>
      </c>
      <c r="HD18" s="71">
        <v>12</v>
      </c>
      <c r="HE18" s="72">
        <v>25</v>
      </c>
      <c r="HF18" s="276"/>
      <c r="HG18" s="71">
        <v>18</v>
      </c>
      <c r="HH18" s="71">
        <v>17</v>
      </c>
      <c r="HI18" s="71">
        <v>18</v>
      </c>
      <c r="HJ18" s="71">
        <v>12</v>
      </c>
      <c r="HK18" s="71">
        <v>10</v>
      </c>
      <c r="HL18" s="72">
        <v>75</v>
      </c>
      <c r="HM18" s="73">
        <v>100</v>
      </c>
      <c r="HN18" s="70">
        <v>25</v>
      </c>
      <c r="HO18" s="71">
        <v>36</v>
      </c>
      <c r="HP18" s="72">
        <v>61</v>
      </c>
      <c r="HQ18" s="276"/>
      <c r="HR18" s="71">
        <v>56</v>
      </c>
      <c r="HS18" s="71">
        <v>59</v>
      </c>
      <c r="HT18" s="71">
        <v>40</v>
      </c>
      <c r="HU18" s="71">
        <v>20</v>
      </c>
      <c r="HV18" s="71">
        <v>21</v>
      </c>
      <c r="HW18" s="72">
        <v>196</v>
      </c>
      <c r="HX18" s="73">
        <v>257</v>
      </c>
      <c r="HY18" s="70">
        <v>74</v>
      </c>
      <c r="HZ18" s="71">
        <v>75</v>
      </c>
      <c r="IA18" s="72">
        <v>149</v>
      </c>
      <c r="IB18" s="276"/>
      <c r="IC18" s="71">
        <v>92</v>
      </c>
      <c r="ID18" s="71">
        <v>77</v>
      </c>
      <c r="IE18" s="71">
        <v>44</v>
      </c>
      <c r="IF18" s="71">
        <v>39</v>
      </c>
      <c r="IG18" s="71">
        <v>37</v>
      </c>
      <c r="IH18" s="72">
        <v>289</v>
      </c>
      <c r="II18" s="73">
        <v>438</v>
      </c>
      <c r="IJ18" s="70">
        <v>108</v>
      </c>
      <c r="IK18" s="71">
        <v>135</v>
      </c>
      <c r="IL18" s="72">
        <v>243</v>
      </c>
      <c r="IM18" s="276"/>
      <c r="IN18" s="71">
        <v>156</v>
      </c>
      <c r="IO18" s="71">
        <v>146</v>
      </c>
      <c r="IP18" s="71">
        <v>87</v>
      </c>
      <c r="IQ18" s="71">
        <v>69</v>
      </c>
      <c r="IR18" s="71">
        <v>52</v>
      </c>
      <c r="IS18" s="72">
        <v>510</v>
      </c>
      <c r="IT18" s="73">
        <v>753</v>
      </c>
      <c r="IU18" s="70">
        <v>80</v>
      </c>
      <c r="IV18" s="71">
        <v>130</v>
      </c>
      <c r="IW18" s="72">
        <v>210</v>
      </c>
      <c r="IX18" s="276"/>
      <c r="IY18" s="71">
        <v>183</v>
      </c>
      <c r="IZ18" s="71">
        <v>194</v>
      </c>
      <c r="JA18" s="71">
        <v>108</v>
      </c>
      <c r="JB18" s="71">
        <v>113</v>
      </c>
      <c r="JC18" s="71">
        <v>46</v>
      </c>
      <c r="JD18" s="72">
        <v>644</v>
      </c>
      <c r="JE18" s="73">
        <v>854</v>
      </c>
      <c r="JF18" s="70">
        <v>57</v>
      </c>
      <c r="JG18" s="71">
        <v>85</v>
      </c>
      <c r="JH18" s="72">
        <v>142</v>
      </c>
      <c r="JI18" s="276"/>
      <c r="JJ18" s="71">
        <v>137</v>
      </c>
      <c r="JK18" s="71">
        <v>180</v>
      </c>
      <c r="JL18" s="71">
        <v>161</v>
      </c>
      <c r="JM18" s="71">
        <v>166</v>
      </c>
      <c r="JN18" s="71">
        <v>69</v>
      </c>
      <c r="JO18" s="72">
        <v>713</v>
      </c>
      <c r="JP18" s="73">
        <v>855</v>
      </c>
      <c r="JQ18" s="70">
        <v>3</v>
      </c>
      <c r="JR18" s="71">
        <v>12</v>
      </c>
      <c r="JS18" s="72">
        <v>15</v>
      </c>
      <c r="JT18" s="276"/>
      <c r="JU18" s="71">
        <v>9</v>
      </c>
      <c r="JV18" s="71">
        <v>17</v>
      </c>
      <c r="JW18" s="71">
        <v>5</v>
      </c>
      <c r="JX18" s="71">
        <v>4</v>
      </c>
      <c r="JY18" s="71">
        <v>11</v>
      </c>
      <c r="JZ18" s="72">
        <v>46</v>
      </c>
      <c r="KA18" s="73">
        <v>61</v>
      </c>
      <c r="KB18" s="70">
        <v>360</v>
      </c>
      <c r="KC18" s="71">
        <v>485</v>
      </c>
      <c r="KD18" s="72">
        <v>845</v>
      </c>
      <c r="KE18" s="276"/>
      <c r="KF18" s="71">
        <v>651</v>
      </c>
      <c r="KG18" s="71">
        <v>690</v>
      </c>
      <c r="KH18" s="71">
        <v>463</v>
      </c>
      <c r="KI18" s="71">
        <v>423</v>
      </c>
      <c r="KJ18" s="71">
        <v>246</v>
      </c>
      <c r="KK18" s="72">
        <v>2473</v>
      </c>
      <c r="KL18" s="73">
        <v>3318</v>
      </c>
    </row>
    <row r="19" spans="1:298" ht="19.5" customHeight="1" x14ac:dyDescent="0.2">
      <c r="A19" s="129" t="s">
        <v>16</v>
      </c>
      <c r="B19" s="350">
        <v>206</v>
      </c>
      <c r="C19" s="82">
        <v>240</v>
      </c>
      <c r="D19" s="83">
        <v>446</v>
      </c>
      <c r="E19" s="273"/>
      <c r="F19" s="82">
        <v>471</v>
      </c>
      <c r="G19" s="82">
        <v>598</v>
      </c>
      <c r="H19" s="82">
        <v>403</v>
      </c>
      <c r="I19" s="82">
        <v>339</v>
      </c>
      <c r="J19" s="82">
        <v>174</v>
      </c>
      <c r="K19" s="84">
        <v>1985</v>
      </c>
      <c r="L19" s="85">
        <v>2431</v>
      </c>
      <c r="M19" s="70">
        <v>10</v>
      </c>
      <c r="N19" s="71">
        <v>12</v>
      </c>
      <c r="O19" s="72">
        <v>22</v>
      </c>
      <c r="P19" s="276"/>
      <c r="Q19" s="71">
        <v>21</v>
      </c>
      <c r="R19" s="71">
        <v>30</v>
      </c>
      <c r="S19" s="71">
        <v>21</v>
      </c>
      <c r="T19" s="71">
        <v>23</v>
      </c>
      <c r="U19" s="71">
        <v>20</v>
      </c>
      <c r="V19" s="72">
        <v>115</v>
      </c>
      <c r="W19" s="73">
        <v>137</v>
      </c>
      <c r="X19" s="70">
        <v>33</v>
      </c>
      <c r="Y19" s="71">
        <v>43</v>
      </c>
      <c r="Z19" s="72">
        <v>76</v>
      </c>
      <c r="AA19" s="276"/>
      <c r="AB19" s="71">
        <v>63</v>
      </c>
      <c r="AC19" s="71">
        <v>88</v>
      </c>
      <c r="AD19" s="71">
        <v>59</v>
      </c>
      <c r="AE19" s="71">
        <v>50</v>
      </c>
      <c r="AF19" s="71">
        <v>27</v>
      </c>
      <c r="AG19" s="72">
        <v>287</v>
      </c>
      <c r="AH19" s="73">
        <v>363</v>
      </c>
      <c r="AI19" s="70">
        <v>38</v>
      </c>
      <c r="AJ19" s="71">
        <v>41</v>
      </c>
      <c r="AK19" s="72">
        <v>79</v>
      </c>
      <c r="AL19" s="276"/>
      <c r="AM19" s="71">
        <v>93</v>
      </c>
      <c r="AN19" s="71">
        <v>87</v>
      </c>
      <c r="AO19" s="71">
        <v>58</v>
      </c>
      <c r="AP19" s="71">
        <v>58</v>
      </c>
      <c r="AQ19" s="71">
        <v>26</v>
      </c>
      <c r="AR19" s="72">
        <v>322</v>
      </c>
      <c r="AS19" s="73">
        <v>401</v>
      </c>
      <c r="AT19" s="70">
        <v>50</v>
      </c>
      <c r="AU19" s="71">
        <v>57</v>
      </c>
      <c r="AV19" s="72">
        <v>107</v>
      </c>
      <c r="AW19" s="276"/>
      <c r="AX19" s="71">
        <v>106</v>
      </c>
      <c r="AY19" s="71">
        <v>162</v>
      </c>
      <c r="AZ19" s="71">
        <v>97</v>
      </c>
      <c r="BA19" s="71">
        <v>85</v>
      </c>
      <c r="BB19" s="71">
        <v>49</v>
      </c>
      <c r="BC19" s="72">
        <v>499</v>
      </c>
      <c r="BD19" s="73">
        <v>606</v>
      </c>
      <c r="BE19" s="70">
        <v>46</v>
      </c>
      <c r="BF19" s="71">
        <v>55</v>
      </c>
      <c r="BG19" s="72">
        <v>101</v>
      </c>
      <c r="BH19" s="276"/>
      <c r="BI19" s="71">
        <v>113</v>
      </c>
      <c r="BJ19" s="71">
        <v>135</v>
      </c>
      <c r="BK19" s="71">
        <v>101</v>
      </c>
      <c r="BL19" s="71">
        <v>59</v>
      </c>
      <c r="BM19" s="71">
        <v>25</v>
      </c>
      <c r="BN19" s="72">
        <v>433</v>
      </c>
      <c r="BO19" s="73">
        <v>534</v>
      </c>
      <c r="BP19" s="70">
        <v>29</v>
      </c>
      <c r="BQ19" s="71">
        <v>32</v>
      </c>
      <c r="BR19" s="72">
        <v>61</v>
      </c>
      <c r="BS19" s="276"/>
      <c r="BT19" s="71">
        <v>75</v>
      </c>
      <c r="BU19" s="71">
        <v>96</v>
      </c>
      <c r="BV19" s="71">
        <v>67</v>
      </c>
      <c r="BW19" s="71">
        <v>64</v>
      </c>
      <c r="BX19" s="71">
        <v>27</v>
      </c>
      <c r="BY19" s="72">
        <v>329</v>
      </c>
      <c r="BZ19" s="73">
        <v>390</v>
      </c>
      <c r="CA19" s="70">
        <v>14</v>
      </c>
      <c r="CB19" s="71">
        <v>11</v>
      </c>
      <c r="CC19" s="72">
        <v>25</v>
      </c>
      <c r="CD19" s="276"/>
      <c r="CE19" s="71">
        <v>18</v>
      </c>
      <c r="CF19" s="71">
        <v>23</v>
      </c>
      <c r="CG19" s="71">
        <v>16</v>
      </c>
      <c r="CH19" s="71">
        <v>8</v>
      </c>
      <c r="CI19" s="71">
        <v>13</v>
      </c>
      <c r="CJ19" s="72">
        <v>78</v>
      </c>
      <c r="CK19" s="73">
        <v>103</v>
      </c>
      <c r="CL19" s="70">
        <v>220</v>
      </c>
      <c r="CM19" s="71">
        <v>251</v>
      </c>
      <c r="CN19" s="72">
        <v>471</v>
      </c>
      <c r="CO19" s="276"/>
      <c r="CP19" s="71">
        <v>489</v>
      </c>
      <c r="CQ19" s="71">
        <v>621</v>
      </c>
      <c r="CR19" s="71">
        <v>419</v>
      </c>
      <c r="CS19" s="71">
        <v>347</v>
      </c>
      <c r="CT19" s="71">
        <v>187</v>
      </c>
      <c r="CU19" s="72">
        <v>2063</v>
      </c>
      <c r="CV19" s="73">
        <v>2534</v>
      </c>
      <c r="CW19" s="126">
        <v>388</v>
      </c>
      <c r="CX19" s="82">
        <v>540</v>
      </c>
      <c r="CY19" s="83">
        <v>928</v>
      </c>
      <c r="CZ19" s="273"/>
      <c r="DA19" s="82">
        <v>859</v>
      </c>
      <c r="DB19" s="82">
        <v>995</v>
      </c>
      <c r="DC19" s="82">
        <v>815</v>
      </c>
      <c r="DD19" s="82">
        <v>727</v>
      </c>
      <c r="DE19" s="82">
        <v>522</v>
      </c>
      <c r="DF19" s="84">
        <v>3918</v>
      </c>
      <c r="DG19" s="85">
        <v>4846</v>
      </c>
      <c r="DH19" s="70">
        <v>11</v>
      </c>
      <c r="DI19" s="71">
        <v>25</v>
      </c>
      <c r="DJ19" s="72">
        <v>36</v>
      </c>
      <c r="DK19" s="276"/>
      <c r="DL19" s="71">
        <v>18</v>
      </c>
      <c r="DM19" s="71">
        <v>39</v>
      </c>
      <c r="DN19" s="71">
        <v>21</v>
      </c>
      <c r="DO19" s="71">
        <v>15</v>
      </c>
      <c r="DP19" s="71">
        <v>13</v>
      </c>
      <c r="DQ19" s="72">
        <v>106</v>
      </c>
      <c r="DR19" s="73">
        <v>142</v>
      </c>
      <c r="DS19" s="70">
        <v>38</v>
      </c>
      <c r="DT19" s="71">
        <v>59</v>
      </c>
      <c r="DU19" s="72">
        <v>97</v>
      </c>
      <c r="DV19" s="276"/>
      <c r="DW19" s="71">
        <v>67</v>
      </c>
      <c r="DX19" s="71">
        <v>72</v>
      </c>
      <c r="DY19" s="71">
        <v>52</v>
      </c>
      <c r="DZ19" s="71">
        <v>43</v>
      </c>
      <c r="EA19" s="71">
        <v>43</v>
      </c>
      <c r="EB19" s="72">
        <v>277</v>
      </c>
      <c r="EC19" s="73">
        <v>374</v>
      </c>
      <c r="ED19" s="70">
        <v>73</v>
      </c>
      <c r="EE19" s="71">
        <v>94</v>
      </c>
      <c r="EF19" s="72">
        <v>167</v>
      </c>
      <c r="EG19" s="276"/>
      <c r="EH19" s="71">
        <v>112</v>
      </c>
      <c r="EI19" s="71">
        <v>132</v>
      </c>
      <c r="EJ19" s="71">
        <v>84</v>
      </c>
      <c r="EK19" s="71">
        <v>53</v>
      </c>
      <c r="EL19" s="71">
        <v>49</v>
      </c>
      <c r="EM19" s="72">
        <v>430</v>
      </c>
      <c r="EN19" s="73">
        <v>597</v>
      </c>
      <c r="EO19" s="70">
        <v>112</v>
      </c>
      <c r="EP19" s="71">
        <v>139</v>
      </c>
      <c r="EQ19" s="72">
        <v>251</v>
      </c>
      <c r="ER19" s="276"/>
      <c r="ES19" s="71">
        <v>185</v>
      </c>
      <c r="ET19" s="71">
        <v>201</v>
      </c>
      <c r="EU19" s="71">
        <v>159</v>
      </c>
      <c r="EV19" s="71">
        <v>124</v>
      </c>
      <c r="EW19" s="71">
        <v>82</v>
      </c>
      <c r="EX19" s="72">
        <v>751</v>
      </c>
      <c r="EY19" s="73">
        <v>1002</v>
      </c>
      <c r="EZ19" s="70">
        <v>103</v>
      </c>
      <c r="FA19" s="71">
        <v>131</v>
      </c>
      <c r="FB19" s="72">
        <v>234</v>
      </c>
      <c r="FC19" s="276"/>
      <c r="FD19" s="71">
        <v>273</v>
      </c>
      <c r="FE19" s="71">
        <v>269</v>
      </c>
      <c r="FF19" s="71">
        <v>196</v>
      </c>
      <c r="FG19" s="71">
        <v>180</v>
      </c>
      <c r="FH19" s="71">
        <v>118</v>
      </c>
      <c r="FI19" s="72">
        <v>1036</v>
      </c>
      <c r="FJ19" s="73">
        <v>1270</v>
      </c>
      <c r="FK19" s="70">
        <v>51</v>
      </c>
      <c r="FL19" s="71">
        <v>92</v>
      </c>
      <c r="FM19" s="72">
        <v>143</v>
      </c>
      <c r="FN19" s="276"/>
      <c r="FO19" s="71">
        <v>204</v>
      </c>
      <c r="FP19" s="71">
        <v>282</v>
      </c>
      <c r="FQ19" s="71">
        <v>303</v>
      </c>
      <c r="FR19" s="71">
        <v>312</v>
      </c>
      <c r="FS19" s="71">
        <v>217</v>
      </c>
      <c r="FT19" s="72">
        <v>1318</v>
      </c>
      <c r="FU19" s="73">
        <v>1461</v>
      </c>
      <c r="FV19" s="70">
        <v>9</v>
      </c>
      <c r="FW19" s="71">
        <v>13</v>
      </c>
      <c r="FX19" s="72">
        <v>22</v>
      </c>
      <c r="FY19" s="276"/>
      <c r="FZ19" s="71">
        <v>9</v>
      </c>
      <c r="GA19" s="71">
        <v>18</v>
      </c>
      <c r="GB19" s="71">
        <v>9</v>
      </c>
      <c r="GC19" s="71">
        <v>15</v>
      </c>
      <c r="GD19" s="71">
        <v>11</v>
      </c>
      <c r="GE19" s="72">
        <v>62</v>
      </c>
      <c r="GF19" s="73">
        <v>84</v>
      </c>
      <c r="GG19" s="70">
        <v>397</v>
      </c>
      <c r="GH19" s="71">
        <v>553</v>
      </c>
      <c r="GI19" s="72">
        <v>950</v>
      </c>
      <c r="GJ19" s="276"/>
      <c r="GK19" s="71">
        <v>868</v>
      </c>
      <c r="GL19" s="71">
        <v>1013</v>
      </c>
      <c r="GM19" s="71">
        <v>824</v>
      </c>
      <c r="GN19" s="71">
        <v>742</v>
      </c>
      <c r="GO19" s="71">
        <v>533</v>
      </c>
      <c r="GP19" s="72">
        <v>3980</v>
      </c>
      <c r="GQ19" s="73">
        <v>4930</v>
      </c>
      <c r="GR19" s="126">
        <v>594</v>
      </c>
      <c r="GS19" s="82">
        <v>780</v>
      </c>
      <c r="GT19" s="83">
        <v>1374</v>
      </c>
      <c r="GU19" s="273"/>
      <c r="GV19" s="82">
        <v>1330</v>
      </c>
      <c r="GW19" s="82">
        <v>1593</v>
      </c>
      <c r="GX19" s="82">
        <v>1218</v>
      </c>
      <c r="GY19" s="82">
        <v>1066</v>
      </c>
      <c r="GZ19" s="82">
        <v>696</v>
      </c>
      <c r="HA19" s="84">
        <v>5903</v>
      </c>
      <c r="HB19" s="85">
        <v>7277</v>
      </c>
      <c r="HC19" s="70">
        <v>21</v>
      </c>
      <c r="HD19" s="71">
        <v>37</v>
      </c>
      <c r="HE19" s="72">
        <v>58</v>
      </c>
      <c r="HF19" s="276"/>
      <c r="HG19" s="71">
        <v>39</v>
      </c>
      <c r="HH19" s="71">
        <v>69</v>
      </c>
      <c r="HI19" s="71">
        <v>42</v>
      </c>
      <c r="HJ19" s="71">
        <v>38</v>
      </c>
      <c r="HK19" s="71">
        <v>33</v>
      </c>
      <c r="HL19" s="72">
        <v>221</v>
      </c>
      <c r="HM19" s="73">
        <v>279</v>
      </c>
      <c r="HN19" s="70">
        <v>71</v>
      </c>
      <c r="HO19" s="71">
        <v>102</v>
      </c>
      <c r="HP19" s="72">
        <v>173</v>
      </c>
      <c r="HQ19" s="276"/>
      <c r="HR19" s="71">
        <v>130</v>
      </c>
      <c r="HS19" s="71">
        <v>160</v>
      </c>
      <c r="HT19" s="71">
        <v>111</v>
      </c>
      <c r="HU19" s="71">
        <v>93</v>
      </c>
      <c r="HV19" s="71">
        <v>70</v>
      </c>
      <c r="HW19" s="72">
        <v>564</v>
      </c>
      <c r="HX19" s="73">
        <v>737</v>
      </c>
      <c r="HY19" s="70">
        <v>111</v>
      </c>
      <c r="HZ19" s="71">
        <v>135</v>
      </c>
      <c r="IA19" s="72">
        <v>246</v>
      </c>
      <c r="IB19" s="276"/>
      <c r="IC19" s="71">
        <v>205</v>
      </c>
      <c r="ID19" s="71">
        <v>219</v>
      </c>
      <c r="IE19" s="71">
        <v>142</v>
      </c>
      <c r="IF19" s="71">
        <v>111</v>
      </c>
      <c r="IG19" s="71">
        <v>75</v>
      </c>
      <c r="IH19" s="72">
        <v>752</v>
      </c>
      <c r="II19" s="73">
        <v>998</v>
      </c>
      <c r="IJ19" s="70">
        <v>162</v>
      </c>
      <c r="IK19" s="71">
        <v>196</v>
      </c>
      <c r="IL19" s="72">
        <v>358</v>
      </c>
      <c r="IM19" s="276"/>
      <c r="IN19" s="71">
        <v>291</v>
      </c>
      <c r="IO19" s="71">
        <v>363</v>
      </c>
      <c r="IP19" s="71">
        <v>256</v>
      </c>
      <c r="IQ19" s="71">
        <v>209</v>
      </c>
      <c r="IR19" s="71">
        <v>131</v>
      </c>
      <c r="IS19" s="72">
        <v>1250</v>
      </c>
      <c r="IT19" s="73">
        <v>1608</v>
      </c>
      <c r="IU19" s="70">
        <v>149</v>
      </c>
      <c r="IV19" s="71">
        <v>186</v>
      </c>
      <c r="IW19" s="72">
        <v>335</v>
      </c>
      <c r="IX19" s="276"/>
      <c r="IY19" s="71">
        <v>386</v>
      </c>
      <c r="IZ19" s="71">
        <v>404</v>
      </c>
      <c r="JA19" s="71">
        <v>297</v>
      </c>
      <c r="JB19" s="71">
        <v>239</v>
      </c>
      <c r="JC19" s="71">
        <v>143</v>
      </c>
      <c r="JD19" s="72">
        <v>1469</v>
      </c>
      <c r="JE19" s="73">
        <v>1804</v>
      </c>
      <c r="JF19" s="70">
        <v>80</v>
      </c>
      <c r="JG19" s="71">
        <v>124</v>
      </c>
      <c r="JH19" s="72">
        <v>204</v>
      </c>
      <c r="JI19" s="276"/>
      <c r="JJ19" s="71">
        <v>279</v>
      </c>
      <c r="JK19" s="71">
        <v>378</v>
      </c>
      <c r="JL19" s="71">
        <v>370</v>
      </c>
      <c r="JM19" s="71">
        <v>376</v>
      </c>
      <c r="JN19" s="71">
        <v>244</v>
      </c>
      <c r="JO19" s="72">
        <v>1647</v>
      </c>
      <c r="JP19" s="73">
        <v>1851</v>
      </c>
      <c r="JQ19" s="70">
        <v>23</v>
      </c>
      <c r="JR19" s="71">
        <v>24</v>
      </c>
      <c r="JS19" s="72">
        <v>47</v>
      </c>
      <c r="JT19" s="276"/>
      <c r="JU19" s="71">
        <v>27</v>
      </c>
      <c r="JV19" s="71">
        <v>41</v>
      </c>
      <c r="JW19" s="71">
        <v>25</v>
      </c>
      <c r="JX19" s="71">
        <v>23</v>
      </c>
      <c r="JY19" s="71">
        <v>24</v>
      </c>
      <c r="JZ19" s="72">
        <v>140</v>
      </c>
      <c r="KA19" s="73">
        <v>187</v>
      </c>
      <c r="KB19" s="70">
        <v>617</v>
      </c>
      <c r="KC19" s="71">
        <v>804</v>
      </c>
      <c r="KD19" s="72">
        <v>1421</v>
      </c>
      <c r="KE19" s="276"/>
      <c r="KF19" s="71">
        <v>1357</v>
      </c>
      <c r="KG19" s="71">
        <v>1634</v>
      </c>
      <c r="KH19" s="71">
        <v>1243</v>
      </c>
      <c r="KI19" s="71">
        <v>1089</v>
      </c>
      <c r="KJ19" s="71">
        <v>720</v>
      </c>
      <c r="KK19" s="72">
        <v>6043</v>
      </c>
      <c r="KL19" s="73">
        <v>7464</v>
      </c>
    </row>
    <row r="20" spans="1:298" ht="19.5" customHeight="1" x14ac:dyDescent="0.2">
      <c r="A20" s="129" t="s">
        <v>17</v>
      </c>
      <c r="B20" s="350">
        <v>265</v>
      </c>
      <c r="C20" s="82">
        <v>358</v>
      </c>
      <c r="D20" s="83">
        <v>623</v>
      </c>
      <c r="E20" s="273"/>
      <c r="F20" s="82">
        <v>538</v>
      </c>
      <c r="G20" s="82">
        <v>703</v>
      </c>
      <c r="H20" s="82">
        <v>514</v>
      </c>
      <c r="I20" s="82">
        <v>404</v>
      </c>
      <c r="J20" s="82">
        <v>250</v>
      </c>
      <c r="K20" s="84">
        <v>2409</v>
      </c>
      <c r="L20" s="85">
        <v>3032</v>
      </c>
      <c r="M20" s="70">
        <v>12</v>
      </c>
      <c r="N20" s="71">
        <v>26</v>
      </c>
      <c r="O20" s="72">
        <v>38</v>
      </c>
      <c r="P20" s="276"/>
      <c r="Q20" s="71">
        <v>33</v>
      </c>
      <c r="R20" s="71">
        <v>45</v>
      </c>
      <c r="S20" s="71">
        <v>30</v>
      </c>
      <c r="T20" s="71">
        <v>21</v>
      </c>
      <c r="U20" s="71">
        <v>29</v>
      </c>
      <c r="V20" s="72">
        <v>158</v>
      </c>
      <c r="W20" s="73">
        <v>196</v>
      </c>
      <c r="X20" s="70">
        <v>36</v>
      </c>
      <c r="Y20" s="71">
        <v>52</v>
      </c>
      <c r="Z20" s="72">
        <v>88</v>
      </c>
      <c r="AA20" s="276"/>
      <c r="AB20" s="71">
        <v>45</v>
      </c>
      <c r="AC20" s="71">
        <v>101</v>
      </c>
      <c r="AD20" s="71">
        <v>66</v>
      </c>
      <c r="AE20" s="71">
        <v>62</v>
      </c>
      <c r="AF20" s="71">
        <v>36</v>
      </c>
      <c r="AG20" s="72">
        <v>310</v>
      </c>
      <c r="AH20" s="73">
        <v>398</v>
      </c>
      <c r="AI20" s="70">
        <v>54</v>
      </c>
      <c r="AJ20" s="71">
        <v>67</v>
      </c>
      <c r="AK20" s="72">
        <v>121</v>
      </c>
      <c r="AL20" s="276"/>
      <c r="AM20" s="71">
        <v>92</v>
      </c>
      <c r="AN20" s="71">
        <v>121</v>
      </c>
      <c r="AO20" s="71">
        <v>87</v>
      </c>
      <c r="AP20" s="71">
        <v>74</v>
      </c>
      <c r="AQ20" s="71">
        <v>52</v>
      </c>
      <c r="AR20" s="72">
        <v>426</v>
      </c>
      <c r="AS20" s="73">
        <v>547</v>
      </c>
      <c r="AT20" s="70">
        <v>59</v>
      </c>
      <c r="AU20" s="71">
        <v>87</v>
      </c>
      <c r="AV20" s="72">
        <v>146</v>
      </c>
      <c r="AW20" s="276"/>
      <c r="AX20" s="71">
        <v>150</v>
      </c>
      <c r="AY20" s="71">
        <v>169</v>
      </c>
      <c r="AZ20" s="71">
        <v>142</v>
      </c>
      <c r="BA20" s="71">
        <v>91</v>
      </c>
      <c r="BB20" s="71">
        <v>60</v>
      </c>
      <c r="BC20" s="72">
        <v>612</v>
      </c>
      <c r="BD20" s="73">
        <v>758</v>
      </c>
      <c r="BE20" s="70">
        <v>68</v>
      </c>
      <c r="BF20" s="71">
        <v>77</v>
      </c>
      <c r="BG20" s="72">
        <v>145</v>
      </c>
      <c r="BH20" s="276"/>
      <c r="BI20" s="71">
        <v>133</v>
      </c>
      <c r="BJ20" s="71">
        <v>168</v>
      </c>
      <c r="BK20" s="71">
        <v>113</v>
      </c>
      <c r="BL20" s="71">
        <v>90</v>
      </c>
      <c r="BM20" s="71">
        <v>48</v>
      </c>
      <c r="BN20" s="72">
        <v>552</v>
      </c>
      <c r="BO20" s="73">
        <v>697</v>
      </c>
      <c r="BP20" s="70">
        <v>36</v>
      </c>
      <c r="BQ20" s="71">
        <v>49</v>
      </c>
      <c r="BR20" s="72">
        <v>85</v>
      </c>
      <c r="BS20" s="276"/>
      <c r="BT20" s="71">
        <v>85</v>
      </c>
      <c r="BU20" s="71">
        <v>99</v>
      </c>
      <c r="BV20" s="71">
        <v>76</v>
      </c>
      <c r="BW20" s="71">
        <v>66</v>
      </c>
      <c r="BX20" s="71">
        <v>25</v>
      </c>
      <c r="BY20" s="72">
        <v>351</v>
      </c>
      <c r="BZ20" s="73">
        <v>436</v>
      </c>
      <c r="CA20" s="70">
        <v>11</v>
      </c>
      <c r="CB20" s="71">
        <v>22</v>
      </c>
      <c r="CC20" s="72">
        <v>33</v>
      </c>
      <c r="CD20" s="276"/>
      <c r="CE20" s="71">
        <v>21</v>
      </c>
      <c r="CF20" s="71">
        <v>43</v>
      </c>
      <c r="CG20" s="71">
        <v>30</v>
      </c>
      <c r="CH20" s="71">
        <v>20</v>
      </c>
      <c r="CI20" s="71">
        <v>12</v>
      </c>
      <c r="CJ20" s="72">
        <v>126</v>
      </c>
      <c r="CK20" s="73">
        <v>159</v>
      </c>
      <c r="CL20" s="70">
        <v>276</v>
      </c>
      <c r="CM20" s="71">
        <v>380</v>
      </c>
      <c r="CN20" s="72">
        <v>656</v>
      </c>
      <c r="CO20" s="276"/>
      <c r="CP20" s="71">
        <v>559</v>
      </c>
      <c r="CQ20" s="71">
        <v>746</v>
      </c>
      <c r="CR20" s="71">
        <v>544</v>
      </c>
      <c r="CS20" s="71">
        <v>424</v>
      </c>
      <c r="CT20" s="71">
        <v>262</v>
      </c>
      <c r="CU20" s="72">
        <v>2535</v>
      </c>
      <c r="CV20" s="73">
        <v>3191</v>
      </c>
      <c r="CW20" s="126">
        <v>591</v>
      </c>
      <c r="CX20" s="82">
        <v>792</v>
      </c>
      <c r="CY20" s="83">
        <v>1383</v>
      </c>
      <c r="CZ20" s="273"/>
      <c r="DA20" s="82">
        <v>938</v>
      </c>
      <c r="DB20" s="82">
        <v>1182</v>
      </c>
      <c r="DC20" s="82">
        <v>862</v>
      </c>
      <c r="DD20" s="82">
        <v>787</v>
      </c>
      <c r="DE20" s="82">
        <v>567</v>
      </c>
      <c r="DF20" s="84">
        <v>4336</v>
      </c>
      <c r="DG20" s="85">
        <v>5719</v>
      </c>
      <c r="DH20" s="70">
        <v>15</v>
      </c>
      <c r="DI20" s="71">
        <v>29</v>
      </c>
      <c r="DJ20" s="72">
        <v>44</v>
      </c>
      <c r="DK20" s="276"/>
      <c r="DL20" s="71">
        <v>19</v>
      </c>
      <c r="DM20" s="71">
        <v>35</v>
      </c>
      <c r="DN20" s="71">
        <v>28</v>
      </c>
      <c r="DO20" s="71">
        <v>18</v>
      </c>
      <c r="DP20" s="71">
        <v>20</v>
      </c>
      <c r="DQ20" s="72">
        <v>120</v>
      </c>
      <c r="DR20" s="73">
        <v>164</v>
      </c>
      <c r="DS20" s="70">
        <v>58</v>
      </c>
      <c r="DT20" s="71">
        <v>71</v>
      </c>
      <c r="DU20" s="72">
        <v>129</v>
      </c>
      <c r="DV20" s="276"/>
      <c r="DW20" s="71">
        <v>63</v>
      </c>
      <c r="DX20" s="71">
        <v>76</v>
      </c>
      <c r="DY20" s="71">
        <v>70</v>
      </c>
      <c r="DZ20" s="71">
        <v>39</v>
      </c>
      <c r="EA20" s="71">
        <v>44</v>
      </c>
      <c r="EB20" s="72">
        <v>292</v>
      </c>
      <c r="EC20" s="73">
        <v>421</v>
      </c>
      <c r="ED20" s="70">
        <v>99</v>
      </c>
      <c r="EE20" s="71">
        <v>130</v>
      </c>
      <c r="EF20" s="72">
        <v>229</v>
      </c>
      <c r="EG20" s="276"/>
      <c r="EH20" s="71">
        <v>130</v>
      </c>
      <c r="EI20" s="71">
        <v>160</v>
      </c>
      <c r="EJ20" s="71">
        <v>106</v>
      </c>
      <c r="EK20" s="71">
        <v>96</v>
      </c>
      <c r="EL20" s="71">
        <v>70</v>
      </c>
      <c r="EM20" s="72">
        <v>562</v>
      </c>
      <c r="EN20" s="73">
        <v>791</v>
      </c>
      <c r="EO20" s="70">
        <v>182</v>
      </c>
      <c r="EP20" s="71">
        <v>216</v>
      </c>
      <c r="EQ20" s="72">
        <v>398</v>
      </c>
      <c r="ER20" s="276"/>
      <c r="ES20" s="71">
        <v>238</v>
      </c>
      <c r="ET20" s="71">
        <v>286</v>
      </c>
      <c r="EU20" s="71">
        <v>178</v>
      </c>
      <c r="EV20" s="71">
        <v>160</v>
      </c>
      <c r="EW20" s="71">
        <v>103</v>
      </c>
      <c r="EX20" s="72">
        <v>965</v>
      </c>
      <c r="EY20" s="73">
        <v>1363</v>
      </c>
      <c r="EZ20" s="70">
        <v>158</v>
      </c>
      <c r="FA20" s="71">
        <v>226</v>
      </c>
      <c r="FB20" s="72">
        <v>384</v>
      </c>
      <c r="FC20" s="276"/>
      <c r="FD20" s="71">
        <v>279</v>
      </c>
      <c r="FE20" s="71">
        <v>306</v>
      </c>
      <c r="FF20" s="71">
        <v>235</v>
      </c>
      <c r="FG20" s="71">
        <v>189</v>
      </c>
      <c r="FH20" s="71">
        <v>162</v>
      </c>
      <c r="FI20" s="72">
        <v>1171</v>
      </c>
      <c r="FJ20" s="73">
        <v>1555</v>
      </c>
      <c r="FK20" s="70">
        <v>79</v>
      </c>
      <c r="FL20" s="71">
        <v>120</v>
      </c>
      <c r="FM20" s="72">
        <v>199</v>
      </c>
      <c r="FN20" s="276"/>
      <c r="FO20" s="71">
        <v>209</v>
      </c>
      <c r="FP20" s="71">
        <v>319</v>
      </c>
      <c r="FQ20" s="71">
        <v>245</v>
      </c>
      <c r="FR20" s="71">
        <v>285</v>
      </c>
      <c r="FS20" s="71">
        <v>168</v>
      </c>
      <c r="FT20" s="72">
        <v>1226</v>
      </c>
      <c r="FU20" s="73">
        <v>1425</v>
      </c>
      <c r="FV20" s="70">
        <v>3</v>
      </c>
      <c r="FW20" s="71">
        <v>21</v>
      </c>
      <c r="FX20" s="72">
        <v>24</v>
      </c>
      <c r="FY20" s="276"/>
      <c r="FZ20" s="71">
        <v>3</v>
      </c>
      <c r="GA20" s="71">
        <v>33</v>
      </c>
      <c r="GB20" s="71">
        <v>17</v>
      </c>
      <c r="GC20" s="71">
        <v>17</v>
      </c>
      <c r="GD20" s="71">
        <v>14</v>
      </c>
      <c r="GE20" s="72">
        <v>84</v>
      </c>
      <c r="GF20" s="73">
        <v>108</v>
      </c>
      <c r="GG20" s="70">
        <v>594</v>
      </c>
      <c r="GH20" s="71">
        <v>813</v>
      </c>
      <c r="GI20" s="72">
        <v>1407</v>
      </c>
      <c r="GJ20" s="276"/>
      <c r="GK20" s="71">
        <v>941</v>
      </c>
      <c r="GL20" s="71">
        <v>1215</v>
      </c>
      <c r="GM20" s="71">
        <v>879</v>
      </c>
      <c r="GN20" s="71">
        <v>804</v>
      </c>
      <c r="GO20" s="71">
        <v>581</v>
      </c>
      <c r="GP20" s="72">
        <v>4420</v>
      </c>
      <c r="GQ20" s="73">
        <v>5827</v>
      </c>
      <c r="GR20" s="126">
        <v>856</v>
      </c>
      <c r="GS20" s="82">
        <v>1150</v>
      </c>
      <c r="GT20" s="83">
        <v>2006</v>
      </c>
      <c r="GU20" s="273"/>
      <c r="GV20" s="82">
        <v>1476</v>
      </c>
      <c r="GW20" s="82">
        <v>1885</v>
      </c>
      <c r="GX20" s="82">
        <v>1376</v>
      </c>
      <c r="GY20" s="82">
        <v>1191</v>
      </c>
      <c r="GZ20" s="82">
        <v>817</v>
      </c>
      <c r="HA20" s="84">
        <v>6745</v>
      </c>
      <c r="HB20" s="85">
        <v>8751</v>
      </c>
      <c r="HC20" s="70">
        <v>27</v>
      </c>
      <c r="HD20" s="71">
        <v>55</v>
      </c>
      <c r="HE20" s="72">
        <v>82</v>
      </c>
      <c r="HF20" s="276"/>
      <c r="HG20" s="71">
        <v>52</v>
      </c>
      <c r="HH20" s="71">
        <v>80</v>
      </c>
      <c r="HI20" s="71">
        <v>58</v>
      </c>
      <c r="HJ20" s="71">
        <v>39</v>
      </c>
      <c r="HK20" s="71">
        <v>49</v>
      </c>
      <c r="HL20" s="72">
        <v>278</v>
      </c>
      <c r="HM20" s="73">
        <v>360</v>
      </c>
      <c r="HN20" s="70">
        <v>94</v>
      </c>
      <c r="HO20" s="71">
        <v>123</v>
      </c>
      <c r="HP20" s="72">
        <v>217</v>
      </c>
      <c r="HQ20" s="276"/>
      <c r="HR20" s="71">
        <v>108</v>
      </c>
      <c r="HS20" s="71">
        <v>177</v>
      </c>
      <c r="HT20" s="71">
        <v>136</v>
      </c>
      <c r="HU20" s="71">
        <v>101</v>
      </c>
      <c r="HV20" s="71">
        <v>80</v>
      </c>
      <c r="HW20" s="72">
        <v>602</v>
      </c>
      <c r="HX20" s="73">
        <v>819</v>
      </c>
      <c r="HY20" s="70">
        <v>153</v>
      </c>
      <c r="HZ20" s="71">
        <v>197</v>
      </c>
      <c r="IA20" s="72">
        <v>350</v>
      </c>
      <c r="IB20" s="276"/>
      <c r="IC20" s="71">
        <v>222</v>
      </c>
      <c r="ID20" s="71">
        <v>281</v>
      </c>
      <c r="IE20" s="71">
        <v>193</v>
      </c>
      <c r="IF20" s="71">
        <v>170</v>
      </c>
      <c r="IG20" s="71">
        <v>122</v>
      </c>
      <c r="IH20" s="72">
        <v>988</v>
      </c>
      <c r="II20" s="73">
        <v>1338</v>
      </c>
      <c r="IJ20" s="70">
        <v>241</v>
      </c>
      <c r="IK20" s="71">
        <v>303</v>
      </c>
      <c r="IL20" s="72">
        <v>544</v>
      </c>
      <c r="IM20" s="276"/>
      <c r="IN20" s="71">
        <v>388</v>
      </c>
      <c r="IO20" s="71">
        <v>455</v>
      </c>
      <c r="IP20" s="71">
        <v>320</v>
      </c>
      <c r="IQ20" s="71">
        <v>251</v>
      </c>
      <c r="IR20" s="71">
        <v>163</v>
      </c>
      <c r="IS20" s="72">
        <v>1577</v>
      </c>
      <c r="IT20" s="73">
        <v>2121</v>
      </c>
      <c r="IU20" s="70">
        <v>226</v>
      </c>
      <c r="IV20" s="71">
        <v>303</v>
      </c>
      <c r="IW20" s="72">
        <v>529</v>
      </c>
      <c r="IX20" s="276"/>
      <c r="IY20" s="71">
        <v>412</v>
      </c>
      <c r="IZ20" s="71">
        <v>474</v>
      </c>
      <c r="JA20" s="71">
        <v>348</v>
      </c>
      <c r="JB20" s="71">
        <v>279</v>
      </c>
      <c r="JC20" s="71">
        <v>210</v>
      </c>
      <c r="JD20" s="72">
        <v>1723</v>
      </c>
      <c r="JE20" s="73">
        <v>2252</v>
      </c>
      <c r="JF20" s="70">
        <v>115</v>
      </c>
      <c r="JG20" s="71">
        <v>169</v>
      </c>
      <c r="JH20" s="72">
        <v>284</v>
      </c>
      <c r="JI20" s="276"/>
      <c r="JJ20" s="71">
        <v>294</v>
      </c>
      <c r="JK20" s="71">
        <v>418</v>
      </c>
      <c r="JL20" s="71">
        <v>321</v>
      </c>
      <c r="JM20" s="71">
        <v>351</v>
      </c>
      <c r="JN20" s="71">
        <v>193</v>
      </c>
      <c r="JO20" s="72">
        <v>1577</v>
      </c>
      <c r="JP20" s="73">
        <v>1861</v>
      </c>
      <c r="JQ20" s="70">
        <v>14</v>
      </c>
      <c r="JR20" s="71">
        <v>43</v>
      </c>
      <c r="JS20" s="72">
        <v>57</v>
      </c>
      <c r="JT20" s="276"/>
      <c r="JU20" s="71">
        <v>24</v>
      </c>
      <c r="JV20" s="71">
        <v>76</v>
      </c>
      <c r="JW20" s="71">
        <v>47</v>
      </c>
      <c r="JX20" s="71">
        <v>37</v>
      </c>
      <c r="JY20" s="71">
        <v>26</v>
      </c>
      <c r="JZ20" s="72">
        <v>210</v>
      </c>
      <c r="KA20" s="73">
        <v>267</v>
      </c>
      <c r="KB20" s="70">
        <v>870</v>
      </c>
      <c r="KC20" s="71">
        <v>1193</v>
      </c>
      <c r="KD20" s="72">
        <v>2063</v>
      </c>
      <c r="KE20" s="276"/>
      <c r="KF20" s="71">
        <v>1500</v>
      </c>
      <c r="KG20" s="71">
        <v>1961</v>
      </c>
      <c r="KH20" s="71">
        <v>1423</v>
      </c>
      <c r="KI20" s="71">
        <v>1228</v>
      </c>
      <c r="KJ20" s="71">
        <v>843</v>
      </c>
      <c r="KK20" s="72">
        <v>6955</v>
      </c>
      <c r="KL20" s="73">
        <v>9018</v>
      </c>
    </row>
    <row r="21" spans="1:298" ht="19.5" customHeight="1" x14ac:dyDescent="0.2">
      <c r="A21" s="129" t="s">
        <v>18</v>
      </c>
      <c r="B21" s="350">
        <v>411</v>
      </c>
      <c r="C21" s="82">
        <v>413</v>
      </c>
      <c r="D21" s="83">
        <v>824</v>
      </c>
      <c r="E21" s="273"/>
      <c r="F21" s="82">
        <v>891</v>
      </c>
      <c r="G21" s="82">
        <v>705</v>
      </c>
      <c r="H21" s="82">
        <v>504</v>
      </c>
      <c r="I21" s="82">
        <v>449</v>
      </c>
      <c r="J21" s="82">
        <v>254</v>
      </c>
      <c r="K21" s="84">
        <v>2803</v>
      </c>
      <c r="L21" s="85">
        <v>3627</v>
      </c>
      <c r="M21" s="70">
        <v>20</v>
      </c>
      <c r="N21" s="71">
        <v>33</v>
      </c>
      <c r="O21" s="72">
        <v>53</v>
      </c>
      <c r="P21" s="276"/>
      <c r="Q21" s="71">
        <v>50</v>
      </c>
      <c r="R21" s="71">
        <v>45</v>
      </c>
      <c r="S21" s="71">
        <v>33</v>
      </c>
      <c r="T21" s="71">
        <v>39</v>
      </c>
      <c r="U21" s="71">
        <v>20</v>
      </c>
      <c r="V21" s="72">
        <v>187</v>
      </c>
      <c r="W21" s="73">
        <v>240</v>
      </c>
      <c r="X21" s="70">
        <v>51</v>
      </c>
      <c r="Y21" s="71">
        <v>48</v>
      </c>
      <c r="Z21" s="72">
        <v>99</v>
      </c>
      <c r="AA21" s="276"/>
      <c r="AB21" s="71">
        <v>97</v>
      </c>
      <c r="AC21" s="71">
        <v>92</v>
      </c>
      <c r="AD21" s="71">
        <v>77</v>
      </c>
      <c r="AE21" s="71">
        <v>62</v>
      </c>
      <c r="AF21" s="71">
        <v>32</v>
      </c>
      <c r="AG21" s="72">
        <v>360</v>
      </c>
      <c r="AH21" s="73">
        <v>459</v>
      </c>
      <c r="AI21" s="70">
        <v>70</v>
      </c>
      <c r="AJ21" s="71">
        <v>59</v>
      </c>
      <c r="AK21" s="72">
        <v>129</v>
      </c>
      <c r="AL21" s="276"/>
      <c r="AM21" s="71">
        <v>148</v>
      </c>
      <c r="AN21" s="71">
        <v>105</v>
      </c>
      <c r="AO21" s="71">
        <v>86</v>
      </c>
      <c r="AP21" s="71">
        <v>78</v>
      </c>
      <c r="AQ21" s="71">
        <v>58</v>
      </c>
      <c r="AR21" s="72">
        <v>475</v>
      </c>
      <c r="AS21" s="73">
        <v>604</v>
      </c>
      <c r="AT21" s="70">
        <v>120</v>
      </c>
      <c r="AU21" s="71">
        <v>104</v>
      </c>
      <c r="AV21" s="72">
        <v>224</v>
      </c>
      <c r="AW21" s="276"/>
      <c r="AX21" s="71">
        <v>234</v>
      </c>
      <c r="AY21" s="71">
        <v>191</v>
      </c>
      <c r="AZ21" s="71">
        <v>106</v>
      </c>
      <c r="BA21" s="71">
        <v>105</v>
      </c>
      <c r="BB21" s="71">
        <v>56</v>
      </c>
      <c r="BC21" s="72">
        <v>692</v>
      </c>
      <c r="BD21" s="73">
        <v>916</v>
      </c>
      <c r="BE21" s="70">
        <v>96</v>
      </c>
      <c r="BF21" s="71">
        <v>104</v>
      </c>
      <c r="BG21" s="72">
        <v>200</v>
      </c>
      <c r="BH21" s="276"/>
      <c r="BI21" s="71">
        <v>240</v>
      </c>
      <c r="BJ21" s="71">
        <v>166</v>
      </c>
      <c r="BK21" s="71">
        <v>122</v>
      </c>
      <c r="BL21" s="71">
        <v>92</v>
      </c>
      <c r="BM21" s="71">
        <v>43</v>
      </c>
      <c r="BN21" s="72">
        <v>663</v>
      </c>
      <c r="BO21" s="73">
        <v>863</v>
      </c>
      <c r="BP21" s="70">
        <v>54</v>
      </c>
      <c r="BQ21" s="71">
        <v>65</v>
      </c>
      <c r="BR21" s="72">
        <v>119</v>
      </c>
      <c r="BS21" s="276"/>
      <c r="BT21" s="71">
        <v>122</v>
      </c>
      <c r="BU21" s="71">
        <v>106</v>
      </c>
      <c r="BV21" s="71">
        <v>80</v>
      </c>
      <c r="BW21" s="71">
        <v>73</v>
      </c>
      <c r="BX21" s="71">
        <v>45</v>
      </c>
      <c r="BY21" s="72">
        <v>426</v>
      </c>
      <c r="BZ21" s="73">
        <v>545</v>
      </c>
      <c r="CA21" s="70">
        <v>7</v>
      </c>
      <c r="CB21" s="71">
        <v>21</v>
      </c>
      <c r="CC21" s="72">
        <v>28</v>
      </c>
      <c r="CD21" s="276"/>
      <c r="CE21" s="71">
        <v>30</v>
      </c>
      <c r="CF21" s="71">
        <v>39</v>
      </c>
      <c r="CG21" s="71">
        <v>34</v>
      </c>
      <c r="CH21" s="71">
        <v>20</v>
      </c>
      <c r="CI21" s="71">
        <v>23</v>
      </c>
      <c r="CJ21" s="72">
        <v>146</v>
      </c>
      <c r="CK21" s="73">
        <v>174</v>
      </c>
      <c r="CL21" s="70">
        <v>418</v>
      </c>
      <c r="CM21" s="71">
        <v>434</v>
      </c>
      <c r="CN21" s="72">
        <v>852</v>
      </c>
      <c r="CO21" s="276"/>
      <c r="CP21" s="71">
        <v>921</v>
      </c>
      <c r="CQ21" s="71">
        <v>744</v>
      </c>
      <c r="CR21" s="71">
        <v>538</v>
      </c>
      <c r="CS21" s="71">
        <v>469</v>
      </c>
      <c r="CT21" s="71">
        <v>277</v>
      </c>
      <c r="CU21" s="72">
        <v>2949</v>
      </c>
      <c r="CV21" s="73">
        <v>3801</v>
      </c>
      <c r="CW21" s="126">
        <v>816</v>
      </c>
      <c r="CX21" s="82">
        <v>1001</v>
      </c>
      <c r="CY21" s="83">
        <v>1817</v>
      </c>
      <c r="CZ21" s="273"/>
      <c r="DA21" s="82">
        <v>1398</v>
      </c>
      <c r="DB21" s="82">
        <v>1244</v>
      </c>
      <c r="DC21" s="82">
        <v>911</v>
      </c>
      <c r="DD21" s="82">
        <v>897</v>
      </c>
      <c r="DE21" s="82">
        <v>626</v>
      </c>
      <c r="DF21" s="84">
        <v>5076</v>
      </c>
      <c r="DG21" s="85">
        <v>6893</v>
      </c>
      <c r="DH21" s="70">
        <v>20</v>
      </c>
      <c r="DI21" s="71">
        <v>29</v>
      </c>
      <c r="DJ21" s="72">
        <v>49</v>
      </c>
      <c r="DK21" s="276"/>
      <c r="DL21" s="71">
        <v>41</v>
      </c>
      <c r="DM21" s="71">
        <v>29</v>
      </c>
      <c r="DN21" s="71">
        <v>22</v>
      </c>
      <c r="DO21" s="71">
        <v>16</v>
      </c>
      <c r="DP21" s="71">
        <v>19</v>
      </c>
      <c r="DQ21" s="72">
        <v>127</v>
      </c>
      <c r="DR21" s="73">
        <v>176</v>
      </c>
      <c r="DS21" s="70">
        <v>79</v>
      </c>
      <c r="DT21" s="71">
        <v>102</v>
      </c>
      <c r="DU21" s="72">
        <v>181</v>
      </c>
      <c r="DV21" s="276"/>
      <c r="DW21" s="71">
        <v>99</v>
      </c>
      <c r="DX21" s="71">
        <v>90</v>
      </c>
      <c r="DY21" s="71">
        <v>55</v>
      </c>
      <c r="DZ21" s="71">
        <v>48</v>
      </c>
      <c r="EA21" s="71">
        <v>39</v>
      </c>
      <c r="EB21" s="72">
        <v>331</v>
      </c>
      <c r="EC21" s="73">
        <v>512</v>
      </c>
      <c r="ED21" s="70">
        <v>157</v>
      </c>
      <c r="EE21" s="71">
        <v>165</v>
      </c>
      <c r="EF21" s="72">
        <v>322</v>
      </c>
      <c r="EG21" s="276"/>
      <c r="EH21" s="71">
        <v>217</v>
      </c>
      <c r="EI21" s="71">
        <v>139</v>
      </c>
      <c r="EJ21" s="71">
        <v>123</v>
      </c>
      <c r="EK21" s="71">
        <v>93</v>
      </c>
      <c r="EL21" s="71">
        <v>69</v>
      </c>
      <c r="EM21" s="72">
        <v>641</v>
      </c>
      <c r="EN21" s="73">
        <v>963</v>
      </c>
      <c r="EO21" s="70">
        <v>242</v>
      </c>
      <c r="EP21" s="71">
        <v>295</v>
      </c>
      <c r="EQ21" s="72">
        <v>537</v>
      </c>
      <c r="ER21" s="276"/>
      <c r="ES21" s="71">
        <v>363</v>
      </c>
      <c r="ET21" s="71">
        <v>278</v>
      </c>
      <c r="EU21" s="71">
        <v>177</v>
      </c>
      <c r="EV21" s="71">
        <v>177</v>
      </c>
      <c r="EW21" s="71">
        <v>137</v>
      </c>
      <c r="EX21" s="72">
        <v>1132</v>
      </c>
      <c r="EY21" s="73">
        <v>1669</v>
      </c>
      <c r="EZ21" s="70">
        <v>221</v>
      </c>
      <c r="FA21" s="71">
        <v>278</v>
      </c>
      <c r="FB21" s="72">
        <v>499</v>
      </c>
      <c r="FC21" s="276"/>
      <c r="FD21" s="71">
        <v>396</v>
      </c>
      <c r="FE21" s="71">
        <v>380</v>
      </c>
      <c r="FF21" s="71">
        <v>234</v>
      </c>
      <c r="FG21" s="71">
        <v>240</v>
      </c>
      <c r="FH21" s="71">
        <v>176</v>
      </c>
      <c r="FI21" s="72">
        <v>1426</v>
      </c>
      <c r="FJ21" s="73">
        <v>1925</v>
      </c>
      <c r="FK21" s="70">
        <v>97</v>
      </c>
      <c r="FL21" s="71">
        <v>132</v>
      </c>
      <c r="FM21" s="72">
        <v>229</v>
      </c>
      <c r="FN21" s="276"/>
      <c r="FO21" s="71">
        <v>282</v>
      </c>
      <c r="FP21" s="71">
        <v>328</v>
      </c>
      <c r="FQ21" s="71">
        <v>300</v>
      </c>
      <c r="FR21" s="71">
        <v>323</v>
      </c>
      <c r="FS21" s="71">
        <v>186</v>
      </c>
      <c r="FT21" s="72">
        <v>1419</v>
      </c>
      <c r="FU21" s="73">
        <v>1648</v>
      </c>
      <c r="FV21" s="70">
        <v>13</v>
      </c>
      <c r="FW21" s="71">
        <v>17</v>
      </c>
      <c r="FX21" s="72">
        <v>30</v>
      </c>
      <c r="FY21" s="276"/>
      <c r="FZ21" s="71">
        <v>25</v>
      </c>
      <c r="GA21" s="71">
        <v>26</v>
      </c>
      <c r="GB21" s="71">
        <v>20</v>
      </c>
      <c r="GC21" s="71">
        <v>14</v>
      </c>
      <c r="GD21" s="71">
        <v>19</v>
      </c>
      <c r="GE21" s="72">
        <v>104</v>
      </c>
      <c r="GF21" s="73">
        <v>134</v>
      </c>
      <c r="GG21" s="70">
        <v>829</v>
      </c>
      <c r="GH21" s="71">
        <v>1018</v>
      </c>
      <c r="GI21" s="72">
        <v>1847</v>
      </c>
      <c r="GJ21" s="276"/>
      <c r="GK21" s="71">
        <v>1423</v>
      </c>
      <c r="GL21" s="71">
        <v>1270</v>
      </c>
      <c r="GM21" s="71">
        <v>931</v>
      </c>
      <c r="GN21" s="71">
        <v>911</v>
      </c>
      <c r="GO21" s="71">
        <v>645</v>
      </c>
      <c r="GP21" s="72">
        <v>5180</v>
      </c>
      <c r="GQ21" s="73">
        <v>7027</v>
      </c>
      <c r="GR21" s="126">
        <v>1227</v>
      </c>
      <c r="GS21" s="82">
        <v>1414</v>
      </c>
      <c r="GT21" s="83">
        <v>2641</v>
      </c>
      <c r="GU21" s="273"/>
      <c r="GV21" s="82">
        <v>2289</v>
      </c>
      <c r="GW21" s="82">
        <v>1949</v>
      </c>
      <c r="GX21" s="82">
        <v>1415</v>
      </c>
      <c r="GY21" s="82">
        <v>1346</v>
      </c>
      <c r="GZ21" s="82">
        <v>880</v>
      </c>
      <c r="HA21" s="84">
        <v>7879</v>
      </c>
      <c r="HB21" s="85">
        <v>10520</v>
      </c>
      <c r="HC21" s="70">
        <v>40</v>
      </c>
      <c r="HD21" s="71">
        <v>62</v>
      </c>
      <c r="HE21" s="72">
        <v>102</v>
      </c>
      <c r="HF21" s="276"/>
      <c r="HG21" s="71">
        <v>91</v>
      </c>
      <c r="HH21" s="71">
        <v>74</v>
      </c>
      <c r="HI21" s="71">
        <v>55</v>
      </c>
      <c r="HJ21" s="71">
        <v>55</v>
      </c>
      <c r="HK21" s="71">
        <v>39</v>
      </c>
      <c r="HL21" s="72">
        <v>314</v>
      </c>
      <c r="HM21" s="73">
        <v>416</v>
      </c>
      <c r="HN21" s="70">
        <v>130</v>
      </c>
      <c r="HO21" s="71">
        <v>150</v>
      </c>
      <c r="HP21" s="72">
        <v>280</v>
      </c>
      <c r="HQ21" s="276"/>
      <c r="HR21" s="71">
        <v>196</v>
      </c>
      <c r="HS21" s="71">
        <v>182</v>
      </c>
      <c r="HT21" s="71">
        <v>132</v>
      </c>
      <c r="HU21" s="71">
        <v>110</v>
      </c>
      <c r="HV21" s="71">
        <v>71</v>
      </c>
      <c r="HW21" s="72">
        <v>691</v>
      </c>
      <c r="HX21" s="73">
        <v>971</v>
      </c>
      <c r="HY21" s="70">
        <v>227</v>
      </c>
      <c r="HZ21" s="71">
        <v>224</v>
      </c>
      <c r="IA21" s="72">
        <v>451</v>
      </c>
      <c r="IB21" s="276"/>
      <c r="IC21" s="71">
        <v>365</v>
      </c>
      <c r="ID21" s="71">
        <v>244</v>
      </c>
      <c r="IE21" s="71">
        <v>209</v>
      </c>
      <c r="IF21" s="71">
        <v>171</v>
      </c>
      <c r="IG21" s="71">
        <v>127</v>
      </c>
      <c r="IH21" s="72">
        <v>1116</v>
      </c>
      <c r="II21" s="73">
        <v>1567</v>
      </c>
      <c r="IJ21" s="70">
        <v>362</v>
      </c>
      <c r="IK21" s="71">
        <v>399</v>
      </c>
      <c r="IL21" s="72">
        <v>761</v>
      </c>
      <c r="IM21" s="276"/>
      <c r="IN21" s="71">
        <v>597</v>
      </c>
      <c r="IO21" s="71">
        <v>469</v>
      </c>
      <c r="IP21" s="71">
        <v>283</v>
      </c>
      <c r="IQ21" s="71">
        <v>282</v>
      </c>
      <c r="IR21" s="71">
        <v>193</v>
      </c>
      <c r="IS21" s="72">
        <v>1824</v>
      </c>
      <c r="IT21" s="73">
        <v>2585</v>
      </c>
      <c r="IU21" s="70">
        <v>317</v>
      </c>
      <c r="IV21" s="71">
        <v>382</v>
      </c>
      <c r="IW21" s="72">
        <v>699</v>
      </c>
      <c r="IX21" s="276"/>
      <c r="IY21" s="71">
        <v>636</v>
      </c>
      <c r="IZ21" s="71">
        <v>546</v>
      </c>
      <c r="JA21" s="71">
        <v>356</v>
      </c>
      <c r="JB21" s="71">
        <v>332</v>
      </c>
      <c r="JC21" s="71">
        <v>219</v>
      </c>
      <c r="JD21" s="72">
        <v>2089</v>
      </c>
      <c r="JE21" s="73">
        <v>2788</v>
      </c>
      <c r="JF21" s="70">
        <v>151</v>
      </c>
      <c r="JG21" s="71">
        <v>197</v>
      </c>
      <c r="JH21" s="72">
        <v>348</v>
      </c>
      <c r="JI21" s="276"/>
      <c r="JJ21" s="71">
        <v>404</v>
      </c>
      <c r="JK21" s="71">
        <v>434</v>
      </c>
      <c r="JL21" s="71">
        <v>380</v>
      </c>
      <c r="JM21" s="71">
        <v>396</v>
      </c>
      <c r="JN21" s="71">
        <v>231</v>
      </c>
      <c r="JO21" s="72">
        <v>1845</v>
      </c>
      <c r="JP21" s="73">
        <v>2193</v>
      </c>
      <c r="JQ21" s="70">
        <v>20</v>
      </c>
      <c r="JR21" s="71">
        <v>38</v>
      </c>
      <c r="JS21" s="72">
        <v>58</v>
      </c>
      <c r="JT21" s="276"/>
      <c r="JU21" s="71">
        <v>55</v>
      </c>
      <c r="JV21" s="71">
        <v>65</v>
      </c>
      <c r="JW21" s="71">
        <v>54</v>
      </c>
      <c r="JX21" s="71">
        <v>34</v>
      </c>
      <c r="JY21" s="71">
        <v>42</v>
      </c>
      <c r="JZ21" s="72">
        <v>250</v>
      </c>
      <c r="KA21" s="73">
        <v>308</v>
      </c>
      <c r="KB21" s="70">
        <v>1247</v>
      </c>
      <c r="KC21" s="71">
        <v>1452</v>
      </c>
      <c r="KD21" s="72">
        <v>2699</v>
      </c>
      <c r="KE21" s="276"/>
      <c r="KF21" s="71">
        <v>2344</v>
      </c>
      <c r="KG21" s="71">
        <v>2014</v>
      </c>
      <c r="KH21" s="71">
        <v>1469</v>
      </c>
      <c r="KI21" s="71">
        <v>1380</v>
      </c>
      <c r="KJ21" s="71">
        <v>922</v>
      </c>
      <c r="KK21" s="72">
        <v>8129</v>
      </c>
      <c r="KL21" s="73">
        <v>10828</v>
      </c>
    </row>
    <row r="22" spans="1:298" ht="19.5" customHeight="1" x14ac:dyDescent="0.2">
      <c r="A22" s="129" t="s">
        <v>19</v>
      </c>
      <c r="B22" s="350">
        <v>168</v>
      </c>
      <c r="C22" s="82">
        <v>154</v>
      </c>
      <c r="D22" s="83">
        <v>322</v>
      </c>
      <c r="E22" s="273"/>
      <c r="F22" s="82">
        <v>375</v>
      </c>
      <c r="G22" s="82">
        <v>319</v>
      </c>
      <c r="H22" s="82">
        <v>196</v>
      </c>
      <c r="I22" s="82">
        <v>152</v>
      </c>
      <c r="J22" s="82">
        <v>100</v>
      </c>
      <c r="K22" s="84">
        <v>1142</v>
      </c>
      <c r="L22" s="85">
        <v>1464</v>
      </c>
      <c r="M22" s="86">
        <v>9</v>
      </c>
      <c r="N22" s="71">
        <v>8</v>
      </c>
      <c r="O22" s="72">
        <v>17</v>
      </c>
      <c r="P22" s="276"/>
      <c r="Q22" s="71">
        <v>23</v>
      </c>
      <c r="R22" s="71">
        <v>24</v>
      </c>
      <c r="S22" s="71">
        <v>11</v>
      </c>
      <c r="T22" s="71">
        <v>8</v>
      </c>
      <c r="U22" s="71">
        <v>9</v>
      </c>
      <c r="V22" s="72">
        <v>75</v>
      </c>
      <c r="W22" s="73">
        <v>92</v>
      </c>
      <c r="X22" s="70">
        <v>16</v>
      </c>
      <c r="Y22" s="71">
        <v>12</v>
      </c>
      <c r="Z22" s="72">
        <v>28</v>
      </c>
      <c r="AA22" s="276"/>
      <c r="AB22" s="71">
        <v>44</v>
      </c>
      <c r="AC22" s="71">
        <v>51</v>
      </c>
      <c r="AD22" s="71">
        <v>30</v>
      </c>
      <c r="AE22" s="71">
        <v>18</v>
      </c>
      <c r="AF22" s="71">
        <v>12</v>
      </c>
      <c r="AG22" s="72">
        <v>155</v>
      </c>
      <c r="AH22" s="73">
        <v>183</v>
      </c>
      <c r="AI22" s="86">
        <v>38</v>
      </c>
      <c r="AJ22" s="71">
        <v>22</v>
      </c>
      <c r="AK22" s="72">
        <v>60</v>
      </c>
      <c r="AL22" s="276"/>
      <c r="AM22" s="71">
        <v>58</v>
      </c>
      <c r="AN22" s="71">
        <v>49</v>
      </c>
      <c r="AO22" s="71">
        <v>27</v>
      </c>
      <c r="AP22" s="71">
        <v>32</v>
      </c>
      <c r="AQ22" s="71">
        <v>19</v>
      </c>
      <c r="AR22" s="72">
        <v>185</v>
      </c>
      <c r="AS22" s="73">
        <v>245</v>
      </c>
      <c r="AT22" s="70">
        <v>45</v>
      </c>
      <c r="AU22" s="71">
        <v>34</v>
      </c>
      <c r="AV22" s="72">
        <v>79</v>
      </c>
      <c r="AW22" s="276"/>
      <c r="AX22" s="71">
        <v>90</v>
      </c>
      <c r="AY22" s="71">
        <v>68</v>
      </c>
      <c r="AZ22" s="71">
        <v>46</v>
      </c>
      <c r="BA22" s="71">
        <v>42</v>
      </c>
      <c r="BB22" s="71">
        <v>22</v>
      </c>
      <c r="BC22" s="72">
        <v>268</v>
      </c>
      <c r="BD22" s="73">
        <v>347</v>
      </c>
      <c r="BE22" s="86">
        <v>40</v>
      </c>
      <c r="BF22" s="71">
        <v>43</v>
      </c>
      <c r="BG22" s="72">
        <v>83</v>
      </c>
      <c r="BH22" s="276"/>
      <c r="BI22" s="71">
        <v>100</v>
      </c>
      <c r="BJ22" s="71">
        <v>74</v>
      </c>
      <c r="BK22" s="71">
        <v>51</v>
      </c>
      <c r="BL22" s="71">
        <v>29</v>
      </c>
      <c r="BM22" s="71">
        <v>22</v>
      </c>
      <c r="BN22" s="72">
        <v>276</v>
      </c>
      <c r="BO22" s="73">
        <v>359</v>
      </c>
      <c r="BP22" s="70">
        <v>20</v>
      </c>
      <c r="BQ22" s="71">
        <v>35</v>
      </c>
      <c r="BR22" s="72">
        <v>55</v>
      </c>
      <c r="BS22" s="276"/>
      <c r="BT22" s="71">
        <v>60</v>
      </c>
      <c r="BU22" s="71">
        <v>53</v>
      </c>
      <c r="BV22" s="71">
        <v>31</v>
      </c>
      <c r="BW22" s="71">
        <v>23</v>
      </c>
      <c r="BX22" s="71">
        <v>16</v>
      </c>
      <c r="BY22" s="72">
        <v>183</v>
      </c>
      <c r="BZ22" s="73">
        <v>238</v>
      </c>
      <c r="CA22" s="70">
        <v>2</v>
      </c>
      <c r="CB22" s="71">
        <v>10</v>
      </c>
      <c r="CC22" s="72">
        <v>12</v>
      </c>
      <c r="CD22" s="276"/>
      <c r="CE22" s="71">
        <v>12</v>
      </c>
      <c r="CF22" s="71">
        <v>14</v>
      </c>
      <c r="CG22" s="71">
        <v>16</v>
      </c>
      <c r="CH22" s="71">
        <v>7</v>
      </c>
      <c r="CI22" s="71">
        <v>4</v>
      </c>
      <c r="CJ22" s="72">
        <v>53</v>
      </c>
      <c r="CK22" s="73">
        <v>65</v>
      </c>
      <c r="CL22" s="70">
        <v>170</v>
      </c>
      <c r="CM22" s="71">
        <v>164</v>
      </c>
      <c r="CN22" s="72">
        <v>334</v>
      </c>
      <c r="CO22" s="276"/>
      <c r="CP22" s="71">
        <v>387</v>
      </c>
      <c r="CQ22" s="71">
        <v>333</v>
      </c>
      <c r="CR22" s="71">
        <v>212</v>
      </c>
      <c r="CS22" s="71">
        <v>159</v>
      </c>
      <c r="CT22" s="71">
        <v>104</v>
      </c>
      <c r="CU22" s="72">
        <v>1195</v>
      </c>
      <c r="CV22" s="73">
        <v>1529</v>
      </c>
      <c r="CW22" s="126">
        <v>303</v>
      </c>
      <c r="CX22" s="82">
        <v>388</v>
      </c>
      <c r="CY22" s="83">
        <v>691</v>
      </c>
      <c r="CZ22" s="273"/>
      <c r="DA22" s="82">
        <v>626</v>
      </c>
      <c r="DB22" s="82">
        <v>495</v>
      </c>
      <c r="DC22" s="82">
        <v>418</v>
      </c>
      <c r="DD22" s="82">
        <v>353</v>
      </c>
      <c r="DE22" s="82">
        <v>242</v>
      </c>
      <c r="DF22" s="84">
        <v>2134</v>
      </c>
      <c r="DG22" s="85">
        <v>2825</v>
      </c>
      <c r="DH22" s="86">
        <v>11</v>
      </c>
      <c r="DI22" s="71">
        <v>9</v>
      </c>
      <c r="DJ22" s="72">
        <v>20</v>
      </c>
      <c r="DK22" s="276"/>
      <c r="DL22" s="71">
        <v>15</v>
      </c>
      <c r="DM22" s="71">
        <v>13</v>
      </c>
      <c r="DN22" s="71">
        <v>12</v>
      </c>
      <c r="DO22" s="71">
        <v>0</v>
      </c>
      <c r="DP22" s="71">
        <v>2</v>
      </c>
      <c r="DQ22" s="72">
        <v>42</v>
      </c>
      <c r="DR22" s="73">
        <v>62</v>
      </c>
      <c r="DS22" s="70">
        <v>24</v>
      </c>
      <c r="DT22" s="71">
        <v>32</v>
      </c>
      <c r="DU22" s="72">
        <v>56</v>
      </c>
      <c r="DV22" s="276"/>
      <c r="DW22" s="71">
        <v>53</v>
      </c>
      <c r="DX22" s="71">
        <v>35</v>
      </c>
      <c r="DY22" s="71">
        <v>12</v>
      </c>
      <c r="DZ22" s="71">
        <v>17</v>
      </c>
      <c r="EA22" s="71">
        <v>15</v>
      </c>
      <c r="EB22" s="72">
        <v>132</v>
      </c>
      <c r="EC22" s="73">
        <v>188</v>
      </c>
      <c r="ED22" s="86">
        <v>51</v>
      </c>
      <c r="EE22" s="71">
        <v>59</v>
      </c>
      <c r="EF22" s="72">
        <v>110</v>
      </c>
      <c r="EG22" s="276"/>
      <c r="EH22" s="71">
        <v>84</v>
      </c>
      <c r="EI22" s="71">
        <v>59</v>
      </c>
      <c r="EJ22" s="71">
        <v>38</v>
      </c>
      <c r="EK22" s="71">
        <v>32</v>
      </c>
      <c r="EL22" s="71">
        <v>37</v>
      </c>
      <c r="EM22" s="72">
        <v>250</v>
      </c>
      <c r="EN22" s="73">
        <v>360</v>
      </c>
      <c r="EO22" s="70">
        <v>100</v>
      </c>
      <c r="EP22" s="71">
        <v>97</v>
      </c>
      <c r="EQ22" s="72">
        <v>197</v>
      </c>
      <c r="ER22" s="276"/>
      <c r="ES22" s="71">
        <v>147</v>
      </c>
      <c r="ET22" s="71">
        <v>112</v>
      </c>
      <c r="EU22" s="71">
        <v>73</v>
      </c>
      <c r="EV22" s="71">
        <v>67</v>
      </c>
      <c r="EW22" s="71">
        <v>50</v>
      </c>
      <c r="EX22" s="72">
        <v>449</v>
      </c>
      <c r="EY22" s="73">
        <v>646</v>
      </c>
      <c r="EZ22" s="86">
        <v>78</v>
      </c>
      <c r="FA22" s="71">
        <v>113</v>
      </c>
      <c r="FB22" s="72">
        <v>191</v>
      </c>
      <c r="FC22" s="276"/>
      <c r="FD22" s="71">
        <v>169</v>
      </c>
      <c r="FE22" s="71">
        <v>123</v>
      </c>
      <c r="FF22" s="71">
        <v>120</v>
      </c>
      <c r="FG22" s="71">
        <v>77</v>
      </c>
      <c r="FH22" s="71">
        <v>45</v>
      </c>
      <c r="FI22" s="72">
        <v>534</v>
      </c>
      <c r="FJ22" s="73">
        <v>725</v>
      </c>
      <c r="FK22" s="70">
        <v>39</v>
      </c>
      <c r="FL22" s="71">
        <v>78</v>
      </c>
      <c r="FM22" s="72">
        <v>117</v>
      </c>
      <c r="FN22" s="276"/>
      <c r="FO22" s="71">
        <v>158</v>
      </c>
      <c r="FP22" s="71">
        <v>153</v>
      </c>
      <c r="FQ22" s="71">
        <v>163</v>
      </c>
      <c r="FR22" s="71">
        <v>160</v>
      </c>
      <c r="FS22" s="71">
        <v>93</v>
      </c>
      <c r="FT22" s="72">
        <v>727</v>
      </c>
      <c r="FU22" s="73">
        <v>844</v>
      </c>
      <c r="FV22" s="70">
        <v>4</v>
      </c>
      <c r="FW22" s="71">
        <v>5</v>
      </c>
      <c r="FX22" s="72">
        <v>9</v>
      </c>
      <c r="FY22" s="276"/>
      <c r="FZ22" s="71">
        <v>8</v>
      </c>
      <c r="GA22" s="71">
        <v>7</v>
      </c>
      <c r="GB22" s="71">
        <v>4</v>
      </c>
      <c r="GC22" s="71">
        <v>2</v>
      </c>
      <c r="GD22" s="71">
        <v>5</v>
      </c>
      <c r="GE22" s="72">
        <v>26</v>
      </c>
      <c r="GF22" s="73">
        <v>35</v>
      </c>
      <c r="GG22" s="70">
        <v>307</v>
      </c>
      <c r="GH22" s="71">
        <v>393</v>
      </c>
      <c r="GI22" s="72">
        <v>700</v>
      </c>
      <c r="GJ22" s="276"/>
      <c r="GK22" s="71">
        <v>634</v>
      </c>
      <c r="GL22" s="71">
        <v>502</v>
      </c>
      <c r="GM22" s="71">
        <v>422</v>
      </c>
      <c r="GN22" s="71">
        <v>355</v>
      </c>
      <c r="GO22" s="71">
        <v>247</v>
      </c>
      <c r="GP22" s="72">
        <v>2160</v>
      </c>
      <c r="GQ22" s="73">
        <v>2860</v>
      </c>
      <c r="GR22" s="126">
        <v>471</v>
      </c>
      <c r="GS22" s="82">
        <v>542</v>
      </c>
      <c r="GT22" s="83">
        <v>1013</v>
      </c>
      <c r="GU22" s="273"/>
      <c r="GV22" s="82">
        <v>1001</v>
      </c>
      <c r="GW22" s="82">
        <v>814</v>
      </c>
      <c r="GX22" s="82">
        <v>614</v>
      </c>
      <c r="GY22" s="82">
        <v>505</v>
      </c>
      <c r="GZ22" s="82">
        <v>342</v>
      </c>
      <c r="HA22" s="84">
        <v>3276</v>
      </c>
      <c r="HB22" s="85">
        <v>4289</v>
      </c>
      <c r="HC22" s="86">
        <v>20</v>
      </c>
      <c r="HD22" s="71">
        <v>17</v>
      </c>
      <c r="HE22" s="72">
        <v>37</v>
      </c>
      <c r="HF22" s="276"/>
      <c r="HG22" s="71">
        <v>38</v>
      </c>
      <c r="HH22" s="71">
        <v>37</v>
      </c>
      <c r="HI22" s="71">
        <v>23</v>
      </c>
      <c r="HJ22" s="71">
        <v>8</v>
      </c>
      <c r="HK22" s="71">
        <v>11</v>
      </c>
      <c r="HL22" s="72">
        <v>117</v>
      </c>
      <c r="HM22" s="73">
        <v>154</v>
      </c>
      <c r="HN22" s="70">
        <v>40</v>
      </c>
      <c r="HO22" s="71">
        <v>44</v>
      </c>
      <c r="HP22" s="72">
        <v>84</v>
      </c>
      <c r="HQ22" s="276"/>
      <c r="HR22" s="71">
        <v>97</v>
      </c>
      <c r="HS22" s="71">
        <v>86</v>
      </c>
      <c r="HT22" s="71">
        <v>42</v>
      </c>
      <c r="HU22" s="71">
        <v>35</v>
      </c>
      <c r="HV22" s="71">
        <v>27</v>
      </c>
      <c r="HW22" s="72">
        <v>287</v>
      </c>
      <c r="HX22" s="73">
        <v>371</v>
      </c>
      <c r="HY22" s="86">
        <v>89</v>
      </c>
      <c r="HZ22" s="71">
        <v>81</v>
      </c>
      <c r="IA22" s="72">
        <v>170</v>
      </c>
      <c r="IB22" s="276"/>
      <c r="IC22" s="71">
        <v>142</v>
      </c>
      <c r="ID22" s="71">
        <v>108</v>
      </c>
      <c r="IE22" s="71">
        <v>65</v>
      </c>
      <c r="IF22" s="71">
        <v>64</v>
      </c>
      <c r="IG22" s="71">
        <v>56</v>
      </c>
      <c r="IH22" s="72">
        <v>435</v>
      </c>
      <c r="II22" s="73">
        <v>605</v>
      </c>
      <c r="IJ22" s="70">
        <v>145</v>
      </c>
      <c r="IK22" s="71">
        <v>131</v>
      </c>
      <c r="IL22" s="72">
        <v>276</v>
      </c>
      <c r="IM22" s="276"/>
      <c r="IN22" s="71">
        <v>237</v>
      </c>
      <c r="IO22" s="71">
        <v>180</v>
      </c>
      <c r="IP22" s="71">
        <v>119</v>
      </c>
      <c r="IQ22" s="71">
        <v>109</v>
      </c>
      <c r="IR22" s="71">
        <v>72</v>
      </c>
      <c r="IS22" s="72">
        <v>717</v>
      </c>
      <c r="IT22" s="73">
        <v>993</v>
      </c>
      <c r="IU22" s="86">
        <v>118</v>
      </c>
      <c r="IV22" s="71">
        <v>156</v>
      </c>
      <c r="IW22" s="72">
        <v>274</v>
      </c>
      <c r="IX22" s="276"/>
      <c r="IY22" s="71">
        <v>269</v>
      </c>
      <c r="IZ22" s="71">
        <v>197</v>
      </c>
      <c r="JA22" s="71">
        <v>171</v>
      </c>
      <c r="JB22" s="71">
        <v>106</v>
      </c>
      <c r="JC22" s="71">
        <v>67</v>
      </c>
      <c r="JD22" s="72">
        <v>810</v>
      </c>
      <c r="JE22" s="73">
        <v>1084</v>
      </c>
      <c r="JF22" s="70">
        <v>59</v>
      </c>
      <c r="JG22" s="71">
        <v>113</v>
      </c>
      <c r="JH22" s="72">
        <v>172</v>
      </c>
      <c r="JI22" s="276"/>
      <c r="JJ22" s="71">
        <v>218</v>
      </c>
      <c r="JK22" s="71">
        <v>206</v>
      </c>
      <c r="JL22" s="71">
        <v>194</v>
      </c>
      <c r="JM22" s="71">
        <v>183</v>
      </c>
      <c r="JN22" s="71">
        <v>109</v>
      </c>
      <c r="JO22" s="72">
        <v>910</v>
      </c>
      <c r="JP22" s="73">
        <v>1082</v>
      </c>
      <c r="JQ22" s="70">
        <v>6</v>
      </c>
      <c r="JR22" s="71">
        <v>15</v>
      </c>
      <c r="JS22" s="72">
        <v>21</v>
      </c>
      <c r="JT22" s="276"/>
      <c r="JU22" s="71">
        <v>20</v>
      </c>
      <c r="JV22" s="71">
        <v>21</v>
      </c>
      <c r="JW22" s="71">
        <v>20</v>
      </c>
      <c r="JX22" s="71">
        <v>9</v>
      </c>
      <c r="JY22" s="71">
        <v>9</v>
      </c>
      <c r="JZ22" s="72">
        <v>79</v>
      </c>
      <c r="KA22" s="73">
        <v>100</v>
      </c>
      <c r="KB22" s="70">
        <v>477</v>
      </c>
      <c r="KC22" s="71">
        <v>557</v>
      </c>
      <c r="KD22" s="72">
        <v>1034</v>
      </c>
      <c r="KE22" s="276"/>
      <c r="KF22" s="71">
        <v>1021</v>
      </c>
      <c r="KG22" s="71">
        <v>835</v>
      </c>
      <c r="KH22" s="71">
        <v>634</v>
      </c>
      <c r="KI22" s="71">
        <v>514</v>
      </c>
      <c r="KJ22" s="71">
        <v>351</v>
      </c>
      <c r="KK22" s="72">
        <v>3355</v>
      </c>
      <c r="KL22" s="73">
        <v>4389</v>
      </c>
    </row>
    <row r="23" spans="1:298" ht="19.5" customHeight="1" x14ac:dyDescent="0.2">
      <c r="A23" s="129" t="s">
        <v>20</v>
      </c>
      <c r="B23" s="350">
        <v>245</v>
      </c>
      <c r="C23" s="82">
        <v>315</v>
      </c>
      <c r="D23" s="83">
        <v>560</v>
      </c>
      <c r="E23" s="273"/>
      <c r="F23" s="82">
        <v>533</v>
      </c>
      <c r="G23" s="82">
        <v>326</v>
      </c>
      <c r="H23" s="82">
        <v>234</v>
      </c>
      <c r="I23" s="82">
        <v>198</v>
      </c>
      <c r="J23" s="82">
        <v>96</v>
      </c>
      <c r="K23" s="84">
        <v>1387</v>
      </c>
      <c r="L23" s="85">
        <v>1947</v>
      </c>
      <c r="M23" s="70">
        <v>12</v>
      </c>
      <c r="N23" s="71">
        <v>9</v>
      </c>
      <c r="O23" s="72">
        <v>21</v>
      </c>
      <c r="P23" s="276"/>
      <c r="Q23" s="71">
        <v>27</v>
      </c>
      <c r="R23" s="71">
        <v>15</v>
      </c>
      <c r="S23" s="71">
        <v>12</v>
      </c>
      <c r="T23" s="71">
        <v>13</v>
      </c>
      <c r="U23" s="71">
        <v>5</v>
      </c>
      <c r="V23" s="72">
        <v>72</v>
      </c>
      <c r="W23" s="73">
        <v>93</v>
      </c>
      <c r="X23" s="70">
        <v>24</v>
      </c>
      <c r="Y23" s="71">
        <v>32</v>
      </c>
      <c r="Z23" s="72">
        <v>56</v>
      </c>
      <c r="AA23" s="276"/>
      <c r="AB23" s="71">
        <v>71</v>
      </c>
      <c r="AC23" s="71">
        <v>37</v>
      </c>
      <c r="AD23" s="71">
        <v>31</v>
      </c>
      <c r="AE23" s="71">
        <v>23</v>
      </c>
      <c r="AF23" s="71">
        <v>17</v>
      </c>
      <c r="AG23" s="72">
        <v>179</v>
      </c>
      <c r="AH23" s="73">
        <v>235</v>
      </c>
      <c r="AI23" s="70">
        <v>57</v>
      </c>
      <c r="AJ23" s="71">
        <v>55</v>
      </c>
      <c r="AK23" s="72">
        <v>112</v>
      </c>
      <c r="AL23" s="276"/>
      <c r="AM23" s="71">
        <v>96</v>
      </c>
      <c r="AN23" s="71">
        <v>55</v>
      </c>
      <c r="AO23" s="71">
        <v>40</v>
      </c>
      <c r="AP23" s="71">
        <v>46</v>
      </c>
      <c r="AQ23" s="71">
        <v>21</v>
      </c>
      <c r="AR23" s="72">
        <v>258</v>
      </c>
      <c r="AS23" s="73">
        <v>370</v>
      </c>
      <c r="AT23" s="70">
        <v>59</v>
      </c>
      <c r="AU23" s="71">
        <v>97</v>
      </c>
      <c r="AV23" s="72">
        <v>156</v>
      </c>
      <c r="AW23" s="276"/>
      <c r="AX23" s="71">
        <v>160</v>
      </c>
      <c r="AY23" s="71">
        <v>100</v>
      </c>
      <c r="AZ23" s="71">
        <v>68</v>
      </c>
      <c r="BA23" s="71">
        <v>42</v>
      </c>
      <c r="BB23" s="71">
        <v>26</v>
      </c>
      <c r="BC23" s="72">
        <v>396</v>
      </c>
      <c r="BD23" s="73">
        <v>552</v>
      </c>
      <c r="BE23" s="70">
        <v>60</v>
      </c>
      <c r="BF23" s="71">
        <v>82</v>
      </c>
      <c r="BG23" s="72">
        <v>142</v>
      </c>
      <c r="BH23" s="276"/>
      <c r="BI23" s="71">
        <v>124</v>
      </c>
      <c r="BJ23" s="71">
        <v>79</v>
      </c>
      <c r="BK23" s="71">
        <v>49</v>
      </c>
      <c r="BL23" s="71">
        <v>41</v>
      </c>
      <c r="BM23" s="71">
        <v>18</v>
      </c>
      <c r="BN23" s="72">
        <v>311</v>
      </c>
      <c r="BO23" s="73">
        <v>453</v>
      </c>
      <c r="BP23" s="70">
        <v>33</v>
      </c>
      <c r="BQ23" s="71">
        <v>40</v>
      </c>
      <c r="BR23" s="72">
        <v>73</v>
      </c>
      <c r="BS23" s="276"/>
      <c r="BT23" s="71">
        <v>55</v>
      </c>
      <c r="BU23" s="71">
        <v>40</v>
      </c>
      <c r="BV23" s="71">
        <v>34</v>
      </c>
      <c r="BW23" s="71">
        <v>33</v>
      </c>
      <c r="BX23" s="71">
        <v>9</v>
      </c>
      <c r="BY23" s="72">
        <v>171</v>
      </c>
      <c r="BZ23" s="73">
        <v>244</v>
      </c>
      <c r="CA23" s="70">
        <v>4</v>
      </c>
      <c r="CB23" s="71">
        <v>16</v>
      </c>
      <c r="CC23" s="72">
        <v>20</v>
      </c>
      <c r="CD23" s="276"/>
      <c r="CE23" s="71">
        <v>27</v>
      </c>
      <c r="CF23" s="71">
        <v>12</v>
      </c>
      <c r="CG23" s="71">
        <v>16</v>
      </c>
      <c r="CH23" s="71">
        <v>10</v>
      </c>
      <c r="CI23" s="71">
        <v>3</v>
      </c>
      <c r="CJ23" s="72">
        <v>68</v>
      </c>
      <c r="CK23" s="73">
        <v>88</v>
      </c>
      <c r="CL23" s="70">
        <v>249</v>
      </c>
      <c r="CM23" s="71">
        <v>331</v>
      </c>
      <c r="CN23" s="72">
        <v>580</v>
      </c>
      <c r="CO23" s="276"/>
      <c r="CP23" s="71">
        <v>560</v>
      </c>
      <c r="CQ23" s="71">
        <v>338</v>
      </c>
      <c r="CR23" s="71">
        <v>250</v>
      </c>
      <c r="CS23" s="71">
        <v>208</v>
      </c>
      <c r="CT23" s="71">
        <v>99</v>
      </c>
      <c r="CU23" s="72">
        <v>1455</v>
      </c>
      <c r="CV23" s="73">
        <v>2035</v>
      </c>
      <c r="CW23" s="126">
        <v>443</v>
      </c>
      <c r="CX23" s="82">
        <v>567</v>
      </c>
      <c r="CY23" s="83">
        <v>1010</v>
      </c>
      <c r="CZ23" s="273"/>
      <c r="DA23" s="82">
        <v>820</v>
      </c>
      <c r="DB23" s="82">
        <v>489</v>
      </c>
      <c r="DC23" s="82">
        <v>467</v>
      </c>
      <c r="DD23" s="82">
        <v>404</v>
      </c>
      <c r="DE23" s="82">
        <v>253</v>
      </c>
      <c r="DF23" s="84">
        <v>2433</v>
      </c>
      <c r="DG23" s="85">
        <v>3443</v>
      </c>
      <c r="DH23" s="70">
        <v>11</v>
      </c>
      <c r="DI23" s="71">
        <v>15</v>
      </c>
      <c r="DJ23" s="72">
        <v>26</v>
      </c>
      <c r="DK23" s="276"/>
      <c r="DL23" s="71">
        <v>25</v>
      </c>
      <c r="DM23" s="71">
        <v>11</v>
      </c>
      <c r="DN23" s="71">
        <v>6</v>
      </c>
      <c r="DO23" s="71">
        <v>15</v>
      </c>
      <c r="DP23" s="71">
        <v>6</v>
      </c>
      <c r="DQ23" s="72">
        <v>63</v>
      </c>
      <c r="DR23" s="73">
        <v>89</v>
      </c>
      <c r="DS23" s="70">
        <v>44</v>
      </c>
      <c r="DT23" s="71">
        <v>43</v>
      </c>
      <c r="DU23" s="72">
        <v>87</v>
      </c>
      <c r="DV23" s="276"/>
      <c r="DW23" s="71">
        <v>62</v>
      </c>
      <c r="DX23" s="71">
        <v>27</v>
      </c>
      <c r="DY23" s="71">
        <v>23</v>
      </c>
      <c r="DZ23" s="71">
        <v>24</v>
      </c>
      <c r="EA23" s="71">
        <v>25</v>
      </c>
      <c r="EB23" s="72">
        <v>161</v>
      </c>
      <c r="EC23" s="73">
        <v>248</v>
      </c>
      <c r="ED23" s="70">
        <v>85</v>
      </c>
      <c r="EE23" s="71">
        <v>87</v>
      </c>
      <c r="EF23" s="72">
        <v>172</v>
      </c>
      <c r="EG23" s="276"/>
      <c r="EH23" s="71">
        <v>118</v>
      </c>
      <c r="EI23" s="71">
        <v>57</v>
      </c>
      <c r="EJ23" s="71">
        <v>41</v>
      </c>
      <c r="EK23" s="71">
        <v>33</v>
      </c>
      <c r="EL23" s="71">
        <v>32</v>
      </c>
      <c r="EM23" s="72">
        <v>281</v>
      </c>
      <c r="EN23" s="73">
        <v>453</v>
      </c>
      <c r="EO23" s="70">
        <v>134</v>
      </c>
      <c r="EP23" s="71">
        <v>168</v>
      </c>
      <c r="EQ23" s="72">
        <v>302</v>
      </c>
      <c r="ER23" s="276"/>
      <c r="ES23" s="71">
        <v>187</v>
      </c>
      <c r="ET23" s="71">
        <v>112</v>
      </c>
      <c r="EU23" s="71">
        <v>89</v>
      </c>
      <c r="EV23" s="71">
        <v>77</v>
      </c>
      <c r="EW23" s="71">
        <v>46</v>
      </c>
      <c r="EX23" s="72">
        <v>511</v>
      </c>
      <c r="EY23" s="73">
        <v>813</v>
      </c>
      <c r="EZ23" s="70">
        <v>123</v>
      </c>
      <c r="FA23" s="71">
        <v>147</v>
      </c>
      <c r="FB23" s="72">
        <v>270</v>
      </c>
      <c r="FC23" s="276"/>
      <c r="FD23" s="71">
        <v>226</v>
      </c>
      <c r="FE23" s="71">
        <v>133</v>
      </c>
      <c r="FF23" s="71">
        <v>142</v>
      </c>
      <c r="FG23" s="71">
        <v>100</v>
      </c>
      <c r="FH23" s="71">
        <v>71</v>
      </c>
      <c r="FI23" s="72">
        <v>672</v>
      </c>
      <c r="FJ23" s="73">
        <v>942</v>
      </c>
      <c r="FK23" s="70">
        <v>46</v>
      </c>
      <c r="FL23" s="71">
        <v>107</v>
      </c>
      <c r="FM23" s="72">
        <v>153</v>
      </c>
      <c r="FN23" s="276"/>
      <c r="FO23" s="71">
        <v>202</v>
      </c>
      <c r="FP23" s="71">
        <v>149</v>
      </c>
      <c r="FQ23" s="71">
        <v>166</v>
      </c>
      <c r="FR23" s="71">
        <v>155</v>
      </c>
      <c r="FS23" s="71">
        <v>73</v>
      </c>
      <c r="FT23" s="72">
        <v>745</v>
      </c>
      <c r="FU23" s="73">
        <v>898</v>
      </c>
      <c r="FV23" s="70">
        <v>7</v>
      </c>
      <c r="FW23" s="71">
        <v>12</v>
      </c>
      <c r="FX23" s="72">
        <v>19</v>
      </c>
      <c r="FY23" s="276"/>
      <c r="FZ23" s="71">
        <v>14</v>
      </c>
      <c r="GA23" s="71">
        <v>10</v>
      </c>
      <c r="GB23" s="71">
        <v>5</v>
      </c>
      <c r="GC23" s="71">
        <v>8</v>
      </c>
      <c r="GD23" s="71">
        <v>6</v>
      </c>
      <c r="GE23" s="72">
        <v>43</v>
      </c>
      <c r="GF23" s="73">
        <v>62</v>
      </c>
      <c r="GG23" s="70">
        <v>450</v>
      </c>
      <c r="GH23" s="71">
        <v>579</v>
      </c>
      <c r="GI23" s="72">
        <v>1029</v>
      </c>
      <c r="GJ23" s="276"/>
      <c r="GK23" s="71">
        <v>834</v>
      </c>
      <c r="GL23" s="71">
        <v>499</v>
      </c>
      <c r="GM23" s="71">
        <v>472</v>
      </c>
      <c r="GN23" s="71">
        <v>412</v>
      </c>
      <c r="GO23" s="71">
        <v>259</v>
      </c>
      <c r="GP23" s="72">
        <v>2476</v>
      </c>
      <c r="GQ23" s="73">
        <v>3505</v>
      </c>
      <c r="GR23" s="126">
        <v>688</v>
      </c>
      <c r="GS23" s="82">
        <v>882</v>
      </c>
      <c r="GT23" s="83">
        <v>1570</v>
      </c>
      <c r="GU23" s="273"/>
      <c r="GV23" s="82">
        <v>1353</v>
      </c>
      <c r="GW23" s="82">
        <v>815</v>
      </c>
      <c r="GX23" s="82">
        <v>701</v>
      </c>
      <c r="GY23" s="82">
        <v>602</v>
      </c>
      <c r="GZ23" s="82">
        <v>349</v>
      </c>
      <c r="HA23" s="84">
        <v>3820</v>
      </c>
      <c r="HB23" s="85">
        <v>5390</v>
      </c>
      <c r="HC23" s="70">
        <v>23</v>
      </c>
      <c r="HD23" s="71">
        <v>24</v>
      </c>
      <c r="HE23" s="72">
        <v>47</v>
      </c>
      <c r="HF23" s="276"/>
      <c r="HG23" s="71">
        <v>52</v>
      </c>
      <c r="HH23" s="71">
        <v>26</v>
      </c>
      <c r="HI23" s="71">
        <v>18</v>
      </c>
      <c r="HJ23" s="71">
        <v>28</v>
      </c>
      <c r="HK23" s="71">
        <v>11</v>
      </c>
      <c r="HL23" s="72">
        <v>135</v>
      </c>
      <c r="HM23" s="73">
        <v>182</v>
      </c>
      <c r="HN23" s="70">
        <v>68</v>
      </c>
      <c r="HO23" s="71">
        <v>75</v>
      </c>
      <c r="HP23" s="72">
        <v>143</v>
      </c>
      <c r="HQ23" s="276"/>
      <c r="HR23" s="71">
        <v>133</v>
      </c>
      <c r="HS23" s="71">
        <v>64</v>
      </c>
      <c r="HT23" s="71">
        <v>54</v>
      </c>
      <c r="HU23" s="71">
        <v>47</v>
      </c>
      <c r="HV23" s="71">
        <v>42</v>
      </c>
      <c r="HW23" s="72">
        <v>340</v>
      </c>
      <c r="HX23" s="73">
        <v>483</v>
      </c>
      <c r="HY23" s="70">
        <v>142</v>
      </c>
      <c r="HZ23" s="71">
        <v>142</v>
      </c>
      <c r="IA23" s="72">
        <v>284</v>
      </c>
      <c r="IB23" s="276"/>
      <c r="IC23" s="71">
        <v>214</v>
      </c>
      <c r="ID23" s="71">
        <v>112</v>
      </c>
      <c r="IE23" s="71">
        <v>81</v>
      </c>
      <c r="IF23" s="71">
        <v>79</v>
      </c>
      <c r="IG23" s="71">
        <v>53</v>
      </c>
      <c r="IH23" s="72">
        <v>539</v>
      </c>
      <c r="II23" s="73">
        <v>823</v>
      </c>
      <c r="IJ23" s="70">
        <v>193</v>
      </c>
      <c r="IK23" s="71">
        <v>265</v>
      </c>
      <c r="IL23" s="72">
        <v>458</v>
      </c>
      <c r="IM23" s="276"/>
      <c r="IN23" s="71">
        <v>347</v>
      </c>
      <c r="IO23" s="71">
        <v>212</v>
      </c>
      <c r="IP23" s="71">
        <v>157</v>
      </c>
      <c r="IQ23" s="71">
        <v>119</v>
      </c>
      <c r="IR23" s="71">
        <v>72</v>
      </c>
      <c r="IS23" s="72">
        <v>907</v>
      </c>
      <c r="IT23" s="73">
        <v>1365</v>
      </c>
      <c r="IU23" s="70">
        <v>183</v>
      </c>
      <c r="IV23" s="71">
        <v>229</v>
      </c>
      <c r="IW23" s="72">
        <v>412</v>
      </c>
      <c r="IX23" s="276"/>
      <c r="IY23" s="71">
        <v>350</v>
      </c>
      <c r="IZ23" s="71">
        <v>212</v>
      </c>
      <c r="JA23" s="71">
        <v>191</v>
      </c>
      <c r="JB23" s="71">
        <v>141</v>
      </c>
      <c r="JC23" s="71">
        <v>89</v>
      </c>
      <c r="JD23" s="72">
        <v>983</v>
      </c>
      <c r="JE23" s="73">
        <v>1395</v>
      </c>
      <c r="JF23" s="70">
        <v>79</v>
      </c>
      <c r="JG23" s="71">
        <v>147</v>
      </c>
      <c r="JH23" s="72">
        <v>226</v>
      </c>
      <c r="JI23" s="276"/>
      <c r="JJ23" s="71">
        <v>257</v>
      </c>
      <c r="JK23" s="71">
        <v>189</v>
      </c>
      <c r="JL23" s="71">
        <v>200</v>
      </c>
      <c r="JM23" s="71">
        <v>188</v>
      </c>
      <c r="JN23" s="71">
        <v>82</v>
      </c>
      <c r="JO23" s="72">
        <v>916</v>
      </c>
      <c r="JP23" s="73">
        <v>1142</v>
      </c>
      <c r="JQ23" s="70">
        <v>11</v>
      </c>
      <c r="JR23" s="71">
        <v>28</v>
      </c>
      <c r="JS23" s="72">
        <v>39</v>
      </c>
      <c r="JT23" s="276"/>
      <c r="JU23" s="71">
        <v>41</v>
      </c>
      <c r="JV23" s="71">
        <v>22</v>
      </c>
      <c r="JW23" s="71">
        <v>21</v>
      </c>
      <c r="JX23" s="71">
        <v>18</v>
      </c>
      <c r="JY23" s="71">
        <v>9</v>
      </c>
      <c r="JZ23" s="72">
        <v>111</v>
      </c>
      <c r="KA23" s="73">
        <v>150</v>
      </c>
      <c r="KB23" s="70">
        <v>699</v>
      </c>
      <c r="KC23" s="71">
        <v>910</v>
      </c>
      <c r="KD23" s="72">
        <v>1609</v>
      </c>
      <c r="KE23" s="276"/>
      <c r="KF23" s="71">
        <v>1394</v>
      </c>
      <c r="KG23" s="71">
        <v>837</v>
      </c>
      <c r="KH23" s="71">
        <v>722</v>
      </c>
      <c r="KI23" s="71">
        <v>620</v>
      </c>
      <c r="KJ23" s="71">
        <v>358</v>
      </c>
      <c r="KK23" s="72">
        <v>3931</v>
      </c>
      <c r="KL23" s="73">
        <v>5540</v>
      </c>
    </row>
    <row r="24" spans="1:298" ht="19.5" customHeight="1" x14ac:dyDescent="0.2">
      <c r="A24" s="129" t="s">
        <v>21</v>
      </c>
      <c r="B24" s="350">
        <v>276</v>
      </c>
      <c r="C24" s="82">
        <v>229</v>
      </c>
      <c r="D24" s="83">
        <v>505</v>
      </c>
      <c r="E24" s="273"/>
      <c r="F24" s="82">
        <v>424</v>
      </c>
      <c r="G24" s="82">
        <v>432</v>
      </c>
      <c r="H24" s="82">
        <v>274</v>
      </c>
      <c r="I24" s="82">
        <v>205</v>
      </c>
      <c r="J24" s="82">
        <v>107</v>
      </c>
      <c r="K24" s="84">
        <v>1442</v>
      </c>
      <c r="L24" s="85">
        <v>1947</v>
      </c>
      <c r="M24" s="70">
        <v>13</v>
      </c>
      <c r="N24" s="71">
        <v>11</v>
      </c>
      <c r="O24" s="72">
        <v>24</v>
      </c>
      <c r="P24" s="276"/>
      <c r="Q24" s="71">
        <v>14</v>
      </c>
      <c r="R24" s="71">
        <v>21</v>
      </c>
      <c r="S24" s="71">
        <v>16</v>
      </c>
      <c r="T24" s="71">
        <v>16</v>
      </c>
      <c r="U24" s="71">
        <v>8</v>
      </c>
      <c r="V24" s="72">
        <v>75</v>
      </c>
      <c r="W24" s="73">
        <v>99</v>
      </c>
      <c r="X24" s="70">
        <v>35</v>
      </c>
      <c r="Y24" s="71">
        <v>33</v>
      </c>
      <c r="Z24" s="72">
        <v>68</v>
      </c>
      <c r="AA24" s="276"/>
      <c r="AB24" s="71">
        <v>40</v>
      </c>
      <c r="AC24" s="71">
        <v>55</v>
      </c>
      <c r="AD24" s="71">
        <v>36</v>
      </c>
      <c r="AE24" s="71">
        <v>34</v>
      </c>
      <c r="AF24" s="71">
        <v>16</v>
      </c>
      <c r="AG24" s="72">
        <v>181</v>
      </c>
      <c r="AH24" s="73">
        <v>249</v>
      </c>
      <c r="AI24" s="70">
        <v>53</v>
      </c>
      <c r="AJ24" s="71">
        <v>38</v>
      </c>
      <c r="AK24" s="72">
        <v>91</v>
      </c>
      <c r="AL24" s="276"/>
      <c r="AM24" s="71">
        <v>70</v>
      </c>
      <c r="AN24" s="71">
        <v>75</v>
      </c>
      <c r="AO24" s="71">
        <v>47</v>
      </c>
      <c r="AP24" s="71">
        <v>35</v>
      </c>
      <c r="AQ24" s="71">
        <v>14</v>
      </c>
      <c r="AR24" s="72">
        <v>241</v>
      </c>
      <c r="AS24" s="73">
        <v>332</v>
      </c>
      <c r="AT24" s="70">
        <v>75</v>
      </c>
      <c r="AU24" s="71">
        <v>65</v>
      </c>
      <c r="AV24" s="72">
        <v>140</v>
      </c>
      <c r="AW24" s="276"/>
      <c r="AX24" s="71">
        <v>114</v>
      </c>
      <c r="AY24" s="71">
        <v>116</v>
      </c>
      <c r="AZ24" s="71">
        <v>67</v>
      </c>
      <c r="BA24" s="71">
        <v>45</v>
      </c>
      <c r="BB24" s="71">
        <v>29</v>
      </c>
      <c r="BC24" s="72">
        <v>371</v>
      </c>
      <c r="BD24" s="73">
        <v>511</v>
      </c>
      <c r="BE24" s="70">
        <v>65</v>
      </c>
      <c r="BF24" s="71">
        <v>58</v>
      </c>
      <c r="BG24" s="72">
        <v>123</v>
      </c>
      <c r="BH24" s="276"/>
      <c r="BI24" s="71">
        <v>129</v>
      </c>
      <c r="BJ24" s="71">
        <v>105</v>
      </c>
      <c r="BK24" s="71">
        <v>70</v>
      </c>
      <c r="BL24" s="71">
        <v>53</v>
      </c>
      <c r="BM24" s="71">
        <v>24</v>
      </c>
      <c r="BN24" s="72">
        <v>381</v>
      </c>
      <c r="BO24" s="73">
        <v>504</v>
      </c>
      <c r="BP24" s="70">
        <v>35</v>
      </c>
      <c r="BQ24" s="71">
        <v>24</v>
      </c>
      <c r="BR24" s="72">
        <v>59</v>
      </c>
      <c r="BS24" s="276"/>
      <c r="BT24" s="71">
        <v>57</v>
      </c>
      <c r="BU24" s="71">
        <v>60</v>
      </c>
      <c r="BV24" s="71">
        <v>38</v>
      </c>
      <c r="BW24" s="71">
        <v>22</v>
      </c>
      <c r="BX24" s="71">
        <v>16</v>
      </c>
      <c r="BY24" s="72">
        <v>193</v>
      </c>
      <c r="BZ24" s="73">
        <v>252</v>
      </c>
      <c r="CA24" s="70">
        <v>5</v>
      </c>
      <c r="CB24" s="71">
        <v>16</v>
      </c>
      <c r="CC24" s="72">
        <v>21</v>
      </c>
      <c r="CD24" s="276"/>
      <c r="CE24" s="71">
        <v>12</v>
      </c>
      <c r="CF24" s="71">
        <v>19</v>
      </c>
      <c r="CG24" s="71">
        <v>5</v>
      </c>
      <c r="CH24" s="71">
        <v>6</v>
      </c>
      <c r="CI24" s="71">
        <v>13</v>
      </c>
      <c r="CJ24" s="72">
        <v>55</v>
      </c>
      <c r="CK24" s="73">
        <v>76</v>
      </c>
      <c r="CL24" s="70">
        <v>281</v>
      </c>
      <c r="CM24" s="71">
        <v>245</v>
      </c>
      <c r="CN24" s="72">
        <v>526</v>
      </c>
      <c r="CO24" s="276"/>
      <c r="CP24" s="71">
        <v>436</v>
      </c>
      <c r="CQ24" s="71">
        <v>451</v>
      </c>
      <c r="CR24" s="71">
        <v>279</v>
      </c>
      <c r="CS24" s="71">
        <v>211</v>
      </c>
      <c r="CT24" s="71">
        <v>120</v>
      </c>
      <c r="CU24" s="72">
        <v>1497</v>
      </c>
      <c r="CV24" s="73">
        <v>2023</v>
      </c>
      <c r="CW24" s="126">
        <v>512</v>
      </c>
      <c r="CX24" s="82">
        <v>583</v>
      </c>
      <c r="CY24" s="83">
        <v>1095</v>
      </c>
      <c r="CZ24" s="273"/>
      <c r="DA24" s="82">
        <v>680</v>
      </c>
      <c r="DB24" s="82">
        <v>695</v>
      </c>
      <c r="DC24" s="82">
        <v>527</v>
      </c>
      <c r="DD24" s="82">
        <v>429</v>
      </c>
      <c r="DE24" s="82">
        <v>333</v>
      </c>
      <c r="DF24" s="84">
        <v>2664</v>
      </c>
      <c r="DG24" s="85">
        <v>3759</v>
      </c>
      <c r="DH24" s="70">
        <v>9</v>
      </c>
      <c r="DI24" s="71">
        <v>17</v>
      </c>
      <c r="DJ24" s="72">
        <v>26</v>
      </c>
      <c r="DK24" s="276"/>
      <c r="DL24" s="71">
        <v>19</v>
      </c>
      <c r="DM24" s="71">
        <v>16</v>
      </c>
      <c r="DN24" s="71">
        <v>20</v>
      </c>
      <c r="DO24" s="71">
        <v>13</v>
      </c>
      <c r="DP24" s="71">
        <v>9</v>
      </c>
      <c r="DQ24" s="72">
        <v>77</v>
      </c>
      <c r="DR24" s="73">
        <v>103</v>
      </c>
      <c r="DS24" s="70">
        <v>50</v>
      </c>
      <c r="DT24" s="71">
        <v>52</v>
      </c>
      <c r="DU24" s="72">
        <v>102</v>
      </c>
      <c r="DV24" s="276"/>
      <c r="DW24" s="71">
        <v>41</v>
      </c>
      <c r="DX24" s="71">
        <v>36</v>
      </c>
      <c r="DY24" s="71">
        <v>29</v>
      </c>
      <c r="DZ24" s="71">
        <v>27</v>
      </c>
      <c r="EA24" s="71">
        <v>29</v>
      </c>
      <c r="EB24" s="72">
        <v>162</v>
      </c>
      <c r="EC24" s="73">
        <v>264</v>
      </c>
      <c r="ED24" s="70">
        <v>97</v>
      </c>
      <c r="EE24" s="71">
        <v>98</v>
      </c>
      <c r="EF24" s="72">
        <v>195</v>
      </c>
      <c r="EG24" s="276"/>
      <c r="EH24" s="71">
        <v>95</v>
      </c>
      <c r="EI24" s="71">
        <v>84</v>
      </c>
      <c r="EJ24" s="71">
        <v>62</v>
      </c>
      <c r="EK24" s="71">
        <v>44</v>
      </c>
      <c r="EL24" s="71">
        <v>34</v>
      </c>
      <c r="EM24" s="72">
        <v>319</v>
      </c>
      <c r="EN24" s="73">
        <v>514</v>
      </c>
      <c r="EO24" s="70">
        <v>160</v>
      </c>
      <c r="EP24" s="71">
        <v>153</v>
      </c>
      <c r="EQ24" s="72">
        <v>313</v>
      </c>
      <c r="ER24" s="276"/>
      <c r="ES24" s="71">
        <v>189</v>
      </c>
      <c r="ET24" s="71">
        <v>140</v>
      </c>
      <c r="EU24" s="71">
        <v>108</v>
      </c>
      <c r="EV24" s="71">
        <v>88</v>
      </c>
      <c r="EW24" s="71">
        <v>83</v>
      </c>
      <c r="EX24" s="72">
        <v>608</v>
      </c>
      <c r="EY24" s="73">
        <v>921</v>
      </c>
      <c r="EZ24" s="70">
        <v>129</v>
      </c>
      <c r="FA24" s="71">
        <v>167</v>
      </c>
      <c r="FB24" s="72">
        <v>296</v>
      </c>
      <c r="FC24" s="276"/>
      <c r="FD24" s="71">
        <v>183</v>
      </c>
      <c r="FE24" s="71">
        <v>216</v>
      </c>
      <c r="FF24" s="71">
        <v>133</v>
      </c>
      <c r="FG24" s="71">
        <v>116</v>
      </c>
      <c r="FH24" s="71">
        <v>80</v>
      </c>
      <c r="FI24" s="72">
        <v>728</v>
      </c>
      <c r="FJ24" s="73">
        <v>1024</v>
      </c>
      <c r="FK24" s="70">
        <v>67</v>
      </c>
      <c r="FL24" s="71">
        <v>96</v>
      </c>
      <c r="FM24" s="72">
        <v>163</v>
      </c>
      <c r="FN24" s="276"/>
      <c r="FO24" s="71">
        <v>153</v>
      </c>
      <c r="FP24" s="71">
        <v>203</v>
      </c>
      <c r="FQ24" s="71">
        <v>175</v>
      </c>
      <c r="FR24" s="71">
        <v>141</v>
      </c>
      <c r="FS24" s="71">
        <v>98</v>
      </c>
      <c r="FT24" s="72">
        <v>770</v>
      </c>
      <c r="FU24" s="73">
        <v>933</v>
      </c>
      <c r="FV24" s="70">
        <v>8</v>
      </c>
      <c r="FW24" s="71">
        <v>13</v>
      </c>
      <c r="FX24" s="72">
        <v>21</v>
      </c>
      <c r="FY24" s="276"/>
      <c r="FZ24" s="71">
        <v>6</v>
      </c>
      <c r="GA24" s="71">
        <v>24</v>
      </c>
      <c r="GB24" s="71">
        <v>5</v>
      </c>
      <c r="GC24" s="71">
        <v>6</v>
      </c>
      <c r="GD24" s="71">
        <v>7</v>
      </c>
      <c r="GE24" s="72">
        <v>48</v>
      </c>
      <c r="GF24" s="73">
        <v>69</v>
      </c>
      <c r="GG24" s="70">
        <v>520</v>
      </c>
      <c r="GH24" s="71">
        <v>596</v>
      </c>
      <c r="GI24" s="72">
        <v>1116</v>
      </c>
      <c r="GJ24" s="276"/>
      <c r="GK24" s="71">
        <v>686</v>
      </c>
      <c r="GL24" s="71">
        <v>719</v>
      </c>
      <c r="GM24" s="71">
        <v>532</v>
      </c>
      <c r="GN24" s="71">
        <v>435</v>
      </c>
      <c r="GO24" s="71">
        <v>340</v>
      </c>
      <c r="GP24" s="72">
        <v>2712</v>
      </c>
      <c r="GQ24" s="73">
        <v>3828</v>
      </c>
      <c r="GR24" s="126">
        <v>788</v>
      </c>
      <c r="GS24" s="82">
        <v>812</v>
      </c>
      <c r="GT24" s="83">
        <v>1600</v>
      </c>
      <c r="GU24" s="273"/>
      <c r="GV24" s="82">
        <v>1104</v>
      </c>
      <c r="GW24" s="82">
        <v>1127</v>
      </c>
      <c r="GX24" s="82">
        <v>801</v>
      </c>
      <c r="GY24" s="82">
        <v>634</v>
      </c>
      <c r="GZ24" s="82">
        <v>440</v>
      </c>
      <c r="HA24" s="84">
        <v>4106</v>
      </c>
      <c r="HB24" s="85">
        <v>5706</v>
      </c>
      <c r="HC24" s="70">
        <v>22</v>
      </c>
      <c r="HD24" s="71">
        <v>28</v>
      </c>
      <c r="HE24" s="72">
        <v>50</v>
      </c>
      <c r="HF24" s="276"/>
      <c r="HG24" s="71">
        <v>33</v>
      </c>
      <c r="HH24" s="71">
        <v>37</v>
      </c>
      <c r="HI24" s="71">
        <v>36</v>
      </c>
      <c r="HJ24" s="71">
        <v>29</v>
      </c>
      <c r="HK24" s="71">
        <v>17</v>
      </c>
      <c r="HL24" s="72">
        <v>152</v>
      </c>
      <c r="HM24" s="73">
        <v>202</v>
      </c>
      <c r="HN24" s="70">
        <v>85</v>
      </c>
      <c r="HO24" s="71">
        <v>85</v>
      </c>
      <c r="HP24" s="72">
        <v>170</v>
      </c>
      <c r="HQ24" s="276"/>
      <c r="HR24" s="71">
        <v>81</v>
      </c>
      <c r="HS24" s="71">
        <v>91</v>
      </c>
      <c r="HT24" s="71">
        <v>65</v>
      </c>
      <c r="HU24" s="71">
        <v>61</v>
      </c>
      <c r="HV24" s="71">
        <v>45</v>
      </c>
      <c r="HW24" s="72">
        <v>343</v>
      </c>
      <c r="HX24" s="73">
        <v>513</v>
      </c>
      <c r="HY24" s="70">
        <v>150</v>
      </c>
      <c r="HZ24" s="71">
        <v>136</v>
      </c>
      <c r="IA24" s="72">
        <v>286</v>
      </c>
      <c r="IB24" s="276"/>
      <c r="IC24" s="71">
        <v>165</v>
      </c>
      <c r="ID24" s="71">
        <v>159</v>
      </c>
      <c r="IE24" s="71">
        <v>109</v>
      </c>
      <c r="IF24" s="71">
        <v>79</v>
      </c>
      <c r="IG24" s="71">
        <v>48</v>
      </c>
      <c r="IH24" s="72">
        <v>560</v>
      </c>
      <c r="II24" s="73">
        <v>846</v>
      </c>
      <c r="IJ24" s="70">
        <v>235</v>
      </c>
      <c r="IK24" s="71">
        <v>218</v>
      </c>
      <c r="IL24" s="72">
        <v>453</v>
      </c>
      <c r="IM24" s="276"/>
      <c r="IN24" s="71">
        <v>303</v>
      </c>
      <c r="IO24" s="71">
        <v>256</v>
      </c>
      <c r="IP24" s="71">
        <v>175</v>
      </c>
      <c r="IQ24" s="71">
        <v>133</v>
      </c>
      <c r="IR24" s="71">
        <v>112</v>
      </c>
      <c r="IS24" s="72">
        <v>979</v>
      </c>
      <c r="IT24" s="73">
        <v>1432</v>
      </c>
      <c r="IU24" s="70">
        <v>194</v>
      </c>
      <c r="IV24" s="71">
        <v>225</v>
      </c>
      <c r="IW24" s="72">
        <v>419</v>
      </c>
      <c r="IX24" s="276"/>
      <c r="IY24" s="71">
        <v>312</v>
      </c>
      <c r="IZ24" s="71">
        <v>321</v>
      </c>
      <c r="JA24" s="71">
        <v>203</v>
      </c>
      <c r="JB24" s="71">
        <v>169</v>
      </c>
      <c r="JC24" s="71">
        <v>104</v>
      </c>
      <c r="JD24" s="72">
        <v>1109</v>
      </c>
      <c r="JE24" s="73">
        <v>1528</v>
      </c>
      <c r="JF24" s="70">
        <v>102</v>
      </c>
      <c r="JG24" s="71">
        <v>120</v>
      </c>
      <c r="JH24" s="72">
        <v>222</v>
      </c>
      <c r="JI24" s="276"/>
      <c r="JJ24" s="71">
        <v>210</v>
      </c>
      <c r="JK24" s="71">
        <v>263</v>
      </c>
      <c r="JL24" s="71">
        <v>213</v>
      </c>
      <c r="JM24" s="71">
        <v>163</v>
      </c>
      <c r="JN24" s="71">
        <v>114</v>
      </c>
      <c r="JO24" s="72">
        <v>963</v>
      </c>
      <c r="JP24" s="73">
        <v>1185</v>
      </c>
      <c r="JQ24" s="70">
        <v>13</v>
      </c>
      <c r="JR24" s="71">
        <v>29</v>
      </c>
      <c r="JS24" s="72">
        <v>42</v>
      </c>
      <c r="JT24" s="276"/>
      <c r="JU24" s="71">
        <v>18</v>
      </c>
      <c r="JV24" s="71">
        <v>43</v>
      </c>
      <c r="JW24" s="71">
        <v>10</v>
      </c>
      <c r="JX24" s="71">
        <v>12</v>
      </c>
      <c r="JY24" s="71">
        <v>20</v>
      </c>
      <c r="JZ24" s="72">
        <v>103</v>
      </c>
      <c r="KA24" s="73">
        <v>145</v>
      </c>
      <c r="KB24" s="70">
        <v>801</v>
      </c>
      <c r="KC24" s="71">
        <v>841</v>
      </c>
      <c r="KD24" s="72">
        <v>1642</v>
      </c>
      <c r="KE24" s="276"/>
      <c r="KF24" s="71">
        <v>1122</v>
      </c>
      <c r="KG24" s="71">
        <v>1170</v>
      </c>
      <c r="KH24" s="71">
        <v>811</v>
      </c>
      <c r="KI24" s="71">
        <v>646</v>
      </c>
      <c r="KJ24" s="71">
        <v>460</v>
      </c>
      <c r="KK24" s="72">
        <v>4209</v>
      </c>
      <c r="KL24" s="73">
        <v>5851</v>
      </c>
    </row>
    <row r="25" spans="1:298" ht="19.5" customHeight="1" x14ac:dyDescent="0.2">
      <c r="A25" s="129" t="s">
        <v>22</v>
      </c>
      <c r="B25" s="350">
        <v>82</v>
      </c>
      <c r="C25" s="82">
        <v>55</v>
      </c>
      <c r="D25" s="83">
        <v>137</v>
      </c>
      <c r="E25" s="273"/>
      <c r="F25" s="82">
        <v>198</v>
      </c>
      <c r="G25" s="82">
        <v>163</v>
      </c>
      <c r="H25" s="82">
        <v>90</v>
      </c>
      <c r="I25" s="82">
        <v>74</v>
      </c>
      <c r="J25" s="82">
        <v>51</v>
      </c>
      <c r="K25" s="84">
        <v>576</v>
      </c>
      <c r="L25" s="85">
        <v>713</v>
      </c>
      <c r="M25" s="70">
        <v>4</v>
      </c>
      <c r="N25" s="71">
        <v>2</v>
      </c>
      <c r="O25" s="72">
        <v>6</v>
      </c>
      <c r="P25" s="276"/>
      <c r="Q25" s="71">
        <v>5</v>
      </c>
      <c r="R25" s="71">
        <v>5</v>
      </c>
      <c r="S25" s="71">
        <v>1</v>
      </c>
      <c r="T25" s="71">
        <v>4</v>
      </c>
      <c r="U25" s="71">
        <v>5</v>
      </c>
      <c r="V25" s="72">
        <v>20</v>
      </c>
      <c r="W25" s="73">
        <v>26</v>
      </c>
      <c r="X25" s="70">
        <v>8</v>
      </c>
      <c r="Y25" s="71">
        <v>11</v>
      </c>
      <c r="Z25" s="72">
        <v>19</v>
      </c>
      <c r="AA25" s="276"/>
      <c r="AB25" s="71">
        <v>23</v>
      </c>
      <c r="AC25" s="71">
        <v>11</v>
      </c>
      <c r="AD25" s="71">
        <v>8</v>
      </c>
      <c r="AE25" s="71">
        <v>8</v>
      </c>
      <c r="AF25" s="71">
        <v>8</v>
      </c>
      <c r="AG25" s="72">
        <v>58</v>
      </c>
      <c r="AH25" s="73">
        <v>77</v>
      </c>
      <c r="AI25" s="70">
        <v>10</v>
      </c>
      <c r="AJ25" s="71">
        <v>7</v>
      </c>
      <c r="AK25" s="72">
        <v>17</v>
      </c>
      <c r="AL25" s="276"/>
      <c r="AM25" s="71">
        <v>35</v>
      </c>
      <c r="AN25" s="71">
        <v>18</v>
      </c>
      <c r="AO25" s="71">
        <v>15</v>
      </c>
      <c r="AP25" s="71">
        <v>5</v>
      </c>
      <c r="AQ25" s="71">
        <v>13</v>
      </c>
      <c r="AR25" s="72">
        <v>86</v>
      </c>
      <c r="AS25" s="73">
        <v>103</v>
      </c>
      <c r="AT25" s="70">
        <v>22</v>
      </c>
      <c r="AU25" s="71">
        <v>12</v>
      </c>
      <c r="AV25" s="72">
        <v>34</v>
      </c>
      <c r="AW25" s="276"/>
      <c r="AX25" s="71">
        <v>49</v>
      </c>
      <c r="AY25" s="71">
        <v>49</v>
      </c>
      <c r="AZ25" s="71">
        <v>21</v>
      </c>
      <c r="BA25" s="71">
        <v>19</v>
      </c>
      <c r="BB25" s="71">
        <v>11</v>
      </c>
      <c r="BC25" s="72">
        <v>149</v>
      </c>
      <c r="BD25" s="73">
        <v>183</v>
      </c>
      <c r="BE25" s="70">
        <v>22</v>
      </c>
      <c r="BF25" s="71">
        <v>16</v>
      </c>
      <c r="BG25" s="72">
        <v>38</v>
      </c>
      <c r="BH25" s="276"/>
      <c r="BI25" s="71">
        <v>54</v>
      </c>
      <c r="BJ25" s="71">
        <v>45</v>
      </c>
      <c r="BK25" s="71">
        <v>27</v>
      </c>
      <c r="BL25" s="71">
        <v>19</v>
      </c>
      <c r="BM25" s="71">
        <v>8</v>
      </c>
      <c r="BN25" s="72">
        <v>153</v>
      </c>
      <c r="BO25" s="73">
        <v>191</v>
      </c>
      <c r="BP25" s="70">
        <v>16</v>
      </c>
      <c r="BQ25" s="71">
        <v>7</v>
      </c>
      <c r="BR25" s="72">
        <v>23</v>
      </c>
      <c r="BS25" s="276"/>
      <c r="BT25" s="71">
        <v>32</v>
      </c>
      <c r="BU25" s="71">
        <v>35</v>
      </c>
      <c r="BV25" s="71">
        <v>18</v>
      </c>
      <c r="BW25" s="71">
        <v>19</v>
      </c>
      <c r="BX25" s="71">
        <v>6</v>
      </c>
      <c r="BY25" s="72">
        <v>110</v>
      </c>
      <c r="BZ25" s="73">
        <v>133</v>
      </c>
      <c r="CA25" s="70">
        <v>1</v>
      </c>
      <c r="CB25" s="71">
        <v>5</v>
      </c>
      <c r="CC25" s="72">
        <v>6</v>
      </c>
      <c r="CD25" s="276"/>
      <c r="CE25" s="71">
        <v>7</v>
      </c>
      <c r="CF25" s="71">
        <v>6</v>
      </c>
      <c r="CG25" s="71">
        <v>1</v>
      </c>
      <c r="CH25" s="71">
        <v>3</v>
      </c>
      <c r="CI25" s="71">
        <v>2</v>
      </c>
      <c r="CJ25" s="72">
        <v>19</v>
      </c>
      <c r="CK25" s="73">
        <v>25</v>
      </c>
      <c r="CL25" s="70">
        <v>83</v>
      </c>
      <c r="CM25" s="71">
        <v>60</v>
      </c>
      <c r="CN25" s="72">
        <v>143</v>
      </c>
      <c r="CO25" s="276"/>
      <c r="CP25" s="71">
        <v>205</v>
      </c>
      <c r="CQ25" s="71">
        <v>169</v>
      </c>
      <c r="CR25" s="71">
        <v>91</v>
      </c>
      <c r="CS25" s="71">
        <v>77</v>
      </c>
      <c r="CT25" s="71">
        <v>53</v>
      </c>
      <c r="CU25" s="72">
        <v>595</v>
      </c>
      <c r="CV25" s="73">
        <v>738</v>
      </c>
      <c r="CW25" s="126">
        <v>118</v>
      </c>
      <c r="CX25" s="82">
        <v>233</v>
      </c>
      <c r="CY25" s="83">
        <v>351</v>
      </c>
      <c r="CZ25" s="273"/>
      <c r="DA25" s="82">
        <v>365</v>
      </c>
      <c r="DB25" s="82">
        <v>305</v>
      </c>
      <c r="DC25" s="82">
        <v>188</v>
      </c>
      <c r="DD25" s="82">
        <v>202</v>
      </c>
      <c r="DE25" s="82">
        <v>115</v>
      </c>
      <c r="DF25" s="84">
        <v>1175</v>
      </c>
      <c r="DG25" s="85">
        <v>1526</v>
      </c>
      <c r="DH25" s="70">
        <v>6</v>
      </c>
      <c r="DI25" s="71">
        <v>8</v>
      </c>
      <c r="DJ25" s="72">
        <v>14</v>
      </c>
      <c r="DK25" s="276"/>
      <c r="DL25" s="71">
        <v>5</v>
      </c>
      <c r="DM25" s="71">
        <v>9</v>
      </c>
      <c r="DN25" s="71">
        <v>2</v>
      </c>
      <c r="DO25" s="71">
        <v>2</v>
      </c>
      <c r="DP25" s="71">
        <v>3</v>
      </c>
      <c r="DQ25" s="72">
        <v>21</v>
      </c>
      <c r="DR25" s="73">
        <v>35</v>
      </c>
      <c r="DS25" s="70">
        <v>6</v>
      </c>
      <c r="DT25" s="71">
        <v>9</v>
      </c>
      <c r="DU25" s="72">
        <v>15</v>
      </c>
      <c r="DV25" s="276"/>
      <c r="DW25" s="71">
        <v>25</v>
      </c>
      <c r="DX25" s="71">
        <v>13</v>
      </c>
      <c r="DY25" s="71">
        <v>11</v>
      </c>
      <c r="DZ25" s="71">
        <v>7</v>
      </c>
      <c r="EA25" s="71">
        <v>8</v>
      </c>
      <c r="EB25" s="72">
        <v>64</v>
      </c>
      <c r="EC25" s="73">
        <v>79</v>
      </c>
      <c r="ED25" s="70">
        <v>22</v>
      </c>
      <c r="EE25" s="71">
        <v>36</v>
      </c>
      <c r="EF25" s="72">
        <v>58</v>
      </c>
      <c r="EG25" s="276"/>
      <c r="EH25" s="71">
        <v>47</v>
      </c>
      <c r="EI25" s="71">
        <v>31</v>
      </c>
      <c r="EJ25" s="71">
        <v>13</v>
      </c>
      <c r="EK25" s="71">
        <v>17</v>
      </c>
      <c r="EL25" s="71">
        <v>13</v>
      </c>
      <c r="EM25" s="72">
        <v>121</v>
      </c>
      <c r="EN25" s="73">
        <v>179</v>
      </c>
      <c r="EO25" s="70">
        <v>35</v>
      </c>
      <c r="EP25" s="71">
        <v>61</v>
      </c>
      <c r="EQ25" s="72">
        <v>96</v>
      </c>
      <c r="ER25" s="276"/>
      <c r="ES25" s="71">
        <v>83</v>
      </c>
      <c r="ET25" s="71">
        <v>53</v>
      </c>
      <c r="EU25" s="71">
        <v>35</v>
      </c>
      <c r="EV25" s="71">
        <v>47</v>
      </c>
      <c r="EW25" s="71">
        <v>16</v>
      </c>
      <c r="EX25" s="72">
        <v>234</v>
      </c>
      <c r="EY25" s="73">
        <v>330</v>
      </c>
      <c r="EZ25" s="70">
        <v>36</v>
      </c>
      <c r="FA25" s="71">
        <v>78</v>
      </c>
      <c r="FB25" s="72">
        <v>114</v>
      </c>
      <c r="FC25" s="276"/>
      <c r="FD25" s="71">
        <v>112</v>
      </c>
      <c r="FE25" s="71">
        <v>87</v>
      </c>
      <c r="FF25" s="71">
        <v>44</v>
      </c>
      <c r="FG25" s="71">
        <v>46</v>
      </c>
      <c r="FH25" s="71">
        <v>38</v>
      </c>
      <c r="FI25" s="72">
        <v>327</v>
      </c>
      <c r="FJ25" s="73">
        <v>441</v>
      </c>
      <c r="FK25" s="70">
        <v>13</v>
      </c>
      <c r="FL25" s="71">
        <v>41</v>
      </c>
      <c r="FM25" s="72">
        <v>54</v>
      </c>
      <c r="FN25" s="276"/>
      <c r="FO25" s="71">
        <v>93</v>
      </c>
      <c r="FP25" s="71">
        <v>112</v>
      </c>
      <c r="FQ25" s="71">
        <v>83</v>
      </c>
      <c r="FR25" s="71">
        <v>83</v>
      </c>
      <c r="FS25" s="71">
        <v>37</v>
      </c>
      <c r="FT25" s="72">
        <v>408</v>
      </c>
      <c r="FU25" s="73">
        <v>462</v>
      </c>
      <c r="FV25" s="70">
        <v>1</v>
      </c>
      <c r="FW25" s="71">
        <v>2</v>
      </c>
      <c r="FX25" s="72">
        <v>3</v>
      </c>
      <c r="FY25" s="276"/>
      <c r="FZ25" s="71">
        <v>6</v>
      </c>
      <c r="GA25" s="71">
        <v>4</v>
      </c>
      <c r="GB25" s="71">
        <v>5</v>
      </c>
      <c r="GC25" s="71">
        <v>5</v>
      </c>
      <c r="GD25" s="71">
        <v>1</v>
      </c>
      <c r="GE25" s="72">
        <v>21</v>
      </c>
      <c r="GF25" s="73">
        <v>24</v>
      </c>
      <c r="GG25" s="70">
        <v>119</v>
      </c>
      <c r="GH25" s="71">
        <v>235</v>
      </c>
      <c r="GI25" s="72">
        <v>354</v>
      </c>
      <c r="GJ25" s="276"/>
      <c r="GK25" s="71">
        <v>371</v>
      </c>
      <c r="GL25" s="71">
        <v>309</v>
      </c>
      <c r="GM25" s="71">
        <v>193</v>
      </c>
      <c r="GN25" s="71">
        <v>207</v>
      </c>
      <c r="GO25" s="71">
        <v>116</v>
      </c>
      <c r="GP25" s="72">
        <v>1196</v>
      </c>
      <c r="GQ25" s="73">
        <v>1550</v>
      </c>
      <c r="GR25" s="126">
        <v>200</v>
      </c>
      <c r="GS25" s="82">
        <v>288</v>
      </c>
      <c r="GT25" s="83">
        <v>488</v>
      </c>
      <c r="GU25" s="273"/>
      <c r="GV25" s="82">
        <v>563</v>
      </c>
      <c r="GW25" s="82">
        <v>468</v>
      </c>
      <c r="GX25" s="82">
        <v>278</v>
      </c>
      <c r="GY25" s="82">
        <v>276</v>
      </c>
      <c r="GZ25" s="82">
        <v>166</v>
      </c>
      <c r="HA25" s="84">
        <v>1751</v>
      </c>
      <c r="HB25" s="85">
        <v>2239</v>
      </c>
      <c r="HC25" s="70">
        <v>10</v>
      </c>
      <c r="HD25" s="71">
        <v>10</v>
      </c>
      <c r="HE25" s="72">
        <v>20</v>
      </c>
      <c r="HF25" s="276"/>
      <c r="HG25" s="71">
        <v>10</v>
      </c>
      <c r="HH25" s="71">
        <v>14</v>
      </c>
      <c r="HI25" s="71">
        <v>3</v>
      </c>
      <c r="HJ25" s="71">
        <v>6</v>
      </c>
      <c r="HK25" s="71">
        <v>8</v>
      </c>
      <c r="HL25" s="72">
        <v>41</v>
      </c>
      <c r="HM25" s="73">
        <v>61</v>
      </c>
      <c r="HN25" s="70">
        <v>14</v>
      </c>
      <c r="HO25" s="71">
        <v>20</v>
      </c>
      <c r="HP25" s="72">
        <v>34</v>
      </c>
      <c r="HQ25" s="276"/>
      <c r="HR25" s="71">
        <v>48</v>
      </c>
      <c r="HS25" s="71">
        <v>24</v>
      </c>
      <c r="HT25" s="71">
        <v>19</v>
      </c>
      <c r="HU25" s="71">
        <v>15</v>
      </c>
      <c r="HV25" s="71">
        <v>16</v>
      </c>
      <c r="HW25" s="72">
        <v>122</v>
      </c>
      <c r="HX25" s="73">
        <v>156</v>
      </c>
      <c r="HY25" s="70">
        <v>32</v>
      </c>
      <c r="HZ25" s="71">
        <v>43</v>
      </c>
      <c r="IA25" s="72">
        <v>75</v>
      </c>
      <c r="IB25" s="276"/>
      <c r="IC25" s="71">
        <v>82</v>
      </c>
      <c r="ID25" s="71">
        <v>49</v>
      </c>
      <c r="IE25" s="71">
        <v>28</v>
      </c>
      <c r="IF25" s="71">
        <v>22</v>
      </c>
      <c r="IG25" s="71">
        <v>26</v>
      </c>
      <c r="IH25" s="72">
        <v>207</v>
      </c>
      <c r="II25" s="73">
        <v>282</v>
      </c>
      <c r="IJ25" s="70">
        <v>57</v>
      </c>
      <c r="IK25" s="71">
        <v>73</v>
      </c>
      <c r="IL25" s="72">
        <v>130</v>
      </c>
      <c r="IM25" s="276"/>
      <c r="IN25" s="71">
        <v>132</v>
      </c>
      <c r="IO25" s="71">
        <v>102</v>
      </c>
      <c r="IP25" s="71">
        <v>56</v>
      </c>
      <c r="IQ25" s="71">
        <v>66</v>
      </c>
      <c r="IR25" s="71">
        <v>27</v>
      </c>
      <c r="IS25" s="72">
        <v>383</v>
      </c>
      <c r="IT25" s="73">
        <v>513</v>
      </c>
      <c r="IU25" s="70">
        <v>58</v>
      </c>
      <c r="IV25" s="71">
        <v>94</v>
      </c>
      <c r="IW25" s="72">
        <v>152</v>
      </c>
      <c r="IX25" s="276"/>
      <c r="IY25" s="71">
        <v>166</v>
      </c>
      <c r="IZ25" s="71">
        <v>132</v>
      </c>
      <c r="JA25" s="71">
        <v>71</v>
      </c>
      <c r="JB25" s="71">
        <v>65</v>
      </c>
      <c r="JC25" s="71">
        <v>46</v>
      </c>
      <c r="JD25" s="72">
        <v>480</v>
      </c>
      <c r="JE25" s="73">
        <v>632</v>
      </c>
      <c r="JF25" s="70">
        <v>29</v>
      </c>
      <c r="JG25" s="71">
        <v>48</v>
      </c>
      <c r="JH25" s="72">
        <v>77</v>
      </c>
      <c r="JI25" s="276"/>
      <c r="JJ25" s="71">
        <v>125</v>
      </c>
      <c r="JK25" s="71">
        <v>147</v>
      </c>
      <c r="JL25" s="71">
        <v>101</v>
      </c>
      <c r="JM25" s="71">
        <v>102</v>
      </c>
      <c r="JN25" s="71">
        <v>43</v>
      </c>
      <c r="JO25" s="72">
        <v>518</v>
      </c>
      <c r="JP25" s="73">
        <v>595</v>
      </c>
      <c r="JQ25" s="70">
        <v>2</v>
      </c>
      <c r="JR25" s="71">
        <v>7</v>
      </c>
      <c r="JS25" s="72">
        <v>9</v>
      </c>
      <c r="JT25" s="276"/>
      <c r="JU25" s="71">
        <v>13</v>
      </c>
      <c r="JV25" s="71">
        <v>10</v>
      </c>
      <c r="JW25" s="71">
        <v>6</v>
      </c>
      <c r="JX25" s="71">
        <v>8</v>
      </c>
      <c r="JY25" s="71">
        <v>3</v>
      </c>
      <c r="JZ25" s="72">
        <v>40</v>
      </c>
      <c r="KA25" s="73">
        <v>49</v>
      </c>
      <c r="KB25" s="70">
        <v>202</v>
      </c>
      <c r="KC25" s="71">
        <v>295</v>
      </c>
      <c r="KD25" s="72">
        <v>497</v>
      </c>
      <c r="KE25" s="276"/>
      <c r="KF25" s="71">
        <v>576</v>
      </c>
      <c r="KG25" s="71">
        <v>478</v>
      </c>
      <c r="KH25" s="71">
        <v>284</v>
      </c>
      <c r="KI25" s="71">
        <v>284</v>
      </c>
      <c r="KJ25" s="71">
        <v>169</v>
      </c>
      <c r="KK25" s="72">
        <v>1791</v>
      </c>
      <c r="KL25" s="73">
        <v>2288</v>
      </c>
    </row>
    <row r="26" spans="1:298" ht="19.5" customHeight="1" x14ac:dyDescent="0.2">
      <c r="A26" s="129" t="s">
        <v>23</v>
      </c>
      <c r="B26" s="350">
        <v>175</v>
      </c>
      <c r="C26" s="82">
        <v>161</v>
      </c>
      <c r="D26" s="83">
        <v>336</v>
      </c>
      <c r="E26" s="273"/>
      <c r="F26" s="82">
        <v>303</v>
      </c>
      <c r="G26" s="82">
        <v>267</v>
      </c>
      <c r="H26" s="82">
        <v>180</v>
      </c>
      <c r="I26" s="82">
        <v>161</v>
      </c>
      <c r="J26" s="82">
        <v>82</v>
      </c>
      <c r="K26" s="84">
        <v>993</v>
      </c>
      <c r="L26" s="85">
        <v>1329</v>
      </c>
      <c r="M26" s="70">
        <v>11</v>
      </c>
      <c r="N26" s="71">
        <v>13</v>
      </c>
      <c r="O26" s="72">
        <v>24</v>
      </c>
      <c r="P26" s="276"/>
      <c r="Q26" s="71">
        <v>11</v>
      </c>
      <c r="R26" s="71">
        <v>11</v>
      </c>
      <c r="S26" s="71">
        <v>7</v>
      </c>
      <c r="T26" s="71">
        <v>9</v>
      </c>
      <c r="U26" s="71">
        <v>3</v>
      </c>
      <c r="V26" s="72">
        <v>41</v>
      </c>
      <c r="W26" s="73">
        <v>65</v>
      </c>
      <c r="X26" s="70">
        <v>28</v>
      </c>
      <c r="Y26" s="71">
        <v>14</v>
      </c>
      <c r="Z26" s="72">
        <v>42</v>
      </c>
      <c r="AA26" s="276"/>
      <c r="AB26" s="71">
        <v>33</v>
      </c>
      <c r="AC26" s="71">
        <v>41</v>
      </c>
      <c r="AD26" s="71">
        <v>17</v>
      </c>
      <c r="AE26" s="71">
        <v>21</v>
      </c>
      <c r="AF26" s="71">
        <v>14</v>
      </c>
      <c r="AG26" s="72">
        <v>126</v>
      </c>
      <c r="AH26" s="73">
        <v>168</v>
      </c>
      <c r="AI26" s="70">
        <v>38</v>
      </c>
      <c r="AJ26" s="71">
        <v>35</v>
      </c>
      <c r="AK26" s="72">
        <v>73</v>
      </c>
      <c r="AL26" s="276"/>
      <c r="AM26" s="71">
        <v>69</v>
      </c>
      <c r="AN26" s="71">
        <v>54</v>
      </c>
      <c r="AO26" s="71">
        <v>21</v>
      </c>
      <c r="AP26" s="71">
        <v>21</v>
      </c>
      <c r="AQ26" s="71">
        <v>20</v>
      </c>
      <c r="AR26" s="72">
        <v>185</v>
      </c>
      <c r="AS26" s="73">
        <v>258</v>
      </c>
      <c r="AT26" s="70">
        <v>51</v>
      </c>
      <c r="AU26" s="71">
        <v>41</v>
      </c>
      <c r="AV26" s="72">
        <v>92</v>
      </c>
      <c r="AW26" s="276"/>
      <c r="AX26" s="71">
        <v>87</v>
      </c>
      <c r="AY26" s="71">
        <v>72</v>
      </c>
      <c r="AZ26" s="71">
        <v>55</v>
      </c>
      <c r="BA26" s="71">
        <v>41</v>
      </c>
      <c r="BB26" s="71">
        <v>18</v>
      </c>
      <c r="BC26" s="72">
        <v>273</v>
      </c>
      <c r="BD26" s="73">
        <v>365</v>
      </c>
      <c r="BE26" s="70">
        <v>38</v>
      </c>
      <c r="BF26" s="71">
        <v>42</v>
      </c>
      <c r="BG26" s="72">
        <v>80</v>
      </c>
      <c r="BH26" s="276"/>
      <c r="BI26" s="71">
        <v>76</v>
      </c>
      <c r="BJ26" s="71">
        <v>56</v>
      </c>
      <c r="BK26" s="71">
        <v>53</v>
      </c>
      <c r="BL26" s="71">
        <v>42</v>
      </c>
      <c r="BM26" s="71">
        <v>14</v>
      </c>
      <c r="BN26" s="72">
        <v>241</v>
      </c>
      <c r="BO26" s="73">
        <v>321</v>
      </c>
      <c r="BP26" s="70">
        <v>9</v>
      </c>
      <c r="BQ26" s="71">
        <v>16</v>
      </c>
      <c r="BR26" s="72">
        <v>25</v>
      </c>
      <c r="BS26" s="276"/>
      <c r="BT26" s="71">
        <v>27</v>
      </c>
      <c r="BU26" s="71">
        <v>33</v>
      </c>
      <c r="BV26" s="71">
        <v>27</v>
      </c>
      <c r="BW26" s="71">
        <v>27</v>
      </c>
      <c r="BX26" s="71">
        <v>13</v>
      </c>
      <c r="BY26" s="72">
        <v>127</v>
      </c>
      <c r="BZ26" s="73">
        <v>152</v>
      </c>
      <c r="CA26" s="70">
        <v>6</v>
      </c>
      <c r="CB26" s="71">
        <v>8</v>
      </c>
      <c r="CC26" s="72">
        <v>14</v>
      </c>
      <c r="CD26" s="276"/>
      <c r="CE26" s="71">
        <v>6</v>
      </c>
      <c r="CF26" s="71">
        <v>11</v>
      </c>
      <c r="CG26" s="71">
        <v>5</v>
      </c>
      <c r="CH26" s="71">
        <v>7</v>
      </c>
      <c r="CI26" s="71">
        <v>6</v>
      </c>
      <c r="CJ26" s="72">
        <v>35</v>
      </c>
      <c r="CK26" s="73">
        <v>49</v>
      </c>
      <c r="CL26" s="70">
        <v>181</v>
      </c>
      <c r="CM26" s="71">
        <v>169</v>
      </c>
      <c r="CN26" s="72">
        <v>350</v>
      </c>
      <c r="CO26" s="276"/>
      <c r="CP26" s="71">
        <v>309</v>
      </c>
      <c r="CQ26" s="71">
        <v>278</v>
      </c>
      <c r="CR26" s="71">
        <v>185</v>
      </c>
      <c r="CS26" s="71">
        <v>168</v>
      </c>
      <c r="CT26" s="71">
        <v>88</v>
      </c>
      <c r="CU26" s="72">
        <v>1028</v>
      </c>
      <c r="CV26" s="73">
        <v>1378</v>
      </c>
      <c r="CW26" s="126">
        <v>318</v>
      </c>
      <c r="CX26" s="82">
        <v>374</v>
      </c>
      <c r="CY26" s="83">
        <v>692</v>
      </c>
      <c r="CZ26" s="273"/>
      <c r="DA26" s="82">
        <v>517</v>
      </c>
      <c r="DB26" s="82">
        <v>444</v>
      </c>
      <c r="DC26" s="82">
        <v>271</v>
      </c>
      <c r="DD26" s="82">
        <v>333</v>
      </c>
      <c r="DE26" s="82">
        <v>216</v>
      </c>
      <c r="DF26" s="84">
        <v>1781</v>
      </c>
      <c r="DG26" s="85">
        <v>2473</v>
      </c>
      <c r="DH26" s="70">
        <v>5</v>
      </c>
      <c r="DI26" s="71">
        <v>20</v>
      </c>
      <c r="DJ26" s="72">
        <v>25</v>
      </c>
      <c r="DK26" s="276"/>
      <c r="DL26" s="71">
        <v>10</v>
      </c>
      <c r="DM26" s="71">
        <v>12</v>
      </c>
      <c r="DN26" s="71">
        <v>7</v>
      </c>
      <c r="DO26" s="71">
        <v>7</v>
      </c>
      <c r="DP26" s="71">
        <v>1</v>
      </c>
      <c r="DQ26" s="72">
        <v>37</v>
      </c>
      <c r="DR26" s="73">
        <v>62</v>
      </c>
      <c r="DS26" s="70">
        <v>23</v>
      </c>
      <c r="DT26" s="71">
        <v>32</v>
      </c>
      <c r="DU26" s="72">
        <v>55</v>
      </c>
      <c r="DV26" s="276"/>
      <c r="DW26" s="71">
        <v>35</v>
      </c>
      <c r="DX26" s="71">
        <v>38</v>
      </c>
      <c r="DY26" s="71">
        <v>20</v>
      </c>
      <c r="DZ26" s="71">
        <v>30</v>
      </c>
      <c r="EA26" s="71">
        <v>14</v>
      </c>
      <c r="EB26" s="72">
        <v>137</v>
      </c>
      <c r="EC26" s="73">
        <v>192</v>
      </c>
      <c r="ED26" s="70">
        <v>56</v>
      </c>
      <c r="EE26" s="71">
        <v>73</v>
      </c>
      <c r="EF26" s="72">
        <v>129</v>
      </c>
      <c r="EG26" s="276"/>
      <c r="EH26" s="71">
        <v>86</v>
      </c>
      <c r="EI26" s="71">
        <v>63</v>
      </c>
      <c r="EJ26" s="71">
        <v>34</v>
      </c>
      <c r="EK26" s="71">
        <v>33</v>
      </c>
      <c r="EL26" s="71">
        <v>38</v>
      </c>
      <c r="EM26" s="72">
        <v>254</v>
      </c>
      <c r="EN26" s="73">
        <v>383</v>
      </c>
      <c r="EO26" s="70">
        <v>124</v>
      </c>
      <c r="EP26" s="71">
        <v>108</v>
      </c>
      <c r="EQ26" s="72">
        <v>232</v>
      </c>
      <c r="ER26" s="276"/>
      <c r="ES26" s="71">
        <v>138</v>
      </c>
      <c r="ET26" s="71">
        <v>101</v>
      </c>
      <c r="EU26" s="71">
        <v>62</v>
      </c>
      <c r="EV26" s="71">
        <v>72</v>
      </c>
      <c r="EW26" s="71">
        <v>46</v>
      </c>
      <c r="EX26" s="72">
        <v>419</v>
      </c>
      <c r="EY26" s="73">
        <v>651</v>
      </c>
      <c r="EZ26" s="70">
        <v>82</v>
      </c>
      <c r="FA26" s="71">
        <v>97</v>
      </c>
      <c r="FB26" s="72">
        <v>179</v>
      </c>
      <c r="FC26" s="276"/>
      <c r="FD26" s="71">
        <v>146</v>
      </c>
      <c r="FE26" s="71">
        <v>123</v>
      </c>
      <c r="FF26" s="71">
        <v>72</v>
      </c>
      <c r="FG26" s="71">
        <v>69</v>
      </c>
      <c r="FH26" s="71">
        <v>51</v>
      </c>
      <c r="FI26" s="72">
        <v>461</v>
      </c>
      <c r="FJ26" s="73">
        <v>640</v>
      </c>
      <c r="FK26" s="70">
        <v>28</v>
      </c>
      <c r="FL26" s="71">
        <v>44</v>
      </c>
      <c r="FM26" s="72">
        <v>72</v>
      </c>
      <c r="FN26" s="276"/>
      <c r="FO26" s="71">
        <v>102</v>
      </c>
      <c r="FP26" s="71">
        <v>107</v>
      </c>
      <c r="FQ26" s="71">
        <v>76</v>
      </c>
      <c r="FR26" s="71">
        <v>122</v>
      </c>
      <c r="FS26" s="71">
        <v>66</v>
      </c>
      <c r="FT26" s="72">
        <v>473</v>
      </c>
      <c r="FU26" s="73">
        <v>545</v>
      </c>
      <c r="FV26" s="70">
        <v>6</v>
      </c>
      <c r="FW26" s="71">
        <v>8</v>
      </c>
      <c r="FX26" s="72">
        <v>14</v>
      </c>
      <c r="FY26" s="276"/>
      <c r="FZ26" s="71">
        <v>5</v>
      </c>
      <c r="GA26" s="71">
        <v>8</v>
      </c>
      <c r="GB26" s="71">
        <v>2</v>
      </c>
      <c r="GC26" s="71">
        <v>3</v>
      </c>
      <c r="GD26" s="71">
        <v>7</v>
      </c>
      <c r="GE26" s="72">
        <v>25</v>
      </c>
      <c r="GF26" s="73">
        <v>39</v>
      </c>
      <c r="GG26" s="70">
        <v>324</v>
      </c>
      <c r="GH26" s="71">
        <v>382</v>
      </c>
      <c r="GI26" s="72">
        <v>706</v>
      </c>
      <c r="GJ26" s="276"/>
      <c r="GK26" s="71">
        <v>522</v>
      </c>
      <c r="GL26" s="71">
        <v>452</v>
      </c>
      <c r="GM26" s="71">
        <v>273</v>
      </c>
      <c r="GN26" s="71">
        <v>336</v>
      </c>
      <c r="GO26" s="71">
        <v>223</v>
      </c>
      <c r="GP26" s="72">
        <v>1806</v>
      </c>
      <c r="GQ26" s="73">
        <v>2512</v>
      </c>
      <c r="GR26" s="126">
        <v>493</v>
      </c>
      <c r="GS26" s="82">
        <v>535</v>
      </c>
      <c r="GT26" s="83">
        <v>1028</v>
      </c>
      <c r="GU26" s="273"/>
      <c r="GV26" s="82">
        <v>820</v>
      </c>
      <c r="GW26" s="82">
        <v>711</v>
      </c>
      <c r="GX26" s="82">
        <v>451</v>
      </c>
      <c r="GY26" s="82">
        <v>494</v>
      </c>
      <c r="GZ26" s="82">
        <v>298</v>
      </c>
      <c r="HA26" s="84">
        <v>2774</v>
      </c>
      <c r="HB26" s="85">
        <v>3802</v>
      </c>
      <c r="HC26" s="70">
        <v>16</v>
      </c>
      <c r="HD26" s="71">
        <v>33</v>
      </c>
      <c r="HE26" s="72">
        <v>49</v>
      </c>
      <c r="HF26" s="276"/>
      <c r="HG26" s="71">
        <v>21</v>
      </c>
      <c r="HH26" s="71">
        <v>23</v>
      </c>
      <c r="HI26" s="71">
        <v>14</v>
      </c>
      <c r="HJ26" s="71">
        <v>16</v>
      </c>
      <c r="HK26" s="71">
        <v>4</v>
      </c>
      <c r="HL26" s="72">
        <v>78</v>
      </c>
      <c r="HM26" s="73">
        <v>127</v>
      </c>
      <c r="HN26" s="70">
        <v>51</v>
      </c>
      <c r="HO26" s="71">
        <v>46</v>
      </c>
      <c r="HP26" s="72">
        <v>97</v>
      </c>
      <c r="HQ26" s="276"/>
      <c r="HR26" s="71">
        <v>68</v>
      </c>
      <c r="HS26" s="71">
        <v>79</v>
      </c>
      <c r="HT26" s="71">
        <v>37</v>
      </c>
      <c r="HU26" s="71">
        <v>51</v>
      </c>
      <c r="HV26" s="71">
        <v>28</v>
      </c>
      <c r="HW26" s="72">
        <v>263</v>
      </c>
      <c r="HX26" s="73">
        <v>360</v>
      </c>
      <c r="HY26" s="70">
        <v>94</v>
      </c>
      <c r="HZ26" s="71">
        <v>108</v>
      </c>
      <c r="IA26" s="72">
        <v>202</v>
      </c>
      <c r="IB26" s="276"/>
      <c r="IC26" s="71">
        <v>155</v>
      </c>
      <c r="ID26" s="71">
        <v>117</v>
      </c>
      <c r="IE26" s="71">
        <v>55</v>
      </c>
      <c r="IF26" s="71">
        <v>54</v>
      </c>
      <c r="IG26" s="71">
        <v>58</v>
      </c>
      <c r="IH26" s="72">
        <v>439</v>
      </c>
      <c r="II26" s="73">
        <v>641</v>
      </c>
      <c r="IJ26" s="70">
        <v>175</v>
      </c>
      <c r="IK26" s="71">
        <v>149</v>
      </c>
      <c r="IL26" s="72">
        <v>324</v>
      </c>
      <c r="IM26" s="276"/>
      <c r="IN26" s="71">
        <v>225</v>
      </c>
      <c r="IO26" s="71">
        <v>173</v>
      </c>
      <c r="IP26" s="71">
        <v>117</v>
      </c>
      <c r="IQ26" s="71">
        <v>113</v>
      </c>
      <c r="IR26" s="71">
        <v>64</v>
      </c>
      <c r="IS26" s="72">
        <v>692</v>
      </c>
      <c r="IT26" s="73">
        <v>1016</v>
      </c>
      <c r="IU26" s="70">
        <v>120</v>
      </c>
      <c r="IV26" s="71">
        <v>139</v>
      </c>
      <c r="IW26" s="72">
        <v>259</v>
      </c>
      <c r="IX26" s="276"/>
      <c r="IY26" s="71">
        <v>222</v>
      </c>
      <c r="IZ26" s="71">
        <v>179</v>
      </c>
      <c r="JA26" s="71">
        <v>125</v>
      </c>
      <c r="JB26" s="71">
        <v>111</v>
      </c>
      <c r="JC26" s="71">
        <v>65</v>
      </c>
      <c r="JD26" s="72">
        <v>702</v>
      </c>
      <c r="JE26" s="73">
        <v>961</v>
      </c>
      <c r="JF26" s="70">
        <v>37</v>
      </c>
      <c r="JG26" s="71">
        <v>60</v>
      </c>
      <c r="JH26" s="72">
        <v>97</v>
      </c>
      <c r="JI26" s="276"/>
      <c r="JJ26" s="71">
        <v>129</v>
      </c>
      <c r="JK26" s="71">
        <v>140</v>
      </c>
      <c r="JL26" s="71">
        <v>103</v>
      </c>
      <c r="JM26" s="71">
        <v>149</v>
      </c>
      <c r="JN26" s="71">
        <v>79</v>
      </c>
      <c r="JO26" s="72">
        <v>600</v>
      </c>
      <c r="JP26" s="73">
        <v>697</v>
      </c>
      <c r="JQ26" s="70">
        <v>12</v>
      </c>
      <c r="JR26" s="71">
        <v>16</v>
      </c>
      <c r="JS26" s="72">
        <v>28</v>
      </c>
      <c r="JT26" s="276"/>
      <c r="JU26" s="71">
        <v>11</v>
      </c>
      <c r="JV26" s="71">
        <v>19</v>
      </c>
      <c r="JW26" s="71">
        <v>7</v>
      </c>
      <c r="JX26" s="71">
        <v>10</v>
      </c>
      <c r="JY26" s="71">
        <v>13</v>
      </c>
      <c r="JZ26" s="72">
        <v>60</v>
      </c>
      <c r="KA26" s="73">
        <v>88</v>
      </c>
      <c r="KB26" s="70">
        <v>505</v>
      </c>
      <c r="KC26" s="71">
        <v>551</v>
      </c>
      <c r="KD26" s="72">
        <v>1056</v>
      </c>
      <c r="KE26" s="276"/>
      <c r="KF26" s="71">
        <v>831</v>
      </c>
      <c r="KG26" s="71">
        <v>730</v>
      </c>
      <c r="KH26" s="71">
        <v>458</v>
      </c>
      <c r="KI26" s="71">
        <v>504</v>
      </c>
      <c r="KJ26" s="71">
        <v>311</v>
      </c>
      <c r="KK26" s="72">
        <v>2834</v>
      </c>
      <c r="KL26" s="73">
        <v>3890</v>
      </c>
    </row>
    <row r="27" spans="1:298" ht="19.5" customHeight="1" x14ac:dyDescent="0.2">
      <c r="A27" s="129" t="s">
        <v>24</v>
      </c>
      <c r="B27" s="350">
        <v>101</v>
      </c>
      <c r="C27" s="82">
        <v>69</v>
      </c>
      <c r="D27" s="83">
        <v>170</v>
      </c>
      <c r="E27" s="273"/>
      <c r="F27" s="82">
        <v>159</v>
      </c>
      <c r="G27" s="82">
        <v>88</v>
      </c>
      <c r="H27" s="82">
        <v>67</v>
      </c>
      <c r="I27" s="82">
        <v>62</v>
      </c>
      <c r="J27" s="82">
        <v>50</v>
      </c>
      <c r="K27" s="84">
        <v>426</v>
      </c>
      <c r="L27" s="85">
        <v>596</v>
      </c>
      <c r="M27" s="70">
        <v>2</v>
      </c>
      <c r="N27" s="71">
        <v>1</v>
      </c>
      <c r="O27" s="72">
        <v>3</v>
      </c>
      <c r="P27" s="276"/>
      <c r="Q27" s="71">
        <v>7</v>
      </c>
      <c r="R27" s="71">
        <v>3</v>
      </c>
      <c r="S27" s="71">
        <v>4</v>
      </c>
      <c r="T27" s="71">
        <v>0</v>
      </c>
      <c r="U27" s="71">
        <v>4</v>
      </c>
      <c r="V27" s="72">
        <v>18</v>
      </c>
      <c r="W27" s="73">
        <v>21</v>
      </c>
      <c r="X27" s="70">
        <v>7</v>
      </c>
      <c r="Y27" s="71">
        <v>6</v>
      </c>
      <c r="Z27" s="72">
        <v>13</v>
      </c>
      <c r="AA27" s="276"/>
      <c r="AB27" s="71">
        <v>12</v>
      </c>
      <c r="AC27" s="71">
        <v>9</v>
      </c>
      <c r="AD27" s="71">
        <v>6</v>
      </c>
      <c r="AE27" s="71">
        <v>4</v>
      </c>
      <c r="AF27" s="71">
        <v>6</v>
      </c>
      <c r="AG27" s="72">
        <v>37</v>
      </c>
      <c r="AH27" s="73">
        <v>50</v>
      </c>
      <c r="AI27" s="70">
        <v>12</v>
      </c>
      <c r="AJ27" s="71">
        <v>8</v>
      </c>
      <c r="AK27" s="72">
        <v>20</v>
      </c>
      <c r="AL27" s="276"/>
      <c r="AM27" s="71">
        <v>25</v>
      </c>
      <c r="AN27" s="71">
        <v>12</v>
      </c>
      <c r="AO27" s="71">
        <v>9</v>
      </c>
      <c r="AP27" s="71">
        <v>6</v>
      </c>
      <c r="AQ27" s="71">
        <v>7</v>
      </c>
      <c r="AR27" s="72">
        <v>59</v>
      </c>
      <c r="AS27" s="73">
        <v>79</v>
      </c>
      <c r="AT27" s="70">
        <v>20</v>
      </c>
      <c r="AU27" s="71">
        <v>17</v>
      </c>
      <c r="AV27" s="72">
        <v>37</v>
      </c>
      <c r="AW27" s="276"/>
      <c r="AX27" s="71">
        <v>35</v>
      </c>
      <c r="AY27" s="71">
        <v>17</v>
      </c>
      <c r="AZ27" s="71">
        <v>11</v>
      </c>
      <c r="BA27" s="71">
        <v>12</v>
      </c>
      <c r="BB27" s="71">
        <v>12</v>
      </c>
      <c r="BC27" s="72">
        <v>87</v>
      </c>
      <c r="BD27" s="73">
        <v>124</v>
      </c>
      <c r="BE27" s="70">
        <v>34</v>
      </c>
      <c r="BF27" s="71">
        <v>20</v>
      </c>
      <c r="BG27" s="72">
        <v>54</v>
      </c>
      <c r="BH27" s="276"/>
      <c r="BI27" s="71">
        <v>43</v>
      </c>
      <c r="BJ27" s="71">
        <v>32</v>
      </c>
      <c r="BK27" s="71">
        <v>17</v>
      </c>
      <c r="BL27" s="71">
        <v>21</v>
      </c>
      <c r="BM27" s="71">
        <v>13</v>
      </c>
      <c r="BN27" s="72">
        <v>126</v>
      </c>
      <c r="BO27" s="73">
        <v>180</v>
      </c>
      <c r="BP27" s="70">
        <v>26</v>
      </c>
      <c r="BQ27" s="71">
        <v>17</v>
      </c>
      <c r="BR27" s="72">
        <v>43</v>
      </c>
      <c r="BS27" s="276"/>
      <c r="BT27" s="71">
        <v>37</v>
      </c>
      <c r="BU27" s="71">
        <v>15</v>
      </c>
      <c r="BV27" s="71">
        <v>20</v>
      </c>
      <c r="BW27" s="71">
        <v>19</v>
      </c>
      <c r="BX27" s="71">
        <v>8</v>
      </c>
      <c r="BY27" s="72">
        <v>99</v>
      </c>
      <c r="BZ27" s="73">
        <v>142</v>
      </c>
      <c r="CA27" s="70">
        <v>7</v>
      </c>
      <c r="CB27" s="71">
        <v>4</v>
      </c>
      <c r="CC27" s="72">
        <v>11</v>
      </c>
      <c r="CD27" s="276"/>
      <c r="CE27" s="71">
        <v>3</v>
      </c>
      <c r="CF27" s="71">
        <v>5</v>
      </c>
      <c r="CG27" s="71">
        <v>0</v>
      </c>
      <c r="CH27" s="71">
        <v>2</v>
      </c>
      <c r="CI27" s="71">
        <v>0</v>
      </c>
      <c r="CJ27" s="72">
        <v>10</v>
      </c>
      <c r="CK27" s="73">
        <v>21</v>
      </c>
      <c r="CL27" s="70">
        <v>108</v>
      </c>
      <c r="CM27" s="71">
        <v>73</v>
      </c>
      <c r="CN27" s="72">
        <v>181</v>
      </c>
      <c r="CO27" s="276"/>
      <c r="CP27" s="71">
        <v>162</v>
      </c>
      <c r="CQ27" s="71">
        <v>93</v>
      </c>
      <c r="CR27" s="71">
        <v>67</v>
      </c>
      <c r="CS27" s="71">
        <v>64</v>
      </c>
      <c r="CT27" s="71">
        <v>50</v>
      </c>
      <c r="CU27" s="72">
        <v>436</v>
      </c>
      <c r="CV27" s="73">
        <v>617</v>
      </c>
      <c r="CW27" s="126">
        <v>215</v>
      </c>
      <c r="CX27" s="82">
        <v>150</v>
      </c>
      <c r="CY27" s="83">
        <v>365</v>
      </c>
      <c r="CZ27" s="273"/>
      <c r="DA27" s="82">
        <v>282</v>
      </c>
      <c r="DB27" s="82">
        <v>176</v>
      </c>
      <c r="DC27" s="82">
        <v>165</v>
      </c>
      <c r="DD27" s="82">
        <v>167</v>
      </c>
      <c r="DE27" s="82">
        <v>111</v>
      </c>
      <c r="DF27" s="84">
        <v>901</v>
      </c>
      <c r="DG27" s="85">
        <v>1266</v>
      </c>
      <c r="DH27" s="70">
        <v>5</v>
      </c>
      <c r="DI27" s="71">
        <v>2</v>
      </c>
      <c r="DJ27" s="72">
        <v>7</v>
      </c>
      <c r="DK27" s="276"/>
      <c r="DL27" s="71">
        <v>2</v>
      </c>
      <c r="DM27" s="71">
        <v>3</v>
      </c>
      <c r="DN27" s="71">
        <v>4</v>
      </c>
      <c r="DO27" s="71">
        <v>0</v>
      </c>
      <c r="DP27" s="71">
        <v>3</v>
      </c>
      <c r="DQ27" s="72">
        <v>12</v>
      </c>
      <c r="DR27" s="73">
        <v>19</v>
      </c>
      <c r="DS27" s="70">
        <v>15</v>
      </c>
      <c r="DT27" s="71">
        <v>6</v>
      </c>
      <c r="DU27" s="72">
        <v>21</v>
      </c>
      <c r="DV27" s="276"/>
      <c r="DW27" s="71">
        <v>8</v>
      </c>
      <c r="DX27" s="71">
        <v>7</v>
      </c>
      <c r="DY27" s="71">
        <v>6</v>
      </c>
      <c r="DZ27" s="71">
        <v>7</v>
      </c>
      <c r="EA27" s="71">
        <v>2</v>
      </c>
      <c r="EB27" s="72">
        <v>30</v>
      </c>
      <c r="EC27" s="73">
        <v>51</v>
      </c>
      <c r="ED27" s="70">
        <v>26</v>
      </c>
      <c r="EE27" s="71">
        <v>22</v>
      </c>
      <c r="EF27" s="72">
        <v>48</v>
      </c>
      <c r="EG27" s="276"/>
      <c r="EH27" s="71">
        <v>29</v>
      </c>
      <c r="EI27" s="71">
        <v>20</v>
      </c>
      <c r="EJ27" s="71">
        <v>10</v>
      </c>
      <c r="EK27" s="71">
        <v>9</v>
      </c>
      <c r="EL27" s="71">
        <v>3</v>
      </c>
      <c r="EM27" s="72">
        <v>71</v>
      </c>
      <c r="EN27" s="73">
        <v>119</v>
      </c>
      <c r="EO27" s="70">
        <v>60</v>
      </c>
      <c r="EP27" s="71">
        <v>31</v>
      </c>
      <c r="EQ27" s="72">
        <v>91</v>
      </c>
      <c r="ER27" s="276"/>
      <c r="ES27" s="71">
        <v>73</v>
      </c>
      <c r="ET27" s="71">
        <v>31</v>
      </c>
      <c r="EU27" s="71">
        <v>22</v>
      </c>
      <c r="EV27" s="71">
        <v>23</v>
      </c>
      <c r="EW27" s="71">
        <v>22</v>
      </c>
      <c r="EX27" s="72">
        <v>171</v>
      </c>
      <c r="EY27" s="73">
        <v>262</v>
      </c>
      <c r="EZ27" s="70">
        <v>59</v>
      </c>
      <c r="FA27" s="71">
        <v>56</v>
      </c>
      <c r="FB27" s="72">
        <v>115</v>
      </c>
      <c r="FC27" s="276"/>
      <c r="FD27" s="71">
        <v>83</v>
      </c>
      <c r="FE27" s="71">
        <v>54</v>
      </c>
      <c r="FF27" s="71">
        <v>49</v>
      </c>
      <c r="FG27" s="71">
        <v>36</v>
      </c>
      <c r="FH27" s="71">
        <v>24</v>
      </c>
      <c r="FI27" s="72">
        <v>246</v>
      </c>
      <c r="FJ27" s="73">
        <v>361</v>
      </c>
      <c r="FK27" s="70">
        <v>50</v>
      </c>
      <c r="FL27" s="71">
        <v>33</v>
      </c>
      <c r="FM27" s="72">
        <v>83</v>
      </c>
      <c r="FN27" s="276"/>
      <c r="FO27" s="71">
        <v>87</v>
      </c>
      <c r="FP27" s="71">
        <v>61</v>
      </c>
      <c r="FQ27" s="71">
        <v>74</v>
      </c>
      <c r="FR27" s="71">
        <v>92</v>
      </c>
      <c r="FS27" s="71">
        <v>57</v>
      </c>
      <c r="FT27" s="72">
        <v>371</v>
      </c>
      <c r="FU27" s="73">
        <v>454</v>
      </c>
      <c r="FV27" s="70">
        <v>3</v>
      </c>
      <c r="FW27" s="71">
        <v>1</v>
      </c>
      <c r="FX27" s="72">
        <v>4</v>
      </c>
      <c r="FY27" s="276"/>
      <c r="FZ27" s="71">
        <v>2</v>
      </c>
      <c r="GA27" s="71">
        <v>4</v>
      </c>
      <c r="GB27" s="71">
        <v>1</v>
      </c>
      <c r="GC27" s="71">
        <v>1</v>
      </c>
      <c r="GD27" s="71">
        <v>1</v>
      </c>
      <c r="GE27" s="72">
        <v>9</v>
      </c>
      <c r="GF27" s="73">
        <v>13</v>
      </c>
      <c r="GG27" s="70">
        <v>218</v>
      </c>
      <c r="GH27" s="71">
        <v>151</v>
      </c>
      <c r="GI27" s="72">
        <v>369</v>
      </c>
      <c r="GJ27" s="276"/>
      <c r="GK27" s="71">
        <v>284</v>
      </c>
      <c r="GL27" s="71">
        <v>180</v>
      </c>
      <c r="GM27" s="71">
        <v>166</v>
      </c>
      <c r="GN27" s="71">
        <v>168</v>
      </c>
      <c r="GO27" s="71">
        <v>112</v>
      </c>
      <c r="GP27" s="72">
        <v>910</v>
      </c>
      <c r="GQ27" s="73">
        <v>1279</v>
      </c>
      <c r="GR27" s="126">
        <v>316</v>
      </c>
      <c r="GS27" s="82">
        <v>219</v>
      </c>
      <c r="GT27" s="83">
        <v>535</v>
      </c>
      <c r="GU27" s="273"/>
      <c r="GV27" s="82">
        <v>441</v>
      </c>
      <c r="GW27" s="82">
        <v>264</v>
      </c>
      <c r="GX27" s="82">
        <v>232</v>
      </c>
      <c r="GY27" s="82">
        <v>229</v>
      </c>
      <c r="GZ27" s="82">
        <v>161</v>
      </c>
      <c r="HA27" s="84">
        <v>1327</v>
      </c>
      <c r="HB27" s="85">
        <v>1862</v>
      </c>
      <c r="HC27" s="70">
        <v>7</v>
      </c>
      <c r="HD27" s="71">
        <v>3</v>
      </c>
      <c r="HE27" s="72">
        <v>10</v>
      </c>
      <c r="HF27" s="276"/>
      <c r="HG27" s="71">
        <v>9</v>
      </c>
      <c r="HH27" s="71">
        <v>6</v>
      </c>
      <c r="HI27" s="71">
        <v>8</v>
      </c>
      <c r="HJ27" s="71">
        <v>0</v>
      </c>
      <c r="HK27" s="71">
        <v>7</v>
      </c>
      <c r="HL27" s="72">
        <v>30</v>
      </c>
      <c r="HM27" s="73">
        <v>40</v>
      </c>
      <c r="HN27" s="70">
        <v>22</v>
      </c>
      <c r="HO27" s="71">
        <v>12</v>
      </c>
      <c r="HP27" s="72">
        <v>34</v>
      </c>
      <c r="HQ27" s="276"/>
      <c r="HR27" s="71">
        <v>20</v>
      </c>
      <c r="HS27" s="71">
        <v>16</v>
      </c>
      <c r="HT27" s="71">
        <v>12</v>
      </c>
      <c r="HU27" s="71">
        <v>11</v>
      </c>
      <c r="HV27" s="71">
        <v>8</v>
      </c>
      <c r="HW27" s="72">
        <v>67</v>
      </c>
      <c r="HX27" s="73">
        <v>101</v>
      </c>
      <c r="HY27" s="70">
        <v>38</v>
      </c>
      <c r="HZ27" s="71">
        <v>30</v>
      </c>
      <c r="IA27" s="72">
        <v>68</v>
      </c>
      <c r="IB27" s="276"/>
      <c r="IC27" s="71">
        <v>54</v>
      </c>
      <c r="ID27" s="71">
        <v>32</v>
      </c>
      <c r="IE27" s="71">
        <v>19</v>
      </c>
      <c r="IF27" s="71">
        <v>15</v>
      </c>
      <c r="IG27" s="71">
        <v>10</v>
      </c>
      <c r="IH27" s="72">
        <v>130</v>
      </c>
      <c r="II27" s="73">
        <v>198</v>
      </c>
      <c r="IJ27" s="70">
        <v>80</v>
      </c>
      <c r="IK27" s="71">
        <v>48</v>
      </c>
      <c r="IL27" s="72">
        <v>128</v>
      </c>
      <c r="IM27" s="276"/>
      <c r="IN27" s="71">
        <v>108</v>
      </c>
      <c r="IO27" s="71">
        <v>48</v>
      </c>
      <c r="IP27" s="71">
        <v>33</v>
      </c>
      <c r="IQ27" s="71">
        <v>35</v>
      </c>
      <c r="IR27" s="71">
        <v>34</v>
      </c>
      <c r="IS27" s="72">
        <v>258</v>
      </c>
      <c r="IT27" s="73">
        <v>386</v>
      </c>
      <c r="IU27" s="70">
        <v>93</v>
      </c>
      <c r="IV27" s="71">
        <v>76</v>
      </c>
      <c r="IW27" s="72">
        <v>169</v>
      </c>
      <c r="IX27" s="276"/>
      <c r="IY27" s="71">
        <v>126</v>
      </c>
      <c r="IZ27" s="71">
        <v>86</v>
      </c>
      <c r="JA27" s="71">
        <v>66</v>
      </c>
      <c r="JB27" s="71">
        <v>57</v>
      </c>
      <c r="JC27" s="71">
        <v>37</v>
      </c>
      <c r="JD27" s="72">
        <v>372</v>
      </c>
      <c r="JE27" s="73">
        <v>541</v>
      </c>
      <c r="JF27" s="70">
        <v>76</v>
      </c>
      <c r="JG27" s="71">
        <v>50</v>
      </c>
      <c r="JH27" s="72">
        <v>126</v>
      </c>
      <c r="JI27" s="276"/>
      <c r="JJ27" s="71">
        <v>124</v>
      </c>
      <c r="JK27" s="71">
        <v>76</v>
      </c>
      <c r="JL27" s="71">
        <v>94</v>
      </c>
      <c r="JM27" s="71">
        <v>111</v>
      </c>
      <c r="JN27" s="71">
        <v>65</v>
      </c>
      <c r="JO27" s="72">
        <v>470</v>
      </c>
      <c r="JP27" s="73">
        <v>596</v>
      </c>
      <c r="JQ27" s="70">
        <v>10</v>
      </c>
      <c r="JR27" s="71">
        <v>5</v>
      </c>
      <c r="JS27" s="72">
        <v>15</v>
      </c>
      <c r="JT27" s="276"/>
      <c r="JU27" s="71">
        <v>5</v>
      </c>
      <c r="JV27" s="71">
        <v>9</v>
      </c>
      <c r="JW27" s="71">
        <v>1</v>
      </c>
      <c r="JX27" s="71">
        <v>3</v>
      </c>
      <c r="JY27" s="71">
        <v>1</v>
      </c>
      <c r="JZ27" s="72">
        <v>19</v>
      </c>
      <c r="KA27" s="73">
        <v>34</v>
      </c>
      <c r="KB27" s="70">
        <v>326</v>
      </c>
      <c r="KC27" s="71">
        <v>224</v>
      </c>
      <c r="KD27" s="72">
        <v>550</v>
      </c>
      <c r="KE27" s="276"/>
      <c r="KF27" s="71">
        <v>446</v>
      </c>
      <c r="KG27" s="71">
        <v>273</v>
      </c>
      <c r="KH27" s="71">
        <v>233</v>
      </c>
      <c r="KI27" s="71">
        <v>232</v>
      </c>
      <c r="KJ27" s="71">
        <v>162</v>
      </c>
      <c r="KK27" s="72">
        <v>1346</v>
      </c>
      <c r="KL27" s="73">
        <v>1896</v>
      </c>
    </row>
    <row r="28" spans="1:298" ht="19.5" customHeight="1" x14ac:dyDescent="0.2">
      <c r="A28" s="129" t="s">
        <v>25</v>
      </c>
      <c r="B28" s="350">
        <v>89</v>
      </c>
      <c r="C28" s="82">
        <v>97</v>
      </c>
      <c r="D28" s="83">
        <v>186</v>
      </c>
      <c r="E28" s="273"/>
      <c r="F28" s="82">
        <v>210</v>
      </c>
      <c r="G28" s="82">
        <v>115</v>
      </c>
      <c r="H28" s="82">
        <v>97</v>
      </c>
      <c r="I28" s="82">
        <v>111</v>
      </c>
      <c r="J28" s="82">
        <v>52</v>
      </c>
      <c r="K28" s="84">
        <v>585</v>
      </c>
      <c r="L28" s="85">
        <v>771</v>
      </c>
      <c r="M28" s="70">
        <v>2</v>
      </c>
      <c r="N28" s="71">
        <v>4</v>
      </c>
      <c r="O28" s="72">
        <v>6</v>
      </c>
      <c r="P28" s="276"/>
      <c r="Q28" s="71">
        <v>7</v>
      </c>
      <c r="R28" s="71">
        <v>6</v>
      </c>
      <c r="S28" s="71">
        <v>2</v>
      </c>
      <c r="T28" s="71">
        <v>5</v>
      </c>
      <c r="U28" s="71">
        <v>2</v>
      </c>
      <c r="V28" s="72">
        <v>22</v>
      </c>
      <c r="W28" s="73">
        <v>28</v>
      </c>
      <c r="X28" s="70">
        <v>9</v>
      </c>
      <c r="Y28" s="71">
        <v>14</v>
      </c>
      <c r="Z28" s="72">
        <v>23</v>
      </c>
      <c r="AA28" s="276"/>
      <c r="AB28" s="71">
        <v>22</v>
      </c>
      <c r="AC28" s="71">
        <v>18</v>
      </c>
      <c r="AD28" s="71">
        <v>9</v>
      </c>
      <c r="AE28" s="71">
        <v>13</v>
      </c>
      <c r="AF28" s="71">
        <v>6</v>
      </c>
      <c r="AG28" s="72">
        <v>68</v>
      </c>
      <c r="AH28" s="73">
        <v>91</v>
      </c>
      <c r="AI28" s="70">
        <v>19</v>
      </c>
      <c r="AJ28" s="71">
        <v>23</v>
      </c>
      <c r="AK28" s="72">
        <v>42</v>
      </c>
      <c r="AL28" s="276"/>
      <c r="AM28" s="71">
        <v>37</v>
      </c>
      <c r="AN28" s="71">
        <v>18</v>
      </c>
      <c r="AO28" s="71">
        <v>15</v>
      </c>
      <c r="AP28" s="71">
        <v>25</v>
      </c>
      <c r="AQ28" s="71">
        <v>12</v>
      </c>
      <c r="AR28" s="72">
        <v>107</v>
      </c>
      <c r="AS28" s="73">
        <v>149</v>
      </c>
      <c r="AT28" s="70">
        <v>30</v>
      </c>
      <c r="AU28" s="71">
        <v>28</v>
      </c>
      <c r="AV28" s="72">
        <v>58</v>
      </c>
      <c r="AW28" s="276"/>
      <c r="AX28" s="71">
        <v>60</v>
      </c>
      <c r="AY28" s="71">
        <v>33</v>
      </c>
      <c r="AZ28" s="71">
        <v>31</v>
      </c>
      <c r="BA28" s="71">
        <v>30</v>
      </c>
      <c r="BB28" s="71">
        <v>13</v>
      </c>
      <c r="BC28" s="72">
        <v>167</v>
      </c>
      <c r="BD28" s="73">
        <v>225</v>
      </c>
      <c r="BE28" s="70">
        <v>19</v>
      </c>
      <c r="BF28" s="71">
        <v>17</v>
      </c>
      <c r="BG28" s="72">
        <v>36</v>
      </c>
      <c r="BH28" s="276"/>
      <c r="BI28" s="71">
        <v>54</v>
      </c>
      <c r="BJ28" s="71">
        <v>32</v>
      </c>
      <c r="BK28" s="71">
        <v>23</v>
      </c>
      <c r="BL28" s="71">
        <v>21</v>
      </c>
      <c r="BM28" s="71">
        <v>12</v>
      </c>
      <c r="BN28" s="72">
        <v>142</v>
      </c>
      <c r="BO28" s="73">
        <v>178</v>
      </c>
      <c r="BP28" s="70">
        <v>10</v>
      </c>
      <c r="BQ28" s="71">
        <v>11</v>
      </c>
      <c r="BR28" s="72">
        <v>21</v>
      </c>
      <c r="BS28" s="276"/>
      <c r="BT28" s="71">
        <v>30</v>
      </c>
      <c r="BU28" s="71">
        <v>8</v>
      </c>
      <c r="BV28" s="71">
        <v>17</v>
      </c>
      <c r="BW28" s="71">
        <v>17</v>
      </c>
      <c r="BX28" s="71">
        <v>7</v>
      </c>
      <c r="BY28" s="72">
        <v>79</v>
      </c>
      <c r="BZ28" s="73">
        <v>100</v>
      </c>
      <c r="CA28" s="70">
        <v>3</v>
      </c>
      <c r="CB28" s="71">
        <v>2</v>
      </c>
      <c r="CC28" s="72">
        <v>5</v>
      </c>
      <c r="CD28" s="276"/>
      <c r="CE28" s="71">
        <v>4</v>
      </c>
      <c r="CF28" s="71">
        <v>9</v>
      </c>
      <c r="CG28" s="71">
        <v>2</v>
      </c>
      <c r="CH28" s="71">
        <v>3</v>
      </c>
      <c r="CI28" s="71">
        <v>2</v>
      </c>
      <c r="CJ28" s="72">
        <v>20</v>
      </c>
      <c r="CK28" s="73">
        <v>25</v>
      </c>
      <c r="CL28" s="70">
        <v>92</v>
      </c>
      <c r="CM28" s="71">
        <v>99</v>
      </c>
      <c r="CN28" s="72">
        <v>191</v>
      </c>
      <c r="CO28" s="276"/>
      <c r="CP28" s="71">
        <v>214</v>
      </c>
      <c r="CQ28" s="71">
        <v>124</v>
      </c>
      <c r="CR28" s="71">
        <v>99</v>
      </c>
      <c r="CS28" s="71">
        <v>114</v>
      </c>
      <c r="CT28" s="71">
        <v>54</v>
      </c>
      <c r="CU28" s="72">
        <v>605</v>
      </c>
      <c r="CV28" s="73">
        <v>796</v>
      </c>
      <c r="CW28" s="126">
        <v>178</v>
      </c>
      <c r="CX28" s="82">
        <v>167</v>
      </c>
      <c r="CY28" s="83">
        <v>345</v>
      </c>
      <c r="CZ28" s="273"/>
      <c r="DA28" s="82">
        <v>324</v>
      </c>
      <c r="DB28" s="82">
        <v>205</v>
      </c>
      <c r="DC28" s="82">
        <v>138</v>
      </c>
      <c r="DD28" s="82">
        <v>204</v>
      </c>
      <c r="DE28" s="82">
        <v>113</v>
      </c>
      <c r="DF28" s="84">
        <v>984</v>
      </c>
      <c r="DG28" s="85">
        <v>1329</v>
      </c>
      <c r="DH28" s="70">
        <v>4</v>
      </c>
      <c r="DI28" s="71">
        <v>8</v>
      </c>
      <c r="DJ28" s="72">
        <v>12</v>
      </c>
      <c r="DK28" s="276"/>
      <c r="DL28" s="71">
        <v>9</v>
      </c>
      <c r="DM28" s="71">
        <v>8</v>
      </c>
      <c r="DN28" s="71">
        <v>3</v>
      </c>
      <c r="DO28" s="71">
        <v>3</v>
      </c>
      <c r="DP28" s="71">
        <v>3</v>
      </c>
      <c r="DQ28" s="72">
        <v>26</v>
      </c>
      <c r="DR28" s="73">
        <v>38</v>
      </c>
      <c r="DS28" s="70">
        <v>17</v>
      </c>
      <c r="DT28" s="71">
        <v>15</v>
      </c>
      <c r="DU28" s="72">
        <v>32</v>
      </c>
      <c r="DV28" s="276"/>
      <c r="DW28" s="71">
        <v>22</v>
      </c>
      <c r="DX28" s="71">
        <v>10</v>
      </c>
      <c r="DY28" s="71">
        <v>16</v>
      </c>
      <c r="DZ28" s="71">
        <v>13</v>
      </c>
      <c r="EA28" s="71">
        <v>7</v>
      </c>
      <c r="EB28" s="72">
        <v>68</v>
      </c>
      <c r="EC28" s="73">
        <v>100</v>
      </c>
      <c r="ED28" s="70">
        <v>41</v>
      </c>
      <c r="EE28" s="71">
        <v>29</v>
      </c>
      <c r="EF28" s="72">
        <v>70</v>
      </c>
      <c r="EG28" s="276"/>
      <c r="EH28" s="71">
        <v>47</v>
      </c>
      <c r="EI28" s="71">
        <v>22</v>
      </c>
      <c r="EJ28" s="71">
        <v>15</v>
      </c>
      <c r="EK28" s="71">
        <v>28</v>
      </c>
      <c r="EL28" s="71">
        <v>16</v>
      </c>
      <c r="EM28" s="72">
        <v>128</v>
      </c>
      <c r="EN28" s="73">
        <v>198</v>
      </c>
      <c r="EO28" s="70">
        <v>48</v>
      </c>
      <c r="EP28" s="71">
        <v>39</v>
      </c>
      <c r="EQ28" s="72">
        <v>87</v>
      </c>
      <c r="ER28" s="276"/>
      <c r="ES28" s="71">
        <v>73</v>
      </c>
      <c r="ET28" s="71">
        <v>55</v>
      </c>
      <c r="EU28" s="71">
        <v>22</v>
      </c>
      <c r="EV28" s="71">
        <v>42</v>
      </c>
      <c r="EW28" s="71">
        <v>16</v>
      </c>
      <c r="EX28" s="72">
        <v>208</v>
      </c>
      <c r="EY28" s="73">
        <v>295</v>
      </c>
      <c r="EZ28" s="70">
        <v>45</v>
      </c>
      <c r="FA28" s="71">
        <v>46</v>
      </c>
      <c r="FB28" s="72">
        <v>91</v>
      </c>
      <c r="FC28" s="276"/>
      <c r="FD28" s="71">
        <v>93</v>
      </c>
      <c r="FE28" s="71">
        <v>49</v>
      </c>
      <c r="FF28" s="71">
        <v>45</v>
      </c>
      <c r="FG28" s="71">
        <v>53</v>
      </c>
      <c r="FH28" s="71">
        <v>38</v>
      </c>
      <c r="FI28" s="72">
        <v>278</v>
      </c>
      <c r="FJ28" s="73">
        <v>369</v>
      </c>
      <c r="FK28" s="70">
        <v>23</v>
      </c>
      <c r="FL28" s="71">
        <v>30</v>
      </c>
      <c r="FM28" s="72">
        <v>53</v>
      </c>
      <c r="FN28" s="276"/>
      <c r="FO28" s="71">
        <v>80</v>
      </c>
      <c r="FP28" s="71">
        <v>61</v>
      </c>
      <c r="FQ28" s="71">
        <v>37</v>
      </c>
      <c r="FR28" s="71">
        <v>65</v>
      </c>
      <c r="FS28" s="71">
        <v>33</v>
      </c>
      <c r="FT28" s="72">
        <v>276</v>
      </c>
      <c r="FU28" s="73">
        <v>329</v>
      </c>
      <c r="FV28" s="70">
        <v>1</v>
      </c>
      <c r="FW28" s="71">
        <v>5</v>
      </c>
      <c r="FX28" s="72">
        <v>6</v>
      </c>
      <c r="FY28" s="276"/>
      <c r="FZ28" s="71">
        <v>4</v>
      </c>
      <c r="GA28" s="71">
        <v>3</v>
      </c>
      <c r="GB28" s="71">
        <v>3</v>
      </c>
      <c r="GC28" s="71">
        <v>3</v>
      </c>
      <c r="GD28" s="71">
        <v>7</v>
      </c>
      <c r="GE28" s="72">
        <v>20</v>
      </c>
      <c r="GF28" s="73">
        <v>26</v>
      </c>
      <c r="GG28" s="70">
        <v>179</v>
      </c>
      <c r="GH28" s="71">
        <v>172</v>
      </c>
      <c r="GI28" s="72">
        <v>351</v>
      </c>
      <c r="GJ28" s="276"/>
      <c r="GK28" s="71">
        <v>328</v>
      </c>
      <c r="GL28" s="71">
        <v>208</v>
      </c>
      <c r="GM28" s="71">
        <v>141</v>
      </c>
      <c r="GN28" s="71">
        <v>207</v>
      </c>
      <c r="GO28" s="71">
        <v>120</v>
      </c>
      <c r="GP28" s="72">
        <v>1004</v>
      </c>
      <c r="GQ28" s="73">
        <v>1355</v>
      </c>
      <c r="GR28" s="126">
        <v>267</v>
      </c>
      <c r="GS28" s="82">
        <v>264</v>
      </c>
      <c r="GT28" s="83">
        <v>531</v>
      </c>
      <c r="GU28" s="273"/>
      <c r="GV28" s="82">
        <v>534</v>
      </c>
      <c r="GW28" s="82">
        <v>320</v>
      </c>
      <c r="GX28" s="82">
        <v>235</v>
      </c>
      <c r="GY28" s="82">
        <v>315</v>
      </c>
      <c r="GZ28" s="82">
        <v>165</v>
      </c>
      <c r="HA28" s="84">
        <v>1569</v>
      </c>
      <c r="HB28" s="85">
        <v>2100</v>
      </c>
      <c r="HC28" s="70">
        <v>6</v>
      </c>
      <c r="HD28" s="71">
        <v>12</v>
      </c>
      <c r="HE28" s="72">
        <v>18</v>
      </c>
      <c r="HF28" s="276"/>
      <c r="HG28" s="71">
        <v>16</v>
      </c>
      <c r="HH28" s="71">
        <v>14</v>
      </c>
      <c r="HI28" s="71">
        <v>5</v>
      </c>
      <c r="HJ28" s="71">
        <v>8</v>
      </c>
      <c r="HK28" s="71">
        <v>5</v>
      </c>
      <c r="HL28" s="72">
        <v>48</v>
      </c>
      <c r="HM28" s="73">
        <v>66</v>
      </c>
      <c r="HN28" s="70">
        <v>26</v>
      </c>
      <c r="HO28" s="71">
        <v>29</v>
      </c>
      <c r="HP28" s="72">
        <v>55</v>
      </c>
      <c r="HQ28" s="276"/>
      <c r="HR28" s="71">
        <v>44</v>
      </c>
      <c r="HS28" s="71">
        <v>28</v>
      </c>
      <c r="HT28" s="71">
        <v>25</v>
      </c>
      <c r="HU28" s="71">
        <v>26</v>
      </c>
      <c r="HV28" s="71">
        <v>13</v>
      </c>
      <c r="HW28" s="72">
        <v>136</v>
      </c>
      <c r="HX28" s="73">
        <v>191</v>
      </c>
      <c r="HY28" s="70">
        <v>60</v>
      </c>
      <c r="HZ28" s="71">
        <v>52</v>
      </c>
      <c r="IA28" s="72">
        <v>112</v>
      </c>
      <c r="IB28" s="276"/>
      <c r="IC28" s="71">
        <v>84</v>
      </c>
      <c r="ID28" s="71">
        <v>40</v>
      </c>
      <c r="IE28" s="71">
        <v>30</v>
      </c>
      <c r="IF28" s="71">
        <v>53</v>
      </c>
      <c r="IG28" s="71">
        <v>28</v>
      </c>
      <c r="IH28" s="72">
        <v>235</v>
      </c>
      <c r="II28" s="73">
        <v>347</v>
      </c>
      <c r="IJ28" s="70">
        <v>78</v>
      </c>
      <c r="IK28" s="71">
        <v>67</v>
      </c>
      <c r="IL28" s="72">
        <v>145</v>
      </c>
      <c r="IM28" s="276"/>
      <c r="IN28" s="71">
        <v>133</v>
      </c>
      <c r="IO28" s="71">
        <v>88</v>
      </c>
      <c r="IP28" s="71">
        <v>53</v>
      </c>
      <c r="IQ28" s="71">
        <v>72</v>
      </c>
      <c r="IR28" s="71">
        <v>29</v>
      </c>
      <c r="IS28" s="72">
        <v>375</v>
      </c>
      <c r="IT28" s="73">
        <v>520</v>
      </c>
      <c r="IU28" s="70">
        <v>64</v>
      </c>
      <c r="IV28" s="71">
        <v>63</v>
      </c>
      <c r="IW28" s="72">
        <v>127</v>
      </c>
      <c r="IX28" s="276"/>
      <c r="IY28" s="71">
        <v>147</v>
      </c>
      <c r="IZ28" s="71">
        <v>81</v>
      </c>
      <c r="JA28" s="71">
        <v>68</v>
      </c>
      <c r="JB28" s="71">
        <v>74</v>
      </c>
      <c r="JC28" s="71">
        <v>50</v>
      </c>
      <c r="JD28" s="72">
        <v>420</v>
      </c>
      <c r="JE28" s="73">
        <v>547</v>
      </c>
      <c r="JF28" s="70">
        <v>33</v>
      </c>
      <c r="JG28" s="71">
        <v>41</v>
      </c>
      <c r="JH28" s="72">
        <v>74</v>
      </c>
      <c r="JI28" s="276"/>
      <c r="JJ28" s="71">
        <v>110</v>
      </c>
      <c r="JK28" s="71">
        <v>69</v>
      </c>
      <c r="JL28" s="71">
        <v>54</v>
      </c>
      <c r="JM28" s="71">
        <v>82</v>
      </c>
      <c r="JN28" s="71">
        <v>40</v>
      </c>
      <c r="JO28" s="72">
        <v>355</v>
      </c>
      <c r="JP28" s="73">
        <v>429</v>
      </c>
      <c r="JQ28" s="70">
        <v>4</v>
      </c>
      <c r="JR28" s="71">
        <v>7</v>
      </c>
      <c r="JS28" s="72">
        <v>11</v>
      </c>
      <c r="JT28" s="276"/>
      <c r="JU28" s="71">
        <v>8</v>
      </c>
      <c r="JV28" s="71">
        <v>12</v>
      </c>
      <c r="JW28" s="71">
        <v>5</v>
      </c>
      <c r="JX28" s="71">
        <v>6</v>
      </c>
      <c r="JY28" s="71">
        <v>9</v>
      </c>
      <c r="JZ28" s="72">
        <v>40</v>
      </c>
      <c r="KA28" s="73">
        <v>51</v>
      </c>
      <c r="KB28" s="70">
        <v>271</v>
      </c>
      <c r="KC28" s="71">
        <v>271</v>
      </c>
      <c r="KD28" s="72">
        <v>542</v>
      </c>
      <c r="KE28" s="276"/>
      <c r="KF28" s="71">
        <v>542</v>
      </c>
      <c r="KG28" s="71">
        <v>332</v>
      </c>
      <c r="KH28" s="71">
        <v>240</v>
      </c>
      <c r="KI28" s="71">
        <v>321</v>
      </c>
      <c r="KJ28" s="71">
        <v>174</v>
      </c>
      <c r="KK28" s="72">
        <v>1609</v>
      </c>
      <c r="KL28" s="73">
        <v>2151</v>
      </c>
    </row>
    <row r="29" spans="1:298" ht="19.5" customHeight="1" x14ac:dyDescent="0.2">
      <c r="A29" s="129" t="s">
        <v>26</v>
      </c>
      <c r="B29" s="350">
        <v>98</v>
      </c>
      <c r="C29" s="82">
        <v>56</v>
      </c>
      <c r="D29" s="83">
        <v>154</v>
      </c>
      <c r="E29" s="273"/>
      <c r="F29" s="82">
        <v>140</v>
      </c>
      <c r="G29" s="82">
        <v>110</v>
      </c>
      <c r="H29" s="82">
        <v>92</v>
      </c>
      <c r="I29" s="82">
        <v>68</v>
      </c>
      <c r="J29" s="82">
        <v>35</v>
      </c>
      <c r="K29" s="84">
        <v>445</v>
      </c>
      <c r="L29" s="85">
        <v>599</v>
      </c>
      <c r="M29" s="70">
        <v>3</v>
      </c>
      <c r="N29" s="71">
        <v>2</v>
      </c>
      <c r="O29" s="72">
        <v>5</v>
      </c>
      <c r="P29" s="276"/>
      <c r="Q29" s="71">
        <v>7</v>
      </c>
      <c r="R29" s="71">
        <v>5</v>
      </c>
      <c r="S29" s="71">
        <v>3</v>
      </c>
      <c r="T29" s="71">
        <v>3</v>
      </c>
      <c r="U29" s="71">
        <v>2</v>
      </c>
      <c r="V29" s="72">
        <v>20</v>
      </c>
      <c r="W29" s="73">
        <v>25</v>
      </c>
      <c r="X29" s="70">
        <v>14</v>
      </c>
      <c r="Y29" s="71">
        <v>4</v>
      </c>
      <c r="Z29" s="72">
        <v>18</v>
      </c>
      <c r="AA29" s="276"/>
      <c r="AB29" s="71">
        <v>13</v>
      </c>
      <c r="AC29" s="71">
        <v>9</v>
      </c>
      <c r="AD29" s="71">
        <v>10</v>
      </c>
      <c r="AE29" s="71">
        <v>5</v>
      </c>
      <c r="AF29" s="71">
        <v>8</v>
      </c>
      <c r="AG29" s="72">
        <v>45</v>
      </c>
      <c r="AH29" s="73">
        <v>63</v>
      </c>
      <c r="AI29" s="70">
        <v>18</v>
      </c>
      <c r="AJ29" s="71">
        <v>11</v>
      </c>
      <c r="AK29" s="72">
        <v>29</v>
      </c>
      <c r="AL29" s="276"/>
      <c r="AM29" s="71">
        <v>19</v>
      </c>
      <c r="AN29" s="71">
        <v>13</v>
      </c>
      <c r="AO29" s="71">
        <v>16</v>
      </c>
      <c r="AP29" s="71">
        <v>10</v>
      </c>
      <c r="AQ29" s="71">
        <v>5</v>
      </c>
      <c r="AR29" s="72">
        <v>63</v>
      </c>
      <c r="AS29" s="73">
        <v>92</v>
      </c>
      <c r="AT29" s="70">
        <v>23</v>
      </c>
      <c r="AU29" s="71">
        <v>12</v>
      </c>
      <c r="AV29" s="72">
        <v>35</v>
      </c>
      <c r="AW29" s="276"/>
      <c r="AX29" s="71">
        <v>41</v>
      </c>
      <c r="AY29" s="71">
        <v>21</v>
      </c>
      <c r="AZ29" s="71">
        <v>21</v>
      </c>
      <c r="BA29" s="71">
        <v>14</v>
      </c>
      <c r="BB29" s="71">
        <v>6</v>
      </c>
      <c r="BC29" s="72">
        <v>103</v>
      </c>
      <c r="BD29" s="73">
        <v>138</v>
      </c>
      <c r="BE29" s="70">
        <v>23</v>
      </c>
      <c r="BF29" s="71">
        <v>14</v>
      </c>
      <c r="BG29" s="72">
        <v>37</v>
      </c>
      <c r="BH29" s="276"/>
      <c r="BI29" s="71">
        <v>26</v>
      </c>
      <c r="BJ29" s="71">
        <v>36</v>
      </c>
      <c r="BK29" s="71">
        <v>25</v>
      </c>
      <c r="BL29" s="71">
        <v>17</v>
      </c>
      <c r="BM29" s="71">
        <v>8</v>
      </c>
      <c r="BN29" s="72">
        <v>112</v>
      </c>
      <c r="BO29" s="73">
        <v>149</v>
      </c>
      <c r="BP29" s="70">
        <v>17</v>
      </c>
      <c r="BQ29" s="71">
        <v>13</v>
      </c>
      <c r="BR29" s="72">
        <v>30</v>
      </c>
      <c r="BS29" s="276"/>
      <c r="BT29" s="71">
        <v>34</v>
      </c>
      <c r="BU29" s="71">
        <v>26</v>
      </c>
      <c r="BV29" s="71">
        <v>17</v>
      </c>
      <c r="BW29" s="71">
        <v>19</v>
      </c>
      <c r="BX29" s="71">
        <v>6</v>
      </c>
      <c r="BY29" s="72">
        <v>102</v>
      </c>
      <c r="BZ29" s="73">
        <v>132</v>
      </c>
      <c r="CA29" s="70">
        <v>3</v>
      </c>
      <c r="CB29" s="71">
        <v>1</v>
      </c>
      <c r="CC29" s="72">
        <v>4</v>
      </c>
      <c r="CD29" s="276"/>
      <c r="CE29" s="71">
        <v>4</v>
      </c>
      <c r="CF29" s="71">
        <v>2</v>
      </c>
      <c r="CG29" s="71">
        <v>1</v>
      </c>
      <c r="CH29" s="71">
        <v>4</v>
      </c>
      <c r="CI29" s="71">
        <v>2</v>
      </c>
      <c r="CJ29" s="72">
        <v>13</v>
      </c>
      <c r="CK29" s="73">
        <v>17</v>
      </c>
      <c r="CL29" s="70">
        <v>101</v>
      </c>
      <c r="CM29" s="71">
        <v>57</v>
      </c>
      <c r="CN29" s="72">
        <v>158</v>
      </c>
      <c r="CO29" s="276"/>
      <c r="CP29" s="71">
        <v>144</v>
      </c>
      <c r="CQ29" s="71">
        <v>112</v>
      </c>
      <c r="CR29" s="71">
        <v>93</v>
      </c>
      <c r="CS29" s="71">
        <v>72</v>
      </c>
      <c r="CT29" s="71">
        <v>37</v>
      </c>
      <c r="CU29" s="72">
        <v>458</v>
      </c>
      <c r="CV29" s="73">
        <v>616</v>
      </c>
      <c r="CW29" s="126">
        <v>168</v>
      </c>
      <c r="CX29" s="82">
        <v>180</v>
      </c>
      <c r="CY29" s="83">
        <v>348</v>
      </c>
      <c r="CZ29" s="273"/>
      <c r="DA29" s="82">
        <v>267</v>
      </c>
      <c r="DB29" s="82">
        <v>197</v>
      </c>
      <c r="DC29" s="82">
        <v>143</v>
      </c>
      <c r="DD29" s="82">
        <v>155</v>
      </c>
      <c r="DE29" s="82">
        <v>121</v>
      </c>
      <c r="DF29" s="84">
        <v>883</v>
      </c>
      <c r="DG29" s="85">
        <v>1231</v>
      </c>
      <c r="DH29" s="70">
        <v>4</v>
      </c>
      <c r="DI29" s="71">
        <v>5</v>
      </c>
      <c r="DJ29" s="72">
        <v>9</v>
      </c>
      <c r="DK29" s="276"/>
      <c r="DL29" s="71">
        <v>5</v>
      </c>
      <c r="DM29" s="71">
        <v>4</v>
      </c>
      <c r="DN29" s="71">
        <v>3</v>
      </c>
      <c r="DO29" s="71">
        <v>2</v>
      </c>
      <c r="DP29" s="71">
        <v>3</v>
      </c>
      <c r="DQ29" s="72">
        <v>17</v>
      </c>
      <c r="DR29" s="73">
        <v>26</v>
      </c>
      <c r="DS29" s="70">
        <v>13</v>
      </c>
      <c r="DT29" s="71">
        <v>9</v>
      </c>
      <c r="DU29" s="72">
        <v>22</v>
      </c>
      <c r="DV29" s="276"/>
      <c r="DW29" s="71">
        <v>16</v>
      </c>
      <c r="DX29" s="71">
        <v>9</v>
      </c>
      <c r="DY29" s="71">
        <v>6</v>
      </c>
      <c r="DZ29" s="71">
        <v>6</v>
      </c>
      <c r="EA29" s="71">
        <v>5</v>
      </c>
      <c r="EB29" s="72">
        <v>42</v>
      </c>
      <c r="EC29" s="73">
        <v>64</v>
      </c>
      <c r="ED29" s="70">
        <v>27</v>
      </c>
      <c r="EE29" s="71">
        <v>23</v>
      </c>
      <c r="EF29" s="72">
        <v>50</v>
      </c>
      <c r="EG29" s="276"/>
      <c r="EH29" s="71">
        <v>39</v>
      </c>
      <c r="EI29" s="71">
        <v>23</v>
      </c>
      <c r="EJ29" s="71">
        <v>13</v>
      </c>
      <c r="EK29" s="71">
        <v>7</v>
      </c>
      <c r="EL29" s="71">
        <v>10</v>
      </c>
      <c r="EM29" s="72">
        <v>92</v>
      </c>
      <c r="EN29" s="73">
        <v>142</v>
      </c>
      <c r="EO29" s="70">
        <v>41</v>
      </c>
      <c r="EP29" s="71">
        <v>47</v>
      </c>
      <c r="EQ29" s="72">
        <v>88</v>
      </c>
      <c r="ER29" s="276"/>
      <c r="ES29" s="71">
        <v>53</v>
      </c>
      <c r="ET29" s="71">
        <v>32</v>
      </c>
      <c r="EU29" s="71">
        <v>32</v>
      </c>
      <c r="EV29" s="71">
        <v>17</v>
      </c>
      <c r="EW29" s="71">
        <v>23</v>
      </c>
      <c r="EX29" s="72">
        <v>157</v>
      </c>
      <c r="EY29" s="73">
        <v>245</v>
      </c>
      <c r="EZ29" s="70">
        <v>51</v>
      </c>
      <c r="FA29" s="71">
        <v>57</v>
      </c>
      <c r="FB29" s="72">
        <v>108</v>
      </c>
      <c r="FC29" s="276"/>
      <c r="FD29" s="71">
        <v>81</v>
      </c>
      <c r="FE29" s="71">
        <v>50</v>
      </c>
      <c r="FF29" s="71">
        <v>28</v>
      </c>
      <c r="FG29" s="71">
        <v>43</v>
      </c>
      <c r="FH29" s="71">
        <v>22</v>
      </c>
      <c r="FI29" s="72">
        <v>224</v>
      </c>
      <c r="FJ29" s="73">
        <v>332</v>
      </c>
      <c r="FK29" s="70">
        <v>32</v>
      </c>
      <c r="FL29" s="71">
        <v>39</v>
      </c>
      <c r="FM29" s="72">
        <v>71</v>
      </c>
      <c r="FN29" s="276"/>
      <c r="FO29" s="71">
        <v>73</v>
      </c>
      <c r="FP29" s="71">
        <v>79</v>
      </c>
      <c r="FQ29" s="71">
        <v>61</v>
      </c>
      <c r="FR29" s="71">
        <v>80</v>
      </c>
      <c r="FS29" s="71">
        <v>58</v>
      </c>
      <c r="FT29" s="72">
        <v>351</v>
      </c>
      <c r="FU29" s="73">
        <v>422</v>
      </c>
      <c r="FV29" s="70">
        <v>2</v>
      </c>
      <c r="FW29" s="71">
        <v>2</v>
      </c>
      <c r="FX29" s="72">
        <v>4</v>
      </c>
      <c r="FY29" s="276"/>
      <c r="FZ29" s="71">
        <v>5</v>
      </c>
      <c r="GA29" s="71">
        <v>5</v>
      </c>
      <c r="GB29" s="71">
        <v>2</v>
      </c>
      <c r="GC29" s="71">
        <v>3</v>
      </c>
      <c r="GD29" s="71">
        <v>2</v>
      </c>
      <c r="GE29" s="72">
        <v>17</v>
      </c>
      <c r="GF29" s="73">
        <v>21</v>
      </c>
      <c r="GG29" s="70">
        <v>170</v>
      </c>
      <c r="GH29" s="71">
        <v>182</v>
      </c>
      <c r="GI29" s="72">
        <v>352</v>
      </c>
      <c r="GJ29" s="276"/>
      <c r="GK29" s="71">
        <v>272</v>
      </c>
      <c r="GL29" s="71">
        <v>202</v>
      </c>
      <c r="GM29" s="71">
        <v>145</v>
      </c>
      <c r="GN29" s="71">
        <v>158</v>
      </c>
      <c r="GO29" s="71">
        <v>123</v>
      </c>
      <c r="GP29" s="72">
        <v>900</v>
      </c>
      <c r="GQ29" s="73">
        <v>1252</v>
      </c>
      <c r="GR29" s="126">
        <v>266</v>
      </c>
      <c r="GS29" s="82">
        <v>236</v>
      </c>
      <c r="GT29" s="83">
        <v>502</v>
      </c>
      <c r="GU29" s="273"/>
      <c r="GV29" s="82">
        <v>407</v>
      </c>
      <c r="GW29" s="82">
        <v>307</v>
      </c>
      <c r="GX29" s="82">
        <v>235</v>
      </c>
      <c r="GY29" s="82">
        <v>223</v>
      </c>
      <c r="GZ29" s="82">
        <v>156</v>
      </c>
      <c r="HA29" s="84">
        <v>1328</v>
      </c>
      <c r="HB29" s="85">
        <v>1830</v>
      </c>
      <c r="HC29" s="70">
        <v>7</v>
      </c>
      <c r="HD29" s="71">
        <v>7</v>
      </c>
      <c r="HE29" s="72">
        <v>14</v>
      </c>
      <c r="HF29" s="276"/>
      <c r="HG29" s="71">
        <v>12</v>
      </c>
      <c r="HH29" s="71">
        <v>9</v>
      </c>
      <c r="HI29" s="71">
        <v>6</v>
      </c>
      <c r="HJ29" s="71">
        <v>5</v>
      </c>
      <c r="HK29" s="71">
        <v>5</v>
      </c>
      <c r="HL29" s="72">
        <v>37</v>
      </c>
      <c r="HM29" s="73">
        <v>51</v>
      </c>
      <c r="HN29" s="70">
        <v>27</v>
      </c>
      <c r="HO29" s="71">
        <v>13</v>
      </c>
      <c r="HP29" s="72">
        <v>40</v>
      </c>
      <c r="HQ29" s="276"/>
      <c r="HR29" s="71">
        <v>29</v>
      </c>
      <c r="HS29" s="71">
        <v>18</v>
      </c>
      <c r="HT29" s="71">
        <v>16</v>
      </c>
      <c r="HU29" s="71">
        <v>11</v>
      </c>
      <c r="HV29" s="71">
        <v>13</v>
      </c>
      <c r="HW29" s="72">
        <v>87</v>
      </c>
      <c r="HX29" s="73">
        <v>127</v>
      </c>
      <c r="HY29" s="70">
        <v>45</v>
      </c>
      <c r="HZ29" s="71">
        <v>34</v>
      </c>
      <c r="IA29" s="72">
        <v>79</v>
      </c>
      <c r="IB29" s="276"/>
      <c r="IC29" s="71">
        <v>58</v>
      </c>
      <c r="ID29" s="71">
        <v>36</v>
      </c>
      <c r="IE29" s="71">
        <v>29</v>
      </c>
      <c r="IF29" s="71">
        <v>17</v>
      </c>
      <c r="IG29" s="71">
        <v>15</v>
      </c>
      <c r="IH29" s="72">
        <v>155</v>
      </c>
      <c r="II29" s="73">
        <v>234</v>
      </c>
      <c r="IJ29" s="70">
        <v>64</v>
      </c>
      <c r="IK29" s="71">
        <v>59</v>
      </c>
      <c r="IL29" s="72">
        <v>123</v>
      </c>
      <c r="IM29" s="276"/>
      <c r="IN29" s="71">
        <v>94</v>
      </c>
      <c r="IO29" s="71">
        <v>53</v>
      </c>
      <c r="IP29" s="71">
        <v>53</v>
      </c>
      <c r="IQ29" s="71">
        <v>31</v>
      </c>
      <c r="IR29" s="71">
        <v>29</v>
      </c>
      <c r="IS29" s="72">
        <v>260</v>
      </c>
      <c r="IT29" s="73">
        <v>383</v>
      </c>
      <c r="IU29" s="70">
        <v>74</v>
      </c>
      <c r="IV29" s="71">
        <v>71</v>
      </c>
      <c r="IW29" s="72">
        <v>145</v>
      </c>
      <c r="IX29" s="276"/>
      <c r="IY29" s="71">
        <v>107</v>
      </c>
      <c r="IZ29" s="71">
        <v>86</v>
      </c>
      <c r="JA29" s="71">
        <v>53</v>
      </c>
      <c r="JB29" s="71">
        <v>60</v>
      </c>
      <c r="JC29" s="71">
        <v>30</v>
      </c>
      <c r="JD29" s="72">
        <v>336</v>
      </c>
      <c r="JE29" s="73">
        <v>481</v>
      </c>
      <c r="JF29" s="70">
        <v>49</v>
      </c>
      <c r="JG29" s="71">
        <v>52</v>
      </c>
      <c r="JH29" s="72">
        <v>101</v>
      </c>
      <c r="JI29" s="276"/>
      <c r="JJ29" s="71">
        <v>107</v>
      </c>
      <c r="JK29" s="71">
        <v>105</v>
      </c>
      <c r="JL29" s="71">
        <v>78</v>
      </c>
      <c r="JM29" s="71">
        <v>99</v>
      </c>
      <c r="JN29" s="71">
        <v>64</v>
      </c>
      <c r="JO29" s="72">
        <v>453</v>
      </c>
      <c r="JP29" s="73">
        <v>554</v>
      </c>
      <c r="JQ29" s="70">
        <v>5</v>
      </c>
      <c r="JR29" s="71">
        <v>3</v>
      </c>
      <c r="JS29" s="72">
        <v>8</v>
      </c>
      <c r="JT29" s="276"/>
      <c r="JU29" s="71">
        <v>9</v>
      </c>
      <c r="JV29" s="71">
        <v>7</v>
      </c>
      <c r="JW29" s="71">
        <v>3</v>
      </c>
      <c r="JX29" s="71">
        <v>7</v>
      </c>
      <c r="JY29" s="71">
        <v>4</v>
      </c>
      <c r="JZ29" s="72">
        <v>30</v>
      </c>
      <c r="KA29" s="73">
        <v>38</v>
      </c>
      <c r="KB29" s="70">
        <v>271</v>
      </c>
      <c r="KC29" s="71">
        <v>239</v>
      </c>
      <c r="KD29" s="72">
        <v>510</v>
      </c>
      <c r="KE29" s="276"/>
      <c r="KF29" s="71">
        <v>416</v>
      </c>
      <c r="KG29" s="71">
        <v>314</v>
      </c>
      <c r="KH29" s="71">
        <v>238</v>
      </c>
      <c r="KI29" s="71">
        <v>230</v>
      </c>
      <c r="KJ29" s="71">
        <v>160</v>
      </c>
      <c r="KK29" s="72">
        <v>1358</v>
      </c>
      <c r="KL29" s="73">
        <v>1868</v>
      </c>
    </row>
    <row r="30" spans="1:298" ht="19.5" customHeight="1" x14ac:dyDescent="0.2">
      <c r="A30" s="129" t="s">
        <v>27</v>
      </c>
      <c r="B30" s="350">
        <v>85</v>
      </c>
      <c r="C30" s="82">
        <v>106</v>
      </c>
      <c r="D30" s="83">
        <v>191</v>
      </c>
      <c r="E30" s="273"/>
      <c r="F30" s="82">
        <v>106</v>
      </c>
      <c r="G30" s="82">
        <v>91</v>
      </c>
      <c r="H30" s="82">
        <v>69</v>
      </c>
      <c r="I30" s="82">
        <v>66</v>
      </c>
      <c r="J30" s="82">
        <v>27</v>
      </c>
      <c r="K30" s="84">
        <v>359</v>
      </c>
      <c r="L30" s="85">
        <v>550</v>
      </c>
      <c r="M30" s="70">
        <v>4</v>
      </c>
      <c r="N30" s="71">
        <v>3</v>
      </c>
      <c r="O30" s="72">
        <v>7</v>
      </c>
      <c r="P30" s="276"/>
      <c r="Q30" s="71">
        <v>1</v>
      </c>
      <c r="R30" s="71">
        <v>7</v>
      </c>
      <c r="S30" s="71">
        <v>1</v>
      </c>
      <c r="T30" s="71">
        <v>0</v>
      </c>
      <c r="U30" s="71">
        <v>1</v>
      </c>
      <c r="V30" s="72">
        <v>10</v>
      </c>
      <c r="W30" s="73">
        <v>17</v>
      </c>
      <c r="X30" s="70">
        <v>10</v>
      </c>
      <c r="Y30" s="71">
        <v>10</v>
      </c>
      <c r="Z30" s="72">
        <v>20</v>
      </c>
      <c r="AA30" s="276"/>
      <c r="AB30" s="71">
        <v>12</v>
      </c>
      <c r="AC30" s="71">
        <v>16</v>
      </c>
      <c r="AD30" s="71">
        <v>9</v>
      </c>
      <c r="AE30" s="71">
        <v>11</v>
      </c>
      <c r="AF30" s="71">
        <v>2</v>
      </c>
      <c r="AG30" s="72">
        <v>50</v>
      </c>
      <c r="AH30" s="73">
        <v>70</v>
      </c>
      <c r="AI30" s="70">
        <v>14</v>
      </c>
      <c r="AJ30" s="71">
        <v>17</v>
      </c>
      <c r="AK30" s="72">
        <v>31</v>
      </c>
      <c r="AL30" s="276"/>
      <c r="AM30" s="71">
        <v>13</v>
      </c>
      <c r="AN30" s="71">
        <v>19</v>
      </c>
      <c r="AO30" s="71">
        <v>13</v>
      </c>
      <c r="AP30" s="71">
        <v>5</v>
      </c>
      <c r="AQ30" s="71">
        <v>6</v>
      </c>
      <c r="AR30" s="72">
        <v>56</v>
      </c>
      <c r="AS30" s="73">
        <v>87</v>
      </c>
      <c r="AT30" s="70">
        <v>22</v>
      </c>
      <c r="AU30" s="71">
        <v>26</v>
      </c>
      <c r="AV30" s="72">
        <v>48</v>
      </c>
      <c r="AW30" s="276"/>
      <c r="AX30" s="71">
        <v>32</v>
      </c>
      <c r="AY30" s="71">
        <v>15</v>
      </c>
      <c r="AZ30" s="71">
        <v>13</v>
      </c>
      <c r="BA30" s="71">
        <v>11</v>
      </c>
      <c r="BB30" s="71">
        <v>8</v>
      </c>
      <c r="BC30" s="72">
        <v>79</v>
      </c>
      <c r="BD30" s="73">
        <v>127</v>
      </c>
      <c r="BE30" s="70">
        <v>21</v>
      </c>
      <c r="BF30" s="71">
        <v>29</v>
      </c>
      <c r="BG30" s="72">
        <v>50</v>
      </c>
      <c r="BH30" s="276"/>
      <c r="BI30" s="71">
        <v>26</v>
      </c>
      <c r="BJ30" s="71">
        <v>20</v>
      </c>
      <c r="BK30" s="71">
        <v>17</v>
      </c>
      <c r="BL30" s="71">
        <v>19</v>
      </c>
      <c r="BM30" s="71">
        <v>6</v>
      </c>
      <c r="BN30" s="72">
        <v>88</v>
      </c>
      <c r="BO30" s="73">
        <v>138</v>
      </c>
      <c r="BP30" s="70">
        <v>14</v>
      </c>
      <c r="BQ30" s="71">
        <v>21</v>
      </c>
      <c r="BR30" s="72">
        <v>35</v>
      </c>
      <c r="BS30" s="276"/>
      <c r="BT30" s="71">
        <v>22</v>
      </c>
      <c r="BU30" s="71">
        <v>14</v>
      </c>
      <c r="BV30" s="71">
        <v>16</v>
      </c>
      <c r="BW30" s="71">
        <v>20</v>
      </c>
      <c r="BX30" s="71">
        <v>4</v>
      </c>
      <c r="BY30" s="72">
        <v>76</v>
      </c>
      <c r="BZ30" s="73">
        <v>111</v>
      </c>
      <c r="CA30" s="70">
        <v>1</v>
      </c>
      <c r="CB30" s="71">
        <v>2</v>
      </c>
      <c r="CC30" s="72">
        <v>3</v>
      </c>
      <c r="CD30" s="276"/>
      <c r="CE30" s="71">
        <v>4</v>
      </c>
      <c r="CF30" s="71">
        <v>2</v>
      </c>
      <c r="CG30" s="71">
        <v>4</v>
      </c>
      <c r="CH30" s="71">
        <v>1</v>
      </c>
      <c r="CI30" s="71">
        <v>2</v>
      </c>
      <c r="CJ30" s="72">
        <v>13</v>
      </c>
      <c r="CK30" s="73">
        <v>16</v>
      </c>
      <c r="CL30" s="70">
        <v>86</v>
      </c>
      <c r="CM30" s="71">
        <v>108</v>
      </c>
      <c r="CN30" s="72">
        <v>194</v>
      </c>
      <c r="CO30" s="276"/>
      <c r="CP30" s="71">
        <v>110</v>
      </c>
      <c r="CQ30" s="71">
        <v>93</v>
      </c>
      <c r="CR30" s="71">
        <v>73</v>
      </c>
      <c r="CS30" s="71">
        <v>67</v>
      </c>
      <c r="CT30" s="71">
        <v>29</v>
      </c>
      <c r="CU30" s="72">
        <v>372</v>
      </c>
      <c r="CV30" s="73">
        <v>566</v>
      </c>
      <c r="CW30" s="126">
        <v>239</v>
      </c>
      <c r="CX30" s="82">
        <v>161</v>
      </c>
      <c r="CY30" s="83">
        <v>400</v>
      </c>
      <c r="CZ30" s="273"/>
      <c r="DA30" s="82">
        <v>194</v>
      </c>
      <c r="DB30" s="82">
        <v>156</v>
      </c>
      <c r="DC30" s="82">
        <v>159</v>
      </c>
      <c r="DD30" s="82">
        <v>141</v>
      </c>
      <c r="DE30" s="82">
        <v>96</v>
      </c>
      <c r="DF30" s="84">
        <v>746</v>
      </c>
      <c r="DG30" s="85">
        <v>1146</v>
      </c>
      <c r="DH30" s="70">
        <v>3</v>
      </c>
      <c r="DI30" s="71">
        <v>4</v>
      </c>
      <c r="DJ30" s="72">
        <v>7</v>
      </c>
      <c r="DK30" s="276"/>
      <c r="DL30" s="71">
        <v>0</v>
      </c>
      <c r="DM30" s="71">
        <v>2</v>
      </c>
      <c r="DN30" s="71">
        <v>2</v>
      </c>
      <c r="DO30" s="71">
        <v>2</v>
      </c>
      <c r="DP30" s="71">
        <v>2</v>
      </c>
      <c r="DQ30" s="72">
        <v>8</v>
      </c>
      <c r="DR30" s="73">
        <v>15</v>
      </c>
      <c r="DS30" s="70">
        <v>17</v>
      </c>
      <c r="DT30" s="71">
        <v>10</v>
      </c>
      <c r="DU30" s="72">
        <v>27</v>
      </c>
      <c r="DV30" s="276"/>
      <c r="DW30" s="71">
        <v>10</v>
      </c>
      <c r="DX30" s="71">
        <v>9</v>
      </c>
      <c r="DY30" s="71">
        <v>9</v>
      </c>
      <c r="DZ30" s="71">
        <v>9</v>
      </c>
      <c r="EA30" s="71">
        <v>4</v>
      </c>
      <c r="EB30" s="72">
        <v>41</v>
      </c>
      <c r="EC30" s="73">
        <v>68</v>
      </c>
      <c r="ED30" s="70">
        <v>30</v>
      </c>
      <c r="EE30" s="71">
        <v>18</v>
      </c>
      <c r="EF30" s="72">
        <v>48</v>
      </c>
      <c r="EG30" s="276"/>
      <c r="EH30" s="71">
        <v>15</v>
      </c>
      <c r="EI30" s="71">
        <v>20</v>
      </c>
      <c r="EJ30" s="71">
        <v>8</v>
      </c>
      <c r="EK30" s="71">
        <v>12</v>
      </c>
      <c r="EL30" s="71">
        <v>11</v>
      </c>
      <c r="EM30" s="72">
        <v>66</v>
      </c>
      <c r="EN30" s="73">
        <v>114</v>
      </c>
      <c r="EO30" s="70">
        <v>65</v>
      </c>
      <c r="EP30" s="71">
        <v>45</v>
      </c>
      <c r="EQ30" s="72">
        <v>110</v>
      </c>
      <c r="ER30" s="276"/>
      <c r="ES30" s="71">
        <v>39</v>
      </c>
      <c r="ET30" s="71">
        <v>29</v>
      </c>
      <c r="EU30" s="71">
        <v>28</v>
      </c>
      <c r="EV30" s="71">
        <v>23</v>
      </c>
      <c r="EW30" s="71">
        <v>19</v>
      </c>
      <c r="EX30" s="72">
        <v>138</v>
      </c>
      <c r="EY30" s="73">
        <v>248</v>
      </c>
      <c r="EZ30" s="70">
        <v>75</v>
      </c>
      <c r="FA30" s="71">
        <v>50</v>
      </c>
      <c r="FB30" s="72">
        <v>125</v>
      </c>
      <c r="FC30" s="276"/>
      <c r="FD30" s="71">
        <v>64</v>
      </c>
      <c r="FE30" s="71">
        <v>44</v>
      </c>
      <c r="FF30" s="71">
        <v>37</v>
      </c>
      <c r="FG30" s="71">
        <v>24</v>
      </c>
      <c r="FH30" s="71">
        <v>28</v>
      </c>
      <c r="FI30" s="72">
        <v>197</v>
      </c>
      <c r="FJ30" s="73">
        <v>322</v>
      </c>
      <c r="FK30" s="70">
        <v>49</v>
      </c>
      <c r="FL30" s="71">
        <v>34</v>
      </c>
      <c r="FM30" s="72">
        <v>83</v>
      </c>
      <c r="FN30" s="276"/>
      <c r="FO30" s="71">
        <v>66</v>
      </c>
      <c r="FP30" s="71">
        <v>52</v>
      </c>
      <c r="FQ30" s="71">
        <v>75</v>
      </c>
      <c r="FR30" s="71">
        <v>71</v>
      </c>
      <c r="FS30" s="71">
        <v>32</v>
      </c>
      <c r="FT30" s="72">
        <v>296</v>
      </c>
      <c r="FU30" s="73">
        <v>379</v>
      </c>
      <c r="FV30" s="70">
        <v>0</v>
      </c>
      <c r="FW30" s="71">
        <v>3</v>
      </c>
      <c r="FX30" s="72">
        <v>3</v>
      </c>
      <c r="FY30" s="276"/>
      <c r="FZ30" s="71">
        <v>5</v>
      </c>
      <c r="GA30" s="71">
        <v>2</v>
      </c>
      <c r="GB30" s="71">
        <v>1</v>
      </c>
      <c r="GC30" s="71">
        <v>1</v>
      </c>
      <c r="GD30" s="71">
        <v>3</v>
      </c>
      <c r="GE30" s="72">
        <v>12</v>
      </c>
      <c r="GF30" s="73">
        <v>15</v>
      </c>
      <c r="GG30" s="70">
        <v>239</v>
      </c>
      <c r="GH30" s="71">
        <v>164</v>
      </c>
      <c r="GI30" s="72">
        <v>403</v>
      </c>
      <c r="GJ30" s="276"/>
      <c r="GK30" s="71">
        <v>199</v>
      </c>
      <c r="GL30" s="71">
        <v>158</v>
      </c>
      <c r="GM30" s="71">
        <v>160</v>
      </c>
      <c r="GN30" s="71">
        <v>142</v>
      </c>
      <c r="GO30" s="71">
        <v>99</v>
      </c>
      <c r="GP30" s="72">
        <v>758</v>
      </c>
      <c r="GQ30" s="73">
        <v>1161</v>
      </c>
      <c r="GR30" s="126">
        <v>324</v>
      </c>
      <c r="GS30" s="82">
        <v>267</v>
      </c>
      <c r="GT30" s="83">
        <v>591</v>
      </c>
      <c r="GU30" s="273"/>
      <c r="GV30" s="82">
        <v>300</v>
      </c>
      <c r="GW30" s="82">
        <v>247</v>
      </c>
      <c r="GX30" s="82">
        <v>228</v>
      </c>
      <c r="GY30" s="82">
        <v>207</v>
      </c>
      <c r="GZ30" s="82">
        <v>123</v>
      </c>
      <c r="HA30" s="84">
        <v>1105</v>
      </c>
      <c r="HB30" s="85">
        <v>1696</v>
      </c>
      <c r="HC30" s="70">
        <v>7</v>
      </c>
      <c r="HD30" s="71">
        <v>7</v>
      </c>
      <c r="HE30" s="72">
        <v>14</v>
      </c>
      <c r="HF30" s="276"/>
      <c r="HG30" s="71">
        <v>1</v>
      </c>
      <c r="HH30" s="71">
        <v>9</v>
      </c>
      <c r="HI30" s="71">
        <v>3</v>
      </c>
      <c r="HJ30" s="71">
        <v>2</v>
      </c>
      <c r="HK30" s="71">
        <v>3</v>
      </c>
      <c r="HL30" s="72">
        <v>18</v>
      </c>
      <c r="HM30" s="73">
        <v>32</v>
      </c>
      <c r="HN30" s="70">
        <v>27</v>
      </c>
      <c r="HO30" s="71">
        <v>20</v>
      </c>
      <c r="HP30" s="72">
        <v>47</v>
      </c>
      <c r="HQ30" s="276"/>
      <c r="HR30" s="71">
        <v>22</v>
      </c>
      <c r="HS30" s="71">
        <v>25</v>
      </c>
      <c r="HT30" s="71">
        <v>18</v>
      </c>
      <c r="HU30" s="71">
        <v>20</v>
      </c>
      <c r="HV30" s="71">
        <v>6</v>
      </c>
      <c r="HW30" s="72">
        <v>91</v>
      </c>
      <c r="HX30" s="73">
        <v>138</v>
      </c>
      <c r="HY30" s="70">
        <v>44</v>
      </c>
      <c r="HZ30" s="71">
        <v>35</v>
      </c>
      <c r="IA30" s="72">
        <v>79</v>
      </c>
      <c r="IB30" s="276"/>
      <c r="IC30" s="71">
        <v>28</v>
      </c>
      <c r="ID30" s="71">
        <v>39</v>
      </c>
      <c r="IE30" s="71">
        <v>21</v>
      </c>
      <c r="IF30" s="71">
        <v>17</v>
      </c>
      <c r="IG30" s="71">
        <v>17</v>
      </c>
      <c r="IH30" s="72">
        <v>122</v>
      </c>
      <c r="II30" s="73">
        <v>201</v>
      </c>
      <c r="IJ30" s="70">
        <v>87</v>
      </c>
      <c r="IK30" s="71">
        <v>71</v>
      </c>
      <c r="IL30" s="72">
        <v>158</v>
      </c>
      <c r="IM30" s="276"/>
      <c r="IN30" s="71">
        <v>71</v>
      </c>
      <c r="IO30" s="71">
        <v>44</v>
      </c>
      <c r="IP30" s="71">
        <v>41</v>
      </c>
      <c r="IQ30" s="71">
        <v>34</v>
      </c>
      <c r="IR30" s="71">
        <v>27</v>
      </c>
      <c r="IS30" s="72">
        <v>217</v>
      </c>
      <c r="IT30" s="73">
        <v>375</v>
      </c>
      <c r="IU30" s="70">
        <v>96</v>
      </c>
      <c r="IV30" s="71">
        <v>79</v>
      </c>
      <c r="IW30" s="72">
        <v>175</v>
      </c>
      <c r="IX30" s="276"/>
      <c r="IY30" s="71">
        <v>90</v>
      </c>
      <c r="IZ30" s="71">
        <v>64</v>
      </c>
      <c r="JA30" s="71">
        <v>54</v>
      </c>
      <c r="JB30" s="71">
        <v>43</v>
      </c>
      <c r="JC30" s="71">
        <v>34</v>
      </c>
      <c r="JD30" s="72">
        <v>285</v>
      </c>
      <c r="JE30" s="73">
        <v>460</v>
      </c>
      <c r="JF30" s="70">
        <v>63</v>
      </c>
      <c r="JG30" s="71">
        <v>55</v>
      </c>
      <c r="JH30" s="72">
        <v>118</v>
      </c>
      <c r="JI30" s="276"/>
      <c r="JJ30" s="71">
        <v>88</v>
      </c>
      <c r="JK30" s="71">
        <v>66</v>
      </c>
      <c r="JL30" s="71">
        <v>91</v>
      </c>
      <c r="JM30" s="71">
        <v>91</v>
      </c>
      <c r="JN30" s="71">
        <v>36</v>
      </c>
      <c r="JO30" s="72">
        <v>372</v>
      </c>
      <c r="JP30" s="73">
        <v>490</v>
      </c>
      <c r="JQ30" s="70">
        <v>1</v>
      </c>
      <c r="JR30" s="71">
        <v>5</v>
      </c>
      <c r="JS30" s="72">
        <v>6</v>
      </c>
      <c r="JT30" s="276"/>
      <c r="JU30" s="71">
        <v>9</v>
      </c>
      <c r="JV30" s="71">
        <v>4</v>
      </c>
      <c r="JW30" s="71">
        <v>5</v>
      </c>
      <c r="JX30" s="71">
        <v>2</v>
      </c>
      <c r="JY30" s="71">
        <v>5</v>
      </c>
      <c r="JZ30" s="72">
        <v>25</v>
      </c>
      <c r="KA30" s="73">
        <v>31</v>
      </c>
      <c r="KB30" s="70">
        <v>325</v>
      </c>
      <c r="KC30" s="71">
        <v>272</v>
      </c>
      <c r="KD30" s="72">
        <v>597</v>
      </c>
      <c r="KE30" s="276"/>
      <c r="KF30" s="71">
        <v>309</v>
      </c>
      <c r="KG30" s="71">
        <v>251</v>
      </c>
      <c r="KH30" s="71">
        <v>233</v>
      </c>
      <c r="KI30" s="71">
        <v>209</v>
      </c>
      <c r="KJ30" s="71">
        <v>128</v>
      </c>
      <c r="KK30" s="72">
        <v>1130</v>
      </c>
      <c r="KL30" s="73">
        <v>1727</v>
      </c>
    </row>
    <row r="31" spans="1:298" ht="19.5" customHeight="1" x14ac:dyDescent="0.2">
      <c r="A31" s="129" t="s">
        <v>28</v>
      </c>
      <c r="B31" s="350">
        <v>15</v>
      </c>
      <c r="C31" s="82">
        <v>15</v>
      </c>
      <c r="D31" s="83">
        <v>30</v>
      </c>
      <c r="E31" s="273"/>
      <c r="F31" s="82">
        <v>38</v>
      </c>
      <c r="G31" s="82">
        <v>47</v>
      </c>
      <c r="H31" s="82">
        <v>22</v>
      </c>
      <c r="I31" s="82">
        <v>17</v>
      </c>
      <c r="J31" s="82">
        <v>11</v>
      </c>
      <c r="K31" s="84">
        <v>135</v>
      </c>
      <c r="L31" s="85">
        <v>165</v>
      </c>
      <c r="M31" s="70">
        <v>0</v>
      </c>
      <c r="N31" s="71">
        <v>2</v>
      </c>
      <c r="O31" s="72">
        <v>2</v>
      </c>
      <c r="P31" s="276"/>
      <c r="Q31" s="71">
        <v>1</v>
      </c>
      <c r="R31" s="71">
        <v>1</v>
      </c>
      <c r="S31" s="71">
        <v>2</v>
      </c>
      <c r="T31" s="71">
        <v>0</v>
      </c>
      <c r="U31" s="71">
        <v>3</v>
      </c>
      <c r="V31" s="72">
        <v>7</v>
      </c>
      <c r="W31" s="73">
        <v>9</v>
      </c>
      <c r="X31" s="70">
        <v>2</v>
      </c>
      <c r="Y31" s="71">
        <v>3</v>
      </c>
      <c r="Z31" s="72">
        <v>5</v>
      </c>
      <c r="AA31" s="276"/>
      <c r="AB31" s="71">
        <v>2</v>
      </c>
      <c r="AC31" s="71">
        <v>8</v>
      </c>
      <c r="AD31" s="71">
        <v>2</v>
      </c>
      <c r="AE31" s="71">
        <v>2</v>
      </c>
      <c r="AF31" s="71">
        <v>0</v>
      </c>
      <c r="AG31" s="72">
        <v>14</v>
      </c>
      <c r="AH31" s="73">
        <v>19</v>
      </c>
      <c r="AI31" s="70">
        <v>4</v>
      </c>
      <c r="AJ31" s="71">
        <v>3</v>
      </c>
      <c r="AK31" s="72">
        <v>7</v>
      </c>
      <c r="AL31" s="276"/>
      <c r="AM31" s="71">
        <v>5</v>
      </c>
      <c r="AN31" s="71">
        <v>8</v>
      </c>
      <c r="AO31" s="71">
        <v>3</v>
      </c>
      <c r="AP31" s="71">
        <v>3</v>
      </c>
      <c r="AQ31" s="71">
        <v>1</v>
      </c>
      <c r="AR31" s="72">
        <v>20</v>
      </c>
      <c r="AS31" s="73">
        <v>27</v>
      </c>
      <c r="AT31" s="70">
        <v>6</v>
      </c>
      <c r="AU31" s="71">
        <v>3</v>
      </c>
      <c r="AV31" s="72">
        <v>9</v>
      </c>
      <c r="AW31" s="276"/>
      <c r="AX31" s="71">
        <v>8</v>
      </c>
      <c r="AY31" s="71">
        <v>8</v>
      </c>
      <c r="AZ31" s="71">
        <v>2</v>
      </c>
      <c r="BA31" s="71">
        <v>2</v>
      </c>
      <c r="BB31" s="71">
        <v>2</v>
      </c>
      <c r="BC31" s="72">
        <v>22</v>
      </c>
      <c r="BD31" s="73">
        <v>31</v>
      </c>
      <c r="BE31" s="70">
        <v>2</v>
      </c>
      <c r="BF31" s="71">
        <v>4</v>
      </c>
      <c r="BG31" s="72">
        <v>6</v>
      </c>
      <c r="BH31" s="276"/>
      <c r="BI31" s="71">
        <v>17</v>
      </c>
      <c r="BJ31" s="71">
        <v>5</v>
      </c>
      <c r="BK31" s="71">
        <v>6</v>
      </c>
      <c r="BL31" s="71">
        <v>7</v>
      </c>
      <c r="BM31" s="71">
        <v>3</v>
      </c>
      <c r="BN31" s="72">
        <v>38</v>
      </c>
      <c r="BO31" s="73">
        <v>44</v>
      </c>
      <c r="BP31" s="70">
        <v>1</v>
      </c>
      <c r="BQ31" s="71">
        <v>0</v>
      </c>
      <c r="BR31" s="72">
        <v>1</v>
      </c>
      <c r="BS31" s="276"/>
      <c r="BT31" s="71">
        <v>5</v>
      </c>
      <c r="BU31" s="71">
        <v>17</v>
      </c>
      <c r="BV31" s="71">
        <v>7</v>
      </c>
      <c r="BW31" s="71">
        <v>3</v>
      </c>
      <c r="BX31" s="71">
        <v>2</v>
      </c>
      <c r="BY31" s="72">
        <v>34</v>
      </c>
      <c r="BZ31" s="73">
        <v>35</v>
      </c>
      <c r="CA31" s="70">
        <v>0</v>
      </c>
      <c r="CB31" s="71">
        <v>1</v>
      </c>
      <c r="CC31" s="72">
        <v>1</v>
      </c>
      <c r="CD31" s="276"/>
      <c r="CE31" s="71">
        <v>0</v>
      </c>
      <c r="CF31" s="71">
        <v>1</v>
      </c>
      <c r="CG31" s="71">
        <v>0</v>
      </c>
      <c r="CH31" s="71">
        <v>1</v>
      </c>
      <c r="CI31" s="71">
        <v>2</v>
      </c>
      <c r="CJ31" s="72">
        <v>4</v>
      </c>
      <c r="CK31" s="73">
        <v>5</v>
      </c>
      <c r="CL31" s="70">
        <v>15</v>
      </c>
      <c r="CM31" s="71">
        <v>16</v>
      </c>
      <c r="CN31" s="72">
        <v>31</v>
      </c>
      <c r="CO31" s="276"/>
      <c r="CP31" s="71">
        <v>38</v>
      </c>
      <c r="CQ31" s="71">
        <v>48</v>
      </c>
      <c r="CR31" s="71">
        <v>22</v>
      </c>
      <c r="CS31" s="71">
        <v>18</v>
      </c>
      <c r="CT31" s="71">
        <v>13</v>
      </c>
      <c r="CU31" s="72">
        <v>139</v>
      </c>
      <c r="CV31" s="73">
        <v>170</v>
      </c>
      <c r="CW31" s="126">
        <v>25</v>
      </c>
      <c r="CX31" s="82">
        <v>31</v>
      </c>
      <c r="CY31" s="83">
        <v>56</v>
      </c>
      <c r="CZ31" s="273"/>
      <c r="DA31" s="82">
        <v>54</v>
      </c>
      <c r="DB31" s="82">
        <v>67</v>
      </c>
      <c r="DC31" s="82">
        <v>47</v>
      </c>
      <c r="DD31" s="82">
        <v>51</v>
      </c>
      <c r="DE31" s="82">
        <v>32</v>
      </c>
      <c r="DF31" s="84">
        <v>251</v>
      </c>
      <c r="DG31" s="85">
        <v>307</v>
      </c>
      <c r="DH31" s="70">
        <v>4</v>
      </c>
      <c r="DI31" s="71">
        <v>3</v>
      </c>
      <c r="DJ31" s="72">
        <v>7</v>
      </c>
      <c r="DK31" s="276"/>
      <c r="DL31" s="71">
        <v>2</v>
      </c>
      <c r="DM31" s="71">
        <v>2</v>
      </c>
      <c r="DN31" s="71">
        <v>0</v>
      </c>
      <c r="DO31" s="71">
        <v>0</v>
      </c>
      <c r="DP31" s="71">
        <v>0</v>
      </c>
      <c r="DQ31" s="72">
        <v>4</v>
      </c>
      <c r="DR31" s="73">
        <v>11</v>
      </c>
      <c r="DS31" s="70">
        <v>2</v>
      </c>
      <c r="DT31" s="71">
        <v>3</v>
      </c>
      <c r="DU31" s="72">
        <v>5</v>
      </c>
      <c r="DV31" s="276"/>
      <c r="DW31" s="71">
        <v>2</v>
      </c>
      <c r="DX31" s="71">
        <v>3</v>
      </c>
      <c r="DY31" s="71">
        <v>1</v>
      </c>
      <c r="DZ31" s="71">
        <v>3</v>
      </c>
      <c r="EA31" s="71">
        <v>0</v>
      </c>
      <c r="EB31" s="72">
        <v>9</v>
      </c>
      <c r="EC31" s="73">
        <v>14</v>
      </c>
      <c r="ED31" s="70">
        <v>6</v>
      </c>
      <c r="EE31" s="71">
        <v>5</v>
      </c>
      <c r="EF31" s="72">
        <v>11</v>
      </c>
      <c r="EG31" s="276"/>
      <c r="EH31" s="71">
        <v>10</v>
      </c>
      <c r="EI31" s="71">
        <v>6</v>
      </c>
      <c r="EJ31" s="71">
        <v>10</v>
      </c>
      <c r="EK31" s="71">
        <v>4</v>
      </c>
      <c r="EL31" s="71">
        <v>4</v>
      </c>
      <c r="EM31" s="72">
        <v>34</v>
      </c>
      <c r="EN31" s="73">
        <v>45</v>
      </c>
      <c r="EO31" s="70">
        <v>8</v>
      </c>
      <c r="EP31" s="71">
        <v>6</v>
      </c>
      <c r="EQ31" s="72">
        <v>14</v>
      </c>
      <c r="ER31" s="276"/>
      <c r="ES31" s="71">
        <v>13</v>
      </c>
      <c r="ET31" s="71">
        <v>20</v>
      </c>
      <c r="EU31" s="71">
        <v>4</v>
      </c>
      <c r="EV31" s="71">
        <v>7</v>
      </c>
      <c r="EW31" s="71">
        <v>8</v>
      </c>
      <c r="EX31" s="72">
        <v>52</v>
      </c>
      <c r="EY31" s="73">
        <v>66</v>
      </c>
      <c r="EZ31" s="70">
        <v>4</v>
      </c>
      <c r="FA31" s="71">
        <v>9</v>
      </c>
      <c r="FB31" s="72">
        <v>13</v>
      </c>
      <c r="FC31" s="276"/>
      <c r="FD31" s="71">
        <v>16</v>
      </c>
      <c r="FE31" s="71">
        <v>15</v>
      </c>
      <c r="FF31" s="71">
        <v>11</v>
      </c>
      <c r="FG31" s="71">
        <v>18</v>
      </c>
      <c r="FH31" s="71">
        <v>6</v>
      </c>
      <c r="FI31" s="72">
        <v>66</v>
      </c>
      <c r="FJ31" s="73">
        <v>79</v>
      </c>
      <c r="FK31" s="70">
        <v>1</v>
      </c>
      <c r="FL31" s="71">
        <v>5</v>
      </c>
      <c r="FM31" s="72">
        <v>6</v>
      </c>
      <c r="FN31" s="276"/>
      <c r="FO31" s="71">
        <v>11</v>
      </c>
      <c r="FP31" s="71">
        <v>21</v>
      </c>
      <c r="FQ31" s="71">
        <v>21</v>
      </c>
      <c r="FR31" s="71">
        <v>19</v>
      </c>
      <c r="FS31" s="71">
        <v>14</v>
      </c>
      <c r="FT31" s="72">
        <v>86</v>
      </c>
      <c r="FU31" s="73">
        <v>92</v>
      </c>
      <c r="FV31" s="70">
        <v>0</v>
      </c>
      <c r="FW31" s="71">
        <v>0</v>
      </c>
      <c r="FX31" s="72">
        <v>0</v>
      </c>
      <c r="FY31" s="276"/>
      <c r="FZ31" s="71">
        <v>1</v>
      </c>
      <c r="GA31" s="71">
        <v>1</v>
      </c>
      <c r="GB31" s="71">
        <v>0</v>
      </c>
      <c r="GC31" s="71">
        <v>2</v>
      </c>
      <c r="GD31" s="71">
        <v>1</v>
      </c>
      <c r="GE31" s="72">
        <v>5</v>
      </c>
      <c r="GF31" s="73">
        <v>5</v>
      </c>
      <c r="GG31" s="70">
        <v>25</v>
      </c>
      <c r="GH31" s="71">
        <v>31</v>
      </c>
      <c r="GI31" s="72">
        <v>56</v>
      </c>
      <c r="GJ31" s="276"/>
      <c r="GK31" s="71">
        <v>55</v>
      </c>
      <c r="GL31" s="71">
        <v>68</v>
      </c>
      <c r="GM31" s="71">
        <v>47</v>
      </c>
      <c r="GN31" s="71">
        <v>53</v>
      </c>
      <c r="GO31" s="71">
        <v>33</v>
      </c>
      <c r="GP31" s="72">
        <v>256</v>
      </c>
      <c r="GQ31" s="73">
        <v>312</v>
      </c>
      <c r="GR31" s="126">
        <v>40</v>
      </c>
      <c r="GS31" s="82">
        <v>46</v>
      </c>
      <c r="GT31" s="83">
        <v>86</v>
      </c>
      <c r="GU31" s="273"/>
      <c r="GV31" s="82">
        <v>92</v>
      </c>
      <c r="GW31" s="82">
        <v>114</v>
      </c>
      <c r="GX31" s="82">
        <v>69</v>
      </c>
      <c r="GY31" s="82">
        <v>68</v>
      </c>
      <c r="GZ31" s="82">
        <v>43</v>
      </c>
      <c r="HA31" s="84">
        <v>386</v>
      </c>
      <c r="HB31" s="85">
        <v>472</v>
      </c>
      <c r="HC31" s="70">
        <v>4</v>
      </c>
      <c r="HD31" s="71">
        <v>5</v>
      </c>
      <c r="HE31" s="72">
        <v>9</v>
      </c>
      <c r="HF31" s="276"/>
      <c r="HG31" s="71">
        <v>3</v>
      </c>
      <c r="HH31" s="71">
        <v>3</v>
      </c>
      <c r="HI31" s="71">
        <v>2</v>
      </c>
      <c r="HJ31" s="71">
        <v>0</v>
      </c>
      <c r="HK31" s="71">
        <v>3</v>
      </c>
      <c r="HL31" s="72">
        <v>11</v>
      </c>
      <c r="HM31" s="73">
        <v>20</v>
      </c>
      <c r="HN31" s="70">
        <v>4</v>
      </c>
      <c r="HO31" s="71">
        <v>6</v>
      </c>
      <c r="HP31" s="72">
        <v>10</v>
      </c>
      <c r="HQ31" s="276"/>
      <c r="HR31" s="71">
        <v>4</v>
      </c>
      <c r="HS31" s="71">
        <v>11</v>
      </c>
      <c r="HT31" s="71">
        <v>3</v>
      </c>
      <c r="HU31" s="71">
        <v>5</v>
      </c>
      <c r="HV31" s="71">
        <v>0</v>
      </c>
      <c r="HW31" s="72">
        <v>23</v>
      </c>
      <c r="HX31" s="73">
        <v>33</v>
      </c>
      <c r="HY31" s="70">
        <v>10</v>
      </c>
      <c r="HZ31" s="71">
        <v>8</v>
      </c>
      <c r="IA31" s="72">
        <v>18</v>
      </c>
      <c r="IB31" s="276"/>
      <c r="IC31" s="71">
        <v>15</v>
      </c>
      <c r="ID31" s="71">
        <v>14</v>
      </c>
      <c r="IE31" s="71">
        <v>13</v>
      </c>
      <c r="IF31" s="71">
        <v>7</v>
      </c>
      <c r="IG31" s="71">
        <v>5</v>
      </c>
      <c r="IH31" s="72">
        <v>54</v>
      </c>
      <c r="II31" s="73">
        <v>72</v>
      </c>
      <c r="IJ31" s="70">
        <v>14</v>
      </c>
      <c r="IK31" s="71">
        <v>9</v>
      </c>
      <c r="IL31" s="72">
        <v>23</v>
      </c>
      <c r="IM31" s="276"/>
      <c r="IN31" s="71">
        <v>21</v>
      </c>
      <c r="IO31" s="71">
        <v>28</v>
      </c>
      <c r="IP31" s="71">
        <v>6</v>
      </c>
      <c r="IQ31" s="71">
        <v>9</v>
      </c>
      <c r="IR31" s="71">
        <v>10</v>
      </c>
      <c r="IS31" s="72">
        <v>74</v>
      </c>
      <c r="IT31" s="73">
        <v>97</v>
      </c>
      <c r="IU31" s="70">
        <v>6</v>
      </c>
      <c r="IV31" s="71">
        <v>13</v>
      </c>
      <c r="IW31" s="72">
        <v>19</v>
      </c>
      <c r="IX31" s="276"/>
      <c r="IY31" s="71">
        <v>33</v>
      </c>
      <c r="IZ31" s="71">
        <v>20</v>
      </c>
      <c r="JA31" s="71">
        <v>17</v>
      </c>
      <c r="JB31" s="71">
        <v>25</v>
      </c>
      <c r="JC31" s="71">
        <v>9</v>
      </c>
      <c r="JD31" s="72">
        <v>104</v>
      </c>
      <c r="JE31" s="73">
        <v>123</v>
      </c>
      <c r="JF31" s="70">
        <v>2</v>
      </c>
      <c r="JG31" s="71">
        <v>5</v>
      </c>
      <c r="JH31" s="72">
        <v>7</v>
      </c>
      <c r="JI31" s="276"/>
      <c r="JJ31" s="71">
        <v>16</v>
      </c>
      <c r="JK31" s="71">
        <v>38</v>
      </c>
      <c r="JL31" s="71">
        <v>28</v>
      </c>
      <c r="JM31" s="71">
        <v>22</v>
      </c>
      <c r="JN31" s="71">
        <v>16</v>
      </c>
      <c r="JO31" s="72">
        <v>120</v>
      </c>
      <c r="JP31" s="73">
        <v>127</v>
      </c>
      <c r="JQ31" s="70">
        <v>0</v>
      </c>
      <c r="JR31" s="71">
        <v>1</v>
      </c>
      <c r="JS31" s="72">
        <v>1</v>
      </c>
      <c r="JT31" s="276"/>
      <c r="JU31" s="71">
        <v>1</v>
      </c>
      <c r="JV31" s="71">
        <v>2</v>
      </c>
      <c r="JW31" s="71">
        <v>0</v>
      </c>
      <c r="JX31" s="71">
        <v>3</v>
      </c>
      <c r="JY31" s="71">
        <v>3</v>
      </c>
      <c r="JZ31" s="72">
        <v>9</v>
      </c>
      <c r="KA31" s="73">
        <v>10</v>
      </c>
      <c r="KB31" s="70">
        <v>40</v>
      </c>
      <c r="KC31" s="71">
        <v>47</v>
      </c>
      <c r="KD31" s="72">
        <v>87</v>
      </c>
      <c r="KE31" s="276"/>
      <c r="KF31" s="71">
        <v>93</v>
      </c>
      <c r="KG31" s="71">
        <v>116</v>
      </c>
      <c r="KH31" s="71">
        <v>69</v>
      </c>
      <c r="KI31" s="71">
        <v>71</v>
      </c>
      <c r="KJ31" s="71">
        <v>46</v>
      </c>
      <c r="KK31" s="72">
        <v>395</v>
      </c>
      <c r="KL31" s="73">
        <v>482</v>
      </c>
    </row>
    <row r="32" spans="1:298" ht="19.5" customHeight="1" x14ac:dyDescent="0.2">
      <c r="A32" s="129" t="s">
        <v>29</v>
      </c>
      <c r="B32" s="350">
        <v>20</v>
      </c>
      <c r="C32" s="82">
        <v>22</v>
      </c>
      <c r="D32" s="83">
        <v>42</v>
      </c>
      <c r="E32" s="273"/>
      <c r="F32" s="82">
        <v>41</v>
      </c>
      <c r="G32" s="82">
        <v>57</v>
      </c>
      <c r="H32" s="82">
        <v>41</v>
      </c>
      <c r="I32" s="82">
        <v>43</v>
      </c>
      <c r="J32" s="82">
        <v>14</v>
      </c>
      <c r="K32" s="84">
        <v>196</v>
      </c>
      <c r="L32" s="85">
        <v>238</v>
      </c>
      <c r="M32" s="70">
        <v>1</v>
      </c>
      <c r="N32" s="71">
        <v>2</v>
      </c>
      <c r="O32" s="72">
        <v>3</v>
      </c>
      <c r="P32" s="276"/>
      <c r="Q32" s="71">
        <v>3</v>
      </c>
      <c r="R32" s="71">
        <v>2</v>
      </c>
      <c r="S32" s="71">
        <v>6</v>
      </c>
      <c r="T32" s="71">
        <v>0</v>
      </c>
      <c r="U32" s="71">
        <v>0</v>
      </c>
      <c r="V32" s="72">
        <v>11</v>
      </c>
      <c r="W32" s="73">
        <v>14</v>
      </c>
      <c r="X32" s="70">
        <v>3</v>
      </c>
      <c r="Y32" s="71">
        <v>3</v>
      </c>
      <c r="Z32" s="72">
        <v>6</v>
      </c>
      <c r="AA32" s="276"/>
      <c r="AB32" s="71">
        <v>7</v>
      </c>
      <c r="AC32" s="71">
        <v>7</v>
      </c>
      <c r="AD32" s="71">
        <v>2</v>
      </c>
      <c r="AE32" s="71">
        <v>7</v>
      </c>
      <c r="AF32" s="71">
        <v>3</v>
      </c>
      <c r="AG32" s="72">
        <v>26</v>
      </c>
      <c r="AH32" s="73">
        <v>32</v>
      </c>
      <c r="AI32" s="70">
        <v>7</v>
      </c>
      <c r="AJ32" s="71">
        <v>6</v>
      </c>
      <c r="AK32" s="72">
        <v>13</v>
      </c>
      <c r="AL32" s="276"/>
      <c r="AM32" s="71">
        <v>7</v>
      </c>
      <c r="AN32" s="71">
        <v>7</v>
      </c>
      <c r="AO32" s="71">
        <v>5</v>
      </c>
      <c r="AP32" s="71">
        <v>8</v>
      </c>
      <c r="AQ32" s="71">
        <v>2</v>
      </c>
      <c r="AR32" s="72">
        <v>29</v>
      </c>
      <c r="AS32" s="73">
        <v>42</v>
      </c>
      <c r="AT32" s="70">
        <v>4</v>
      </c>
      <c r="AU32" s="71">
        <v>5</v>
      </c>
      <c r="AV32" s="72">
        <v>9</v>
      </c>
      <c r="AW32" s="276"/>
      <c r="AX32" s="71">
        <v>7</v>
      </c>
      <c r="AY32" s="71">
        <v>15</v>
      </c>
      <c r="AZ32" s="71">
        <v>9</v>
      </c>
      <c r="BA32" s="71">
        <v>11</v>
      </c>
      <c r="BB32" s="71">
        <v>3</v>
      </c>
      <c r="BC32" s="72">
        <v>45</v>
      </c>
      <c r="BD32" s="73">
        <v>54</v>
      </c>
      <c r="BE32" s="70">
        <v>3</v>
      </c>
      <c r="BF32" s="71">
        <v>3</v>
      </c>
      <c r="BG32" s="72">
        <v>6</v>
      </c>
      <c r="BH32" s="276"/>
      <c r="BI32" s="71">
        <v>10</v>
      </c>
      <c r="BJ32" s="71">
        <v>13</v>
      </c>
      <c r="BK32" s="71">
        <v>11</v>
      </c>
      <c r="BL32" s="71">
        <v>13</v>
      </c>
      <c r="BM32" s="71">
        <v>3</v>
      </c>
      <c r="BN32" s="72">
        <v>50</v>
      </c>
      <c r="BO32" s="73">
        <v>56</v>
      </c>
      <c r="BP32" s="70">
        <v>2</v>
      </c>
      <c r="BQ32" s="71">
        <v>3</v>
      </c>
      <c r="BR32" s="72">
        <v>5</v>
      </c>
      <c r="BS32" s="276"/>
      <c r="BT32" s="71">
        <v>7</v>
      </c>
      <c r="BU32" s="71">
        <v>13</v>
      </c>
      <c r="BV32" s="71">
        <v>8</v>
      </c>
      <c r="BW32" s="71">
        <v>4</v>
      </c>
      <c r="BX32" s="71">
        <v>3</v>
      </c>
      <c r="BY32" s="72">
        <v>35</v>
      </c>
      <c r="BZ32" s="73">
        <v>40</v>
      </c>
      <c r="CA32" s="70">
        <v>1</v>
      </c>
      <c r="CB32" s="71">
        <v>2</v>
      </c>
      <c r="CC32" s="72">
        <v>3</v>
      </c>
      <c r="CD32" s="276"/>
      <c r="CE32" s="71">
        <v>1</v>
      </c>
      <c r="CF32" s="71">
        <v>3</v>
      </c>
      <c r="CG32" s="71">
        <v>2</v>
      </c>
      <c r="CH32" s="71">
        <v>1</v>
      </c>
      <c r="CI32" s="71">
        <v>1</v>
      </c>
      <c r="CJ32" s="72">
        <v>8</v>
      </c>
      <c r="CK32" s="73">
        <v>11</v>
      </c>
      <c r="CL32" s="70">
        <v>21</v>
      </c>
      <c r="CM32" s="71">
        <v>24</v>
      </c>
      <c r="CN32" s="72">
        <v>45</v>
      </c>
      <c r="CO32" s="276"/>
      <c r="CP32" s="71">
        <v>42</v>
      </c>
      <c r="CQ32" s="71">
        <v>60</v>
      </c>
      <c r="CR32" s="71">
        <v>43</v>
      </c>
      <c r="CS32" s="71">
        <v>44</v>
      </c>
      <c r="CT32" s="71">
        <v>15</v>
      </c>
      <c r="CU32" s="72">
        <v>204</v>
      </c>
      <c r="CV32" s="73">
        <v>249</v>
      </c>
      <c r="CW32" s="126">
        <v>40</v>
      </c>
      <c r="CX32" s="82">
        <v>51</v>
      </c>
      <c r="CY32" s="83">
        <v>91</v>
      </c>
      <c r="CZ32" s="273"/>
      <c r="DA32" s="82">
        <v>78</v>
      </c>
      <c r="DB32" s="82">
        <v>78</v>
      </c>
      <c r="DC32" s="82">
        <v>58</v>
      </c>
      <c r="DD32" s="82">
        <v>74</v>
      </c>
      <c r="DE32" s="82">
        <v>56</v>
      </c>
      <c r="DF32" s="84">
        <v>344</v>
      </c>
      <c r="DG32" s="85">
        <v>435</v>
      </c>
      <c r="DH32" s="70">
        <v>1</v>
      </c>
      <c r="DI32" s="71">
        <v>4</v>
      </c>
      <c r="DJ32" s="72">
        <v>5</v>
      </c>
      <c r="DK32" s="276"/>
      <c r="DL32" s="71">
        <v>1</v>
      </c>
      <c r="DM32" s="71">
        <v>3</v>
      </c>
      <c r="DN32" s="71">
        <v>0</v>
      </c>
      <c r="DO32" s="71">
        <v>3</v>
      </c>
      <c r="DP32" s="71">
        <v>3</v>
      </c>
      <c r="DQ32" s="72">
        <v>10</v>
      </c>
      <c r="DR32" s="73">
        <v>15</v>
      </c>
      <c r="DS32" s="70">
        <v>4</v>
      </c>
      <c r="DT32" s="71">
        <v>2</v>
      </c>
      <c r="DU32" s="72">
        <v>6</v>
      </c>
      <c r="DV32" s="276"/>
      <c r="DW32" s="71">
        <v>3</v>
      </c>
      <c r="DX32" s="71">
        <v>4</v>
      </c>
      <c r="DY32" s="71">
        <v>5</v>
      </c>
      <c r="DZ32" s="71">
        <v>3</v>
      </c>
      <c r="EA32" s="71">
        <v>3</v>
      </c>
      <c r="EB32" s="72">
        <v>18</v>
      </c>
      <c r="EC32" s="73">
        <v>24</v>
      </c>
      <c r="ED32" s="70">
        <v>6</v>
      </c>
      <c r="EE32" s="71">
        <v>9</v>
      </c>
      <c r="EF32" s="72">
        <v>15</v>
      </c>
      <c r="EG32" s="276"/>
      <c r="EH32" s="71">
        <v>10</v>
      </c>
      <c r="EI32" s="71">
        <v>8</v>
      </c>
      <c r="EJ32" s="71">
        <v>3</v>
      </c>
      <c r="EK32" s="71">
        <v>8</v>
      </c>
      <c r="EL32" s="71">
        <v>6</v>
      </c>
      <c r="EM32" s="72">
        <v>35</v>
      </c>
      <c r="EN32" s="73">
        <v>50</v>
      </c>
      <c r="EO32" s="70">
        <v>7</v>
      </c>
      <c r="EP32" s="71">
        <v>17</v>
      </c>
      <c r="EQ32" s="72">
        <v>24</v>
      </c>
      <c r="ER32" s="276"/>
      <c r="ES32" s="71">
        <v>22</v>
      </c>
      <c r="ET32" s="71">
        <v>17</v>
      </c>
      <c r="EU32" s="71">
        <v>11</v>
      </c>
      <c r="EV32" s="71">
        <v>17</v>
      </c>
      <c r="EW32" s="71">
        <v>7</v>
      </c>
      <c r="EX32" s="72">
        <v>74</v>
      </c>
      <c r="EY32" s="73">
        <v>98</v>
      </c>
      <c r="EZ32" s="70">
        <v>15</v>
      </c>
      <c r="FA32" s="71">
        <v>13</v>
      </c>
      <c r="FB32" s="72">
        <v>28</v>
      </c>
      <c r="FC32" s="276"/>
      <c r="FD32" s="71">
        <v>30</v>
      </c>
      <c r="FE32" s="71">
        <v>16</v>
      </c>
      <c r="FF32" s="71">
        <v>17</v>
      </c>
      <c r="FG32" s="71">
        <v>19</v>
      </c>
      <c r="FH32" s="71">
        <v>15</v>
      </c>
      <c r="FI32" s="72">
        <v>97</v>
      </c>
      <c r="FJ32" s="73">
        <v>125</v>
      </c>
      <c r="FK32" s="70">
        <v>7</v>
      </c>
      <c r="FL32" s="71">
        <v>6</v>
      </c>
      <c r="FM32" s="72">
        <v>13</v>
      </c>
      <c r="FN32" s="276"/>
      <c r="FO32" s="71">
        <v>12</v>
      </c>
      <c r="FP32" s="71">
        <v>30</v>
      </c>
      <c r="FQ32" s="71">
        <v>22</v>
      </c>
      <c r="FR32" s="71">
        <v>24</v>
      </c>
      <c r="FS32" s="71">
        <v>22</v>
      </c>
      <c r="FT32" s="72">
        <v>110</v>
      </c>
      <c r="FU32" s="73">
        <v>123</v>
      </c>
      <c r="FV32" s="70">
        <v>1</v>
      </c>
      <c r="FW32" s="71">
        <v>1</v>
      </c>
      <c r="FX32" s="72">
        <v>2</v>
      </c>
      <c r="FY32" s="276"/>
      <c r="FZ32" s="71">
        <v>1</v>
      </c>
      <c r="GA32" s="71">
        <v>1</v>
      </c>
      <c r="GB32" s="71">
        <v>0</v>
      </c>
      <c r="GC32" s="71">
        <v>0</v>
      </c>
      <c r="GD32" s="71">
        <v>0</v>
      </c>
      <c r="GE32" s="72">
        <v>2</v>
      </c>
      <c r="GF32" s="73">
        <v>4</v>
      </c>
      <c r="GG32" s="70">
        <v>41</v>
      </c>
      <c r="GH32" s="71">
        <v>52</v>
      </c>
      <c r="GI32" s="72">
        <v>93</v>
      </c>
      <c r="GJ32" s="276"/>
      <c r="GK32" s="71">
        <v>79</v>
      </c>
      <c r="GL32" s="71">
        <v>79</v>
      </c>
      <c r="GM32" s="71">
        <v>58</v>
      </c>
      <c r="GN32" s="71">
        <v>74</v>
      </c>
      <c r="GO32" s="71">
        <v>56</v>
      </c>
      <c r="GP32" s="72">
        <v>346</v>
      </c>
      <c r="GQ32" s="73">
        <v>439</v>
      </c>
      <c r="GR32" s="126">
        <v>60</v>
      </c>
      <c r="GS32" s="82">
        <v>73</v>
      </c>
      <c r="GT32" s="83">
        <v>133</v>
      </c>
      <c r="GU32" s="273"/>
      <c r="GV32" s="82">
        <v>119</v>
      </c>
      <c r="GW32" s="82">
        <v>135</v>
      </c>
      <c r="GX32" s="82">
        <v>99</v>
      </c>
      <c r="GY32" s="82">
        <v>117</v>
      </c>
      <c r="GZ32" s="82">
        <v>70</v>
      </c>
      <c r="HA32" s="84">
        <v>540</v>
      </c>
      <c r="HB32" s="85">
        <v>673</v>
      </c>
      <c r="HC32" s="70">
        <v>2</v>
      </c>
      <c r="HD32" s="71">
        <v>6</v>
      </c>
      <c r="HE32" s="72">
        <v>8</v>
      </c>
      <c r="HF32" s="276"/>
      <c r="HG32" s="71">
        <v>4</v>
      </c>
      <c r="HH32" s="71">
        <v>5</v>
      </c>
      <c r="HI32" s="71">
        <v>6</v>
      </c>
      <c r="HJ32" s="71">
        <v>3</v>
      </c>
      <c r="HK32" s="71">
        <v>3</v>
      </c>
      <c r="HL32" s="72">
        <v>21</v>
      </c>
      <c r="HM32" s="73">
        <v>29</v>
      </c>
      <c r="HN32" s="70">
        <v>7</v>
      </c>
      <c r="HO32" s="71">
        <v>5</v>
      </c>
      <c r="HP32" s="72">
        <v>12</v>
      </c>
      <c r="HQ32" s="276"/>
      <c r="HR32" s="71">
        <v>10</v>
      </c>
      <c r="HS32" s="71">
        <v>11</v>
      </c>
      <c r="HT32" s="71">
        <v>7</v>
      </c>
      <c r="HU32" s="71">
        <v>10</v>
      </c>
      <c r="HV32" s="71">
        <v>6</v>
      </c>
      <c r="HW32" s="72">
        <v>44</v>
      </c>
      <c r="HX32" s="73">
        <v>56</v>
      </c>
      <c r="HY32" s="70">
        <v>13</v>
      </c>
      <c r="HZ32" s="71">
        <v>15</v>
      </c>
      <c r="IA32" s="72">
        <v>28</v>
      </c>
      <c r="IB32" s="276"/>
      <c r="IC32" s="71">
        <v>17</v>
      </c>
      <c r="ID32" s="71">
        <v>15</v>
      </c>
      <c r="IE32" s="71">
        <v>8</v>
      </c>
      <c r="IF32" s="71">
        <v>16</v>
      </c>
      <c r="IG32" s="71">
        <v>8</v>
      </c>
      <c r="IH32" s="72">
        <v>64</v>
      </c>
      <c r="II32" s="73">
        <v>92</v>
      </c>
      <c r="IJ32" s="70">
        <v>11</v>
      </c>
      <c r="IK32" s="71">
        <v>22</v>
      </c>
      <c r="IL32" s="72">
        <v>33</v>
      </c>
      <c r="IM32" s="276"/>
      <c r="IN32" s="71">
        <v>29</v>
      </c>
      <c r="IO32" s="71">
        <v>32</v>
      </c>
      <c r="IP32" s="71">
        <v>20</v>
      </c>
      <c r="IQ32" s="71">
        <v>28</v>
      </c>
      <c r="IR32" s="71">
        <v>10</v>
      </c>
      <c r="IS32" s="72">
        <v>119</v>
      </c>
      <c r="IT32" s="73">
        <v>152</v>
      </c>
      <c r="IU32" s="70">
        <v>18</v>
      </c>
      <c r="IV32" s="71">
        <v>16</v>
      </c>
      <c r="IW32" s="72">
        <v>34</v>
      </c>
      <c r="IX32" s="276"/>
      <c r="IY32" s="71">
        <v>40</v>
      </c>
      <c r="IZ32" s="71">
        <v>29</v>
      </c>
      <c r="JA32" s="71">
        <v>28</v>
      </c>
      <c r="JB32" s="71">
        <v>32</v>
      </c>
      <c r="JC32" s="71">
        <v>18</v>
      </c>
      <c r="JD32" s="72">
        <v>147</v>
      </c>
      <c r="JE32" s="73">
        <v>181</v>
      </c>
      <c r="JF32" s="70">
        <v>9</v>
      </c>
      <c r="JG32" s="71">
        <v>9</v>
      </c>
      <c r="JH32" s="72">
        <v>18</v>
      </c>
      <c r="JI32" s="276"/>
      <c r="JJ32" s="71">
        <v>19</v>
      </c>
      <c r="JK32" s="71">
        <v>43</v>
      </c>
      <c r="JL32" s="71">
        <v>30</v>
      </c>
      <c r="JM32" s="71">
        <v>28</v>
      </c>
      <c r="JN32" s="71">
        <v>25</v>
      </c>
      <c r="JO32" s="72">
        <v>145</v>
      </c>
      <c r="JP32" s="73">
        <v>163</v>
      </c>
      <c r="JQ32" s="70">
        <v>2</v>
      </c>
      <c r="JR32" s="71">
        <v>3</v>
      </c>
      <c r="JS32" s="72">
        <v>5</v>
      </c>
      <c r="JT32" s="276"/>
      <c r="JU32" s="71">
        <v>2</v>
      </c>
      <c r="JV32" s="71">
        <v>4</v>
      </c>
      <c r="JW32" s="71">
        <v>2</v>
      </c>
      <c r="JX32" s="71">
        <v>1</v>
      </c>
      <c r="JY32" s="71">
        <v>1</v>
      </c>
      <c r="JZ32" s="72">
        <v>10</v>
      </c>
      <c r="KA32" s="73">
        <v>15</v>
      </c>
      <c r="KB32" s="70">
        <v>62</v>
      </c>
      <c r="KC32" s="71">
        <v>76</v>
      </c>
      <c r="KD32" s="72">
        <v>138</v>
      </c>
      <c r="KE32" s="276"/>
      <c r="KF32" s="71">
        <v>121</v>
      </c>
      <c r="KG32" s="71">
        <v>139</v>
      </c>
      <c r="KH32" s="71">
        <v>101</v>
      </c>
      <c r="KI32" s="71">
        <v>118</v>
      </c>
      <c r="KJ32" s="71">
        <v>71</v>
      </c>
      <c r="KK32" s="72">
        <v>550</v>
      </c>
      <c r="KL32" s="73">
        <v>688</v>
      </c>
    </row>
    <row r="33" spans="1:298" ht="19.5" customHeight="1" x14ac:dyDescent="0.2">
      <c r="A33" s="129" t="s">
        <v>30</v>
      </c>
      <c r="B33" s="350">
        <v>14</v>
      </c>
      <c r="C33" s="82">
        <v>13</v>
      </c>
      <c r="D33" s="83">
        <v>27</v>
      </c>
      <c r="E33" s="273"/>
      <c r="F33" s="82">
        <v>41</v>
      </c>
      <c r="G33" s="82">
        <v>40</v>
      </c>
      <c r="H33" s="82">
        <v>29</v>
      </c>
      <c r="I33" s="82">
        <v>33</v>
      </c>
      <c r="J33" s="82">
        <v>9</v>
      </c>
      <c r="K33" s="84">
        <v>152</v>
      </c>
      <c r="L33" s="85">
        <v>179</v>
      </c>
      <c r="M33" s="70">
        <v>2</v>
      </c>
      <c r="N33" s="71">
        <v>0</v>
      </c>
      <c r="O33" s="72">
        <v>2</v>
      </c>
      <c r="P33" s="276"/>
      <c r="Q33" s="71">
        <v>4</v>
      </c>
      <c r="R33" s="71">
        <v>3</v>
      </c>
      <c r="S33" s="71">
        <v>2</v>
      </c>
      <c r="T33" s="71">
        <v>1</v>
      </c>
      <c r="U33" s="71">
        <v>0</v>
      </c>
      <c r="V33" s="72">
        <v>10</v>
      </c>
      <c r="W33" s="73">
        <v>12</v>
      </c>
      <c r="X33" s="70">
        <v>4</v>
      </c>
      <c r="Y33" s="71">
        <v>2</v>
      </c>
      <c r="Z33" s="72">
        <v>6</v>
      </c>
      <c r="AA33" s="276"/>
      <c r="AB33" s="71">
        <v>6</v>
      </c>
      <c r="AC33" s="71">
        <v>4</v>
      </c>
      <c r="AD33" s="71">
        <v>2</v>
      </c>
      <c r="AE33" s="71">
        <v>4</v>
      </c>
      <c r="AF33" s="71">
        <v>2</v>
      </c>
      <c r="AG33" s="72">
        <v>18</v>
      </c>
      <c r="AH33" s="73">
        <v>24</v>
      </c>
      <c r="AI33" s="70">
        <v>1</v>
      </c>
      <c r="AJ33" s="71">
        <v>4</v>
      </c>
      <c r="AK33" s="72">
        <v>5</v>
      </c>
      <c r="AL33" s="276"/>
      <c r="AM33" s="71">
        <v>4</v>
      </c>
      <c r="AN33" s="71">
        <v>3</v>
      </c>
      <c r="AO33" s="71">
        <v>4</v>
      </c>
      <c r="AP33" s="71">
        <v>5</v>
      </c>
      <c r="AQ33" s="71">
        <v>1</v>
      </c>
      <c r="AR33" s="72">
        <v>17</v>
      </c>
      <c r="AS33" s="73">
        <v>22</v>
      </c>
      <c r="AT33" s="70">
        <v>1</v>
      </c>
      <c r="AU33" s="71">
        <v>3</v>
      </c>
      <c r="AV33" s="72">
        <v>4</v>
      </c>
      <c r="AW33" s="276"/>
      <c r="AX33" s="71">
        <v>10</v>
      </c>
      <c r="AY33" s="71">
        <v>11</v>
      </c>
      <c r="AZ33" s="71">
        <v>10</v>
      </c>
      <c r="BA33" s="71">
        <v>6</v>
      </c>
      <c r="BB33" s="71">
        <v>2</v>
      </c>
      <c r="BC33" s="72">
        <v>39</v>
      </c>
      <c r="BD33" s="73">
        <v>43</v>
      </c>
      <c r="BE33" s="70">
        <v>5</v>
      </c>
      <c r="BF33" s="71">
        <v>2</v>
      </c>
      <c r="BG33" s="72">
        <v>7</v>
      </c>
      <c r="BH33" s="276"/>
      <c r="BI33" s="71">
        <v>8</v>
      </c>
      <c r="BJ33" s="71">
        <v>10</v>
      </c>
      <c r="BK33" s="71">
        <v>5</v>
      </c>
      <c r="BL33" s="71">
        <v>8</v>
      </c>
      <c r="BM33" s="71">
        <v>3</v>
      </c>
      <c r="BN33" s="72">
        <v>34</v>
      </c>
      <c r="BO33" s="73">
        <v>41</v>
      </c>
      <c r="BP33" s="70">
        <v>1</v>
      </c>
      <c r="BQ33" s="71">
        <v>2</v>
      </c>
      <c r="BR33" s="72">
        <v>3</v>
      </c>
      <c r="BS33" s="276"/>
      <c r="BT33" s="71">
        <v>9</v>
      </c>
      <c r="BU33" s="71">
        <v>9</v>
      </c>
      <c r="BV33" s="71">
        <v>6</v>
      </c>
      <c r="BW33" s="71">
        <v>9</v>
      </c>
      <c r="BX33" s="71">
        <v>1</v>
      </c>
      <c r="BY33" s="72">
        <v>34</v>
      </c>
      <c r="BZ33" s="73">
        <v>37</v>
      </c>
      <c r="CA33" s="70">
        <v>0</v>
      </c>
      <c r="CB33" s="71">
        <v>0</v>
      </c>
      <c r="CC33" s="72">
        <v>0</v>
      </c>
      <c r="CD33" s="276"/>
      <c r="CE33" s="71">
        <v>1</v>
      </c>
      <c r="CF33" s="71">
        <v>0</v>
      </c>
      <c r="CG33" s="71">
        <v>2</v>
      </c>
      <c r="CH33" s="71">
        <v>1</v>
      </c>
      <c r="CI33" s="71">
        <v>1</v>
      </c>
      <c r="CJ33" s="72">
        <v>5</v>
      </c>
      <c r="CK33" s="73">
        <v>5</v>
      </c>
      <c r="CL33" s="70">
        <v>14</v>
      </c>
      <c r="CM33" s="71">
        <v>13</v>
      </c>
      <c r="CN33" s="72">
        <v>27</v>
      </c>
      <c r="CO33" s="276"/>
      <c r="CP33" s="71">
        <v>42</v>
      </c>
      <c r="CQ33" s="71">
        <v>40</v>
      </c>
      <c r="CR33" s="71">
        <v>31</v>
      </c>
      <c r="CS33" s="71">
        <v>34</v>
      </c>
      <c r="CT33" s="71">
        <v>10</v>
      </c>
      <c r="CU33" s="72">
        <v>157</v>
      </c>
      <c r="CV33" s="73">
        <v>184</v>
      </c>
      <c r="CW33" s="126">
        <v>39</v>
      </c>
      <c r="CX33" s="82">
        <v>37</v>
      </c>
      <c r="CY33" s="83">
        <v>76</v>
      </c>
      <c r="CZ33" s="273"/>
      <c r="DA33" s="82">
        <v>91</v>
      </c>
      <c r="DB33" s="82">
        <v>68</v>
      </c>
      <c r="DC33" s="82">
        <v>77</v>
      </c>
      <c r="DD33" s="82">
        <v>68</v>
      </c>
      <c r="DE33" s="82">
        <v>41</v>
      </c>
      <c r="DF33" s="84">
        <v>345</v>
      </c>
      <c r="DG33" s="85">
        <v>421</v>
      </c>
      <c r="DH33" s="70">
        <v>1</v>
      </c>
      <c r="DI33" s="71">
        <v>0</v>
      </c>
      <c r="DJ33" s="72">
        <v>1</v>
      </c>
      <c r="DK33" s="276"/>
      <c r="DL33" s="71">
        <v>1</v>
      </c>
      <c r="DM33" s="71">
        <v>1</v>
      </c>
      <c r="DN33" s="71">
        <v>1</v>
      </c>
      <c r="DO33" s="71">
        <v>1</v>
      </c>
      <c r="DP33" s="71">
        <v>2</v>
      </c>
      <c r="DQ33" s="72">
        <v>6</v>
      </c>
      <c r="DR33" s="73">
        <v>7</v>
      </c>
      <c r="DS33" s="70">
        <v>3</v>
      </c>
      <c r="DT33" s="71">
        <v>4</v>
      </c>
      <c r="DU33" s="72">
        <v>7</v>
      </c>
      <c r="DV33" s="276"/>
      <c r="DW33" s="71">
        <v>2</v>
      </c>
      <c r="DX33" s="71">
        <v>5</v>
      </c>
      <c r="DY33" s="71">
        <v>5</v>
      </c>
      <c r="DZ33" s="71">
        <v>1</v>
      </c>
      <c r="EA33" s="71">
        <v>3</v>
      </c>
      <c r="EB33" s="72">
        <v>16</v>
      </c>
      <c r="EC33" s="73">
        <v>23</v>
      </c>
      <c r="ED33" s="70">
        <v>12</v>
      </c>
      <c r="EE33" s="71">
        <v>2</v>
      </c>
      <c r="EF33" s="72">
        <v>14</v>
      </c>
      <c r="EG33" s="276"/>
      <c r="EH33" s="71">
        <v>13</v>
      </c>
      <c r="EI33" s="71">
        <v>3</v>
      </c>
      <c r="EJ33" s="71">
        <v>11</v>
      </c>
      <c r="EK33" s="71">
        <v>6</v>
      </c>
      <c r="EL33" s="71">
        <v>3</v>
      </c>
      <c r="EM33" s="72">
        <v>36</v>
      </c>
      <c r="EN33" s="73">
        <v>50</v>
      </c>
      <c r="EO33" s="70">
        <v>9</v>
      </c>
      <c r="EP33" s="71">
        <v>12</v>
      </c>
      <c r="EQ33" s="72">
        <v>21</v>
      </c>
      <c r="ER33" s="276"/>
      <c r="ES33" s="71">
        <v>28</v>
      </c>
      <c r="ET33" s="71">
        <v>14</v>
      </c>
      <c r="EU33" s="71">
        <v>10</v>
      </c>
      <c r="EV33" s="71">
        <v>8</v>
      </c>
      <c r="EW33" s="71">
        <v>14</v>
      </c>
      <c r="EX33" s="72">
        <v>74</v>
      </c>
      <c r="EY33" s="73">
        <v>95</v>
      </c>
      <c r="EZ33" s="70">
        <v>7</v>
      </c>
      <c r="FA33" s="71">
        <v>11</v>
      </c>
      <c r="FB33" s="72">
        <v>18</v>
      </c>
      <c r="FC33" s="276"/>
      <c r="FD33" s="71">
        <v>22</v>
      </c>
      <c r="FE33" s="71">
        <v>22</v>
      </c>
      <c r="FF33" s="71">
        <v>16</v>
      </c>
      <c r="FG33" s="71">
        <v>24</v>
      </c>
      <c r="FH33" s="71">
        <v>8</v>
      </c>
      <c r="FI33" s="72">
        <v>92</v>
      </c>
      <c r="FJ33" s="73">
        <v>110</v>
      </c>
      <c r="FK33" s="70">
        <v>7</v>
      </c>
      <c r="FL33" s="71">
        <v>8</v>
      </c>
      <c r="FM33" s="72">
        <v>15</v>
      </c>
      <c r="FN33" s="276"/>
      <c r="FO33" s="71">
        <v>25</v>
      </c>
      <c r="FP33" s="71">
        <v>23</v>
      </c>
      <c r="FQ33" s="71">
        <v>34</v>
      </c>
      <c r="FR33" s="71">
        <v>28</v>
      </c>
      <c r="FS33" s="71">
        <v>11</v>
      </c>
      <c r="FT33" s="72">
        <v>121</v>
      </c>
      <c r="FU33" s="73">
        <v>136</v>
      </c>
      <c r="FV33" s="70">
        <v>0</v>
      </c>
      <c r="FW33" s="71">
        <v>0</v>
      </c>
      <c r="FX33" s="72">
        <v>0</v>
      </c>
      <c r="FY33" s="276"/>
      <c r="FZ33" s="71">
        <v>0</v>
      </c>
      <c r="GA33" s="71">
        <v>0</v>
      </c>
      <c r="GB33" s="71">
        <v>0</v>
      </c>
      <c r="GC33" s="71">
        <v>1</v>
      </c>
      <c r="GD33" s="71">
        <v>1</v>
      </c>
      <c r="GE33" s="72">
        <v>2</v>
      </c>
      <c r="GF33" s="73">
        <v>2</v>
      </c>
      <c r="GG33" s="70">
        <v>39</v>
      </c>
      <c r="GH33" s="71">
        <v>37</v>
      </c>
      <c r="GI33" s="72">
        <v>76</v>
      </c>
      <c r="GJ33" s="276"/>
      <c r="GK33" s="71">
        <v>91</v>
      </c>
      <c r="GL33" s="71">
        <v>68</v>
      </c>
      <c r="GM33" s="71">
        <v>77</v>
      </c>
      <c r="GN33" s="71">
        <v>69</v>
      </c>
      <c r="GO33" s="71">
        <v>42</v>
      </c>
      <c r="GP33" s="72">
        <v>347</v>
      </c>
      <c r="GQ33" s="73">
        <v>423</v>
      </c>
      <c r="GR33" s="126">
        <v>53</v>
      </c>
      <c r="GS33" s="82">
        <v>50</v>
      </c>
      <c r="GT33" s="83">
        <v>103</v>
      </c>
      <c r="GU33" s="273"/>
      <c r="GV33" s="82">
        <v>132</v>
      </c>
      <c r="GW33" s="82">
        <v>108</v>
      </c>
      <c r="GX33" s="82">
        <v>106</v>
      </c>
      <c r="GY33" s="82">
        <v>101</v>
      </c>
      <c r="GZ33" s="82">
        <v>50</v>
      </c>
      <c r="HA33" s="84">
        <v>497</v>
      </c>
      <c r="HB33" s="85">
        <v>600</v>
      </c>
      <c r="HC33" s="70">
        <v>3</v>
      </c>
      <c r="HD33" s="71">
        <v>0</v>
      </c>
      <c r="HE33" s="72">
        <v>3</v>
      </c>
      <c r="HF33" s="276"/>
      <c r="HG33" s="71">
        <v>5</v>
      </c>
      <c r="HH33" s="71">
        <v>4</v>
      </c>
      <c r="HI33" s="71">
        <v>3</v>
      </c>
      <c r="HJ33" s="71">
        <v>2</v>
      </c>
      <c r="HK33" s="71">
        <v>2</v>
      </c>
      <c r="HL33" s="72">
        <v>16</v>
      </c>
      <c r="HM33" s="73">
        <v>19</v>
      </c>
      <c r="HN33" s="70">
        <v>7</v>
      </c>
      <c r="HO33" s="71">
        <v>6</v>
      </c>
      <c r="HP33" s="72">
        <v>13</v>
      </c>
      <c r="HQ33" s="276"/>
      <c r="HR33" s="71">
        <v>8</v>
      </c>
      <c r="HS33" s="71">
        <v>9</v>
      </c>
      <c r="HT33" s="71">
        <v>7</v>
      </c>
      <c r="HU33" s="71">
        <v>5</v>
      </c>
      <c r="HV33" s="71">
        <v>5</v>
      </c>
      <c r="HW33" s="72">
        <v>34</v>
      </c>
      <c r="HX33" s="73">
        <v>47</v>
      </c>
      <c r="HY33" s="70">
        <v>13</v>
      </c>
      <c r="HZ33" s="71">
        <v>6</v>
      </c>
      <c r="IA33" s="72">
        <v>19</v>
      </c>
      <c r="IB33" s="276"/>
      <c r="IC33" s="71">
        <v>17</v>
      </c>
      <c r="ID33" s="71">
        <v>6</v>
      </c>
      <c r="IE33" s="71">
        <v>15</v>
      </c>
      <c r="IF33" s="71">
        <v>11</v>
      </c>
      <c r="IG33" s="71">
        <v>4</v>
      </c>
      <c r="IH33" s="72">
        <v>53</v>
      </c>
      <c r="II33" s="73">
        <v>72</v>
      </c>
      <c r="IJ33" s="70">
        <v>10</v>
      </c>
      <c r="IK33" s="71">
        <v>15</v>
      </c>
      <c r="IL33" s="72">
        <v>25</v>
      </c>
      <c r="IM33" s="276"/>
      <c r="IN33" s="71">
        <v>38</v>
      </c>
      <c r="IO33" s="71">
        <v>25</v>
      </c>
      <c r="IP33" s="71">
        <v>20</v>
      </c>
      <c r="IQ33" s="71">
        <v>14</v>
      </c>
      <c r="IR33" s="71">
        <v>16</v>
      </c>
      <c r="IS33" s="72">
        <v>113</v>
      </c>
      <c r="IT33" s="73">
        <v>138</v>
      </c>
      <c r="IU33" s="70">
        <v>12</v>
      </c>
      <c r="IV33" s="71">
        <v>13</v>
      </c>
      <c r="IW33" s="72">
        <v>25</v>
      </c>
      <c r="IX33" s="276"/>
      <c r="IY33" s="71">
        <v>30</v>
      </c>
      <c r="IZ33" s="71">
        <v>32</v>
      </c>
      <c r="JA33" s="71">
        <v>21</v>
      </c>
      <c r="JB33" s="71">
        <v>32</v>
      </c>
      <c r="JC33" s="71">
        <v>11</v>
      </c>
      <c r="JD33" s="72">
        <v>126</v>
      </c>
      <c r="JE33" s="73">
        <v>151</v>
      </c>
      <c r="JF33" s="70">
        <v>8</v>
      </c>
      <c r="JG33" s="71">
        <v>10</v>
      </c>
      <c r="JH33" s="72">
        <v>18</v>
      </c>
      <c r="JI33" s="276"/>
      <c r="JJ33" s="71">
        <v>34</v>
      </c>
      <c r="JK33" s="71">
        <v>32</v>
      </c>
      <c r="JL33" s="71">
        <v>40</v>
      </c>
      <c r="JM33" s="71">
        <v>37</v>
      </c>
      <c r="JN33" s="71">
        <v>12</v>
      </c>
      <c r="JO33" s="72">
        <v>155</v>
      </c>
      <c r="JP33" s="73">
        <v>173</v>
      </c>
      <c r="JQ33" s="70">
        <v>0</v>
      </c>
      <c r="JR33" s="71">
        <v>0</v>
      </c>
      <c r="JS33" s="72">
        <v>0</v>
      </c>
      <c r="JT33" s="276"/>
      <c r="JU33" s="71">
        <v>1</v>
      </c>
      <c r="JV33" s="71">
        <v>0</v>
      </c>
      <c r="JW33" s="71">
        <v>2</v>
      </c>
      <c r="JX33" s="71">
        <v>2</v>
      </c>
      <c r="JY33" s="71">
        <v>2</v>
      </c>
      <c r="JZ33" s="72">
        <v>7</v>
      </c>
      <c r="KA33" s="73">
        <v>7</v>
      </c>
      <c r="KB33" s="70">
        <v>53</v>
      </c>
      <c r="KC33" s="71">
        <v>50</v>
      </c>
      <c r="KD33" s="72">
        <v>103</v>
      </c>
      <c r="KE33" s="276"/>
      <c r="KF33" s="71">
        <v>133</v>
      </c>
      <c r="KG33" s="71">
        <v>108</v>
      </c>
      <c r="KH33" s="71">
        <v>108</v>
      </c>
      <c r="KI33" s="71">
        <v>103</v>
      </c>
      <c r="KJ33" s="71">
        <v>52</v>
      </c>
      <c r="KK33" s="72">
        <v>504</v>
      </c>
      <c r="KL33" s="73">
        <v>607</v>
      </c>
    </row>
    <row r="34" spans="1:298" ht="19.5" customHeight="1" x14ac:dyDescent="0.2">
      <c r="A34" s="129" t="s">
        <v>31</v>
      </c>
      <c r="B34" s="350">
        <v>20</v>
      </c>
      <c r="C34" s="82">
        <v>39</v>
      </c>
      <c r="D34" s="83">
        <v>59</v>
      </c>
      <c r="E34" s="273"/>
      <c r="F34" s="82">
        <v>54</v>
      </c>
      <c r="G34" s="82">
        <v>62</v>
      </c>
      <c r="H34" s="82">
        <v>35</v>
      </c>
      <c r="I34" s="82">
        <v>21</v>
      </c>
      <c r="J34" s="82">
        <v>11</v>
      </c>
      <c r="K34" s="84">
        <v>183</v>
      </c>
      <c r="L34" s="85">
        <v>242</v>
      </c>
      <c r="M34" s="70">
        <v>0</v>
      </c>
      <c r="N34" s="71">
        <v>0</v>
      </c>
      <c r="O34" s="72">
        <v>0</v>
      </c>
      <c r="P34" s="276"/>
      <c r="Q34" s="71">
        <v>3</v>
      </c>
      <c r="R34" s="71">
        <v>3</v>
      </c>
      <c r="S34" s="71">
        <v>5</v>
      </c>
      <c r="T34" s="71">
        <v>2</v>
      </c>
      <c r="U34" s="71">
        <v>1</v>
      </c>
      <c r="V34" s="72">
        <v>14</v>
      </c>
      <c r="W34" s="73">
        <v>14</v>
      </c>
      <c r="X34" s="70">
        <v>3</v>
      </c>
      <c r="Y34" s="71">
        <v>5</v>
      </c>
      <c r="Z34" s="72">
        <v>8</v>
      </c>
      <c r="AA34" s="276"/>
      <c r="AB34" s="71">
        <v>9</v>
      </c>
      <c r="AC34" s="71">
        <v>8</v>
      </c>
      <c r="AD34" s="71">
        <v>4</v>
      </c>
      <c r="AE34" s="71">
        <v>3</v>
      </c>
      <c r="AF34" s="71">
        <v>2</v>
      </c>
      <c r="AG34" s="72">
        <v>26</v>
      </c>
      <c r="AH34" s="73">
        <v>34</v>
      </c>
      <c r="AI34" s="70">
        <v>2</v>
      </c>
      <c r="AJ34" s="71">
        <v>4</v>
      </c>
      <c r="AK34" s="72">
        <v>6</v>
      </c>
      <c r="AL34" s="276"/>
      <c r="AM34" s="71">
        <v>7</v>
      </c>
      <c r="AN34" s="71">
        <v>7</v>
      </c>
      <c r="AO34" s="71">
        <v>3</v>
      </c>
      <c r="AP34" s="71">
        <v>4</v>
      </c>
      <c r="AQ34" s="71">
        <v>2</v>
      </c>
      <c r="AR34" s="72">
        <v>23</v>
      </c>
      <c r="AS34" s="73">
        <v>29</v>
      </c>
      <c r="AT34" s="70">
        <v>3</v>
      </c>
      <c r="AU34" s="71">
        <v>9</v>
      </c>
      <c r="AV34" s="72">
        <v>12</v>
      </c>
      <c r="AW34" s="276"/>
      <c r="AX34" s="71">
        <v>14</v>
      </c>
      <c r="AY34" s="71">
        <v>15</v>
      </c>
      <c r="AZ34" s="71">
        <v>3</v>
      </c>
      <c r="BA34" s="71">
        <v>1</v>
      </c>
      <c r="BB34" s="71">
        <v>4</v>
      </c>
      <c r="BC34" s="72">
        <v>37</v>
      </c>
      <c r="BD34" s="73">
        <v>49</v>
      </c>
      <c r="BE34" s="70">
        <v>7</v>
      </c>
      <c r="BF34" s="71">
        <v>12</v>
      </c>
      <c r="BG34" s="72">
        <v>19</v>
      </c>
      <c r="BH34" s="276"/>
      <c r="BI34" s="71">
        <v>11</v>
      </c>
      <c r="BJ34" s="71">
        <v>13</v>
      </c>
      <c r="BK34" s="71">
        <v>10</v>
      </c>
      <c r="BL34" s="71">
        <v>4</v>
      </c>
      <c r="BM34" s="71">
        <v>1</v>
      </c>
      <c r="BN34" s="72">
        <v>39</v>
      </c>
      <c r="BO34" s="73">
        <v>58</v>
      </c>
      <c r="BP34" s="70">
        <v>5</v>
      </c>
      <c r="BQ34" s="71">
        <v>9</v>
      </c>
      <c r="BR34" s="72">
        <v>14</v>
      </c>
      <c r="BS34" s="276"/>
      <c r="BT34" s="71">
        <v>10</v>
      </c>
      <c r="BU34" s="71">
        <v>16</v>
      </c>
      <c r="BV34" s="71">
        <v>10</v>
      </c>
      <c r="BW34" s="71">
        <v>7</v>
      </c>
      <c r="BX34" s="71">
        <v>1</v>
      </c>
      <c r="BY34" s="72">
        <v>44</v>
      </c>
      <c r="BZ34" s="73">
        <v>58</v>
      </c>
      <c r="CA34" s="70">
        <v>0</v>
      </c>
      <c r="CB34" s="71">
        <v>3</v>
      </c>
      <c r="CC34" s="72">
        <v>3</v>
      </c>
      <c r="CD34" s="276"/>
      <c r="CE34" s="71">
        <v>2</v>
      </c>
      <c r="CF34" s="71">
        <v>1</v>
      </c>
      <c r="CG34" s="71">
        <v>0</v>
      </c>
      <c r="CH34" s="71">
        <v>1</v>
      </c>
      <c r="CI34" s="71">
        <v>1</v>
      </c>
      <c r="CJ34" s="72">
        <v>5</v>
      </c>
      <c r="CK34" s="73">
        <v>8</v>
      </c>
      <c r="CL34" s="70">
        <v>20</v>
      </c>
      <c r="CM34" s="71">
        <v>42</v>
      </c>
      <c r="CN34" s="72">
        <v>62</v>
      </c>
      <c r="CO34" s="276"/>
      <c r="CP34" s="71">
        <v>56</v>
      </c>
      <c r="CQ34" s="71">
        <v>63</v>
      </c>
      <c r="CR34" s="71">
        <v>35</v>
      </c>
      <c r="CS34" s="71">
        <v>22</v>
      </c>
      <c r="CT34" s="71">
        <v>12</v>
      </c>
      <c r="CU34" s="72">
        <v>188</v>
      </c>
      <c r="CV34" s="73">
        <v>250</v>
      </c>
      <c r="CW34" s="126">
        <v>62</v>
      </c>
      <c r="CX34" s="82">
        <v>79</v>
      </c>
      <c r="CY34" s="83">
        <v>141</v>
      </c>
      <c r="CZ34" s="273"/>
      <c r="DA34" s="82">
        <v>104</v>
      </c>
      <c r="DB34" s="82">
        <v>91</v>
      </c>
      <c r="DC34" s="82">
        <v>88</v>
      </c>
      <c r="DD34" s="82">
        <v>52</v>
      </c>
      <c r="DE34" s="82">
        <v>46</v>
      </c>
      <c r="DF34" s="84">
        <v>381</v>
      </c>
      <c r="DG34" s="85">
        <v>522</v>
      </c>
      <c r="DH34" s="70">
        <v>0</v>
      </c>
      <c r="DI34" s="71">
        <v>3</v>
      </c>
      <c r="DJ34" s="72">
        <v>3</v>
      </c>
      <c r="DK34" s="276"/>
      <c r="DL34" s="71">
        <v>1</v>
      </c>
      <c r="DM34" s="71">
        <v>1</v>
      </c>
      <c r="DN34" s="71">
        <v>2</v>
      </c>
      <c r="DO34" s="71">
        <v>2</v>
      </c>
      <c r="DP34" s="71">
        <v>1</v>
      </c>
      <c r="DQ34" s="72">
        <v>7</v>
      </c>
      <c r="DR34" s="73">
        <v>10</v>
      </c>
      <c r="DS34" s="70">
        <v>2</v>
      </c>
      <c r="DT34" s="71">
        <v>6</v>
      </c>
      <c r="DU34" s="72">
        <v>8</v>
      </c>
      <c r="DV34" s="276"/>
      <c r="DW34" s="71">
        <v>9</v>
      </c>
      <c r="DX34" s="71">
        <v>6</v>
      </c>
      <c r="DY34" s="71">
        <v>6</v>
      </c>
      <c r="DZ34" s="71">
        <v>2</v>
      </c>
      <c r="EA34" s="71">
        <v>1</v>
      </c>
      <c r="EB34" s="72">
        <v>24</v>
      </c>
      <c r="EC34" s="73">
        <v>32</v>
      </c>
      <c r="ED34" s="70">
        <v>8</v>
      </c>
      <c r="EE34" s="71">
        <v>9</v>
      </c>
      <c r="EF34" s="72">
        <v>17</v>
      </c>
      <c r="EG34" s="276"/>
      <c r="EH34" s="71">
        <v>12</v>
      </c>
      <c r="EI34" s="71">
        <v>4</v>
      </c>
      <c r="EJ34" s="71">
        <v>3</v>
      </c>
      <c r="EK34" s="71">
        <v>4</v>
      </c>
      <c r="EL34" s="71">
        <v>2</v>
      </c>
      <c r="EM34" s="72">
        <v>25</v>
      </c>
      <c r="EN34" s="73">
        <v>42</v>
      </c>
      <c r="EO34" s="70">
        <v>17</v>
      </c>
      <c r="EP34" s="71">
        <v>15</v>
      </c>
      <c r="EQ34" s="72">
        <v>32</v>
      </c>
      <c r="ER34" s="276"/>
      <c r="ES34" s="71">
        <v>25</v>
      </c>
      <c r="ET34" s="71">
        <v>15</v>
      </c>
      <c r="EU34" s="71">
        <v>16</v>
      </c>
      <c r="EV34" s="71">
        <v>5</v>
      </c>
      <c r="EW34" s="71">
        <v>4</v>
      </c>
      <c r="EX34" s="72">
        <v>65</v>
      </c>
      <c r="EY34" s="73">
        <v>97</v>
      </c>
      <c r="EZ34" s="70">
        <v>27</v>
      </c>
      <c r="FA34" s="71">
        <v>22</v>
      </c>
      <c r="FB34" s="72">
        <v>49</v>
      </c>
      <c r="FC34" s="276"/>
      <c r="FD34" s="71">
        <v>27</v>
      </c>
      <c r="FE34" s="71">
        <v>26</v>
      </c>
      <c r="FF34" s="71">
        <v>27</v>
      </c>
      <c r="FG34" s="71">
        <v>13</v>
      </c>
      <c r="FH34" s="71">
        <v>9</v>
      </c>
      <c r="FI34" s="72">
        <v>102</v>
      </c>
      <c r="FJ34" s="73">
        <v>151</v>
      </c>
      <c r="FK34" s="70">
        <v>8</v>
      </c>
      <c r="FL34" s="71">
        <v>24</v>
      </c>
      <c r="FM34" s="72">
        <v>32</v>
      </c>
      <c r="FN34" s="276"/>
      <c r="FO34" s="71">
        <v>30</v>
      </c>
      <c r="FP34" s="71">
        <v>39</v>
      </c>
      <c r="FQ34" s="71">
        <v>34</v>
      </c>
      <c r="FR34" s="71">
        <v>26</v>
      </c>
      <c r="FS34" s="71">
        <v>29</v>
      </c>
      <c r="FT34" s="72">
        <v>158</v>
      </c>
      <c r="FU34" s="73">
        <v>190</v>
      </c>
      <c r="FV34" s="70">
        <v>0</v>
      </c>
      <c r="FW34" s="71">
        <v>0</v>
      </c>
      <c r="FX34" s="72">
        <v>0</v>
      </c>
      <c r="FY34" s="276"/>
      <c r="FZ34" s="71">
        <v>2</v>
      </c>
      <c r="GA34" s="71">
        <v>0</v>
      </c>
      <c r="GB34" s="71">
        <v>2</v>
      </c>
      <c r="GC34" s="71">
        <v>0</v>
      </c>
      <c r="GD34" s="71">
        <v>1</v>
      </c>
      <c r="GE34" s="72">
        <v>5</v>
      </c>
      <c r="GF34" s="73">
        <v>5</v>
      </c>
      <c r="GG34" s="70">
        <v>62</v>
      </c>
      <c r="GH34" s="71">
        <v>79</v>
      </c>
      <c r="GI34" s="72">
        <v>141</v>
      </c>
      <c r="GJ34" s="276"/>
      <c r="GK34" s="71">
        <v>106</v>
      </c>
      <c r="GL34" s="71">
        <v>91</v>
      </c>
      <c r="GM34" s="71">
        <v>90</v>
      </c>
      <c r="GN34" s="71">
        <v>52</v>
      </c>
      <c r="GO34" s="71">
        <v>47</v>
      </c>
      <c r="GP34" s="72">
        <v>386</v>
      </c>
      <c r="GQ34" s="73">
        <v>527</v>
      </c>
      <c r="GR34" s="126">
        <v>82</v>
      </c>
      <c r="GS34" s="82">
        <v>118</v>
      </c>
      <c r="GT34" s="83">
        <v>200</v>
      </c>
      <c r="GU34" s="273"/>
      <c r="GV34" s="82">
        <v>158</v>
      </c>
      <c r="GW34" s="82">
        <v>153</v>
      </c>
      <c r="GX34" s="82">
        <v>123</v>
      </c>
      <c r="GY34" s="82">
        <v>73</v>
      </c>
      <c r="GZ34" s="82">
        <v>57</v>
      </c>
      <c r="HA34" s="84">
        <v>564</v>
      </c>
      <c r="HB34" s="85">
        <v>764</v>
      </c>
      <c r="HC34" s="70">
        <v>0</v>
      </c>
      <c r="HD34" s="71">
        <v>3</v>
      </c>
      <c r="HE34" s="72">
        <v>3</v>
      </c>
      <c r="HF34" s="276"/>
      <c r="HG34" s="71">
        <v>4</v>
      </c>
      <c r="HH34" s="71">
        <v>4</v>
      </c>
      <c r="HI34" s="71">
        <v>7</v>
      </c>
      <c r="HJ34" s="71">
        <v>4</v>
      </c>
      <c r="HK34" s="71">
        <v>2</v>
      </c>
      <c r="HL34" s="72">
        <v>21</v>
      </c>
      <c r="HM34" s="73">
        <v>24</v>
      </c>
      <c r="HN34" s="70">
        <v>5</v>
      </c>
      <c r="HO34" s="71">
        <v>11</v>
      </c>
      <c r="HP34" s="72">
        <v>16</v>
      </c>
      <c r="HQ34" s="276"/>
      <c r="HR34" s="71">
        <v>18</v>
      </c>
      <c r="HS34" s="71">
        <v>14</v>
      </c>
      <c r="HT34" s="71">
        <v>10</v>
      </c>
      <c r="HU34" s="71">
        <v>5</v>
      </c>
      <c r="HV34" s="71">
        <v>3</v>
      </c>
      <c r="HW34" s="72">
        <v>50</v>
      </c>
      <c r="HX34" s="73">
        <v>66</v>
      </c>
      <c r="HY34" s="70">
        <v>10</v>
      </c>
      <c r="HZ34" s="71">
        <v>13</v>
      </c>
      <c r="IA34" s="72">
        <v>23</v>
      </c>
      <c r="IB34" s="276"/>
      <c r="IC34" s="71">
        <v>19</v>
      </c>
      <c r="ID34" s="71">
        <v>11</v>
      </c>
      <c r="IE34" s="71">
        <v>6</v>
      </c>
      <c r="IF34" s="71">
        <v>8</v>
      </c>
      <c r="IG34" s="71">
        <v>4</v>
      </c>
      <c r="IH34" s="72">
        <v>48</v>
      </c>
      <c r="II34" s="73">
        <v>71</v>
      </c>
      <c r="IJ34" s="70">
        <v>20</v>
      </c>
      <c r="IK34" s="71">
        <v>24</v>
      </c>
      <c r="IL34" s="72">
        <v>44</v>
      </c>
      <c r="IM34" s="276"/>
      <c r="IN34" s="71">
        <v>39</v>
      </c>
      <c r="IO34" s="71">
        <v>30</v>
      </c>
      <c r="IP34" s="71">
        <v>19</v>
      </c>
      <c r="IQ34" s="71">
        <v>6</v>
      </c>
      <c r="IR34" s="71">
        <v>8</v>
      </c>
      <c r="IS34" s="72">
        <v>102</v>
      </c>
      <c r="IT34" s="73">
        <v>146</v>
      </c>
      <c r="IU34" s="70">
        <v>34</v>
      </c>
      <c r="IV34" s="71">
        <v>34</v>
      </c>
      <c r="IW34" s="72">
        <v>68</v>
      </c>
      <c r="IX34" s="276"/>
      <c r="IY34" s="71">
        <v>38</v>
      </c>
      <c r="IZ34" s="71">
        <v>39</v>
      </c>
      <c r="JA34" s="71">
        <v>37</v>
      </c>
      <c r="JB34" s="71">
        <v>17</v>
      </c>
      <c r="JC34" s="71">
        <v>10</v>
      </c>
      <c r="JD34" s="72">
        <v>141</v>
      </c>
      <c r="JE34" s="73">
        <v>209</v>
      </c>
      <c r="JF34" s="70">
        <v>13</v>
      </c>
      <c r="JG34" s="71">
        <v>33</v>
      </c>
      <c r="JH34" s="72">
        <v>46</v>
      </c>
      <c r="JI34" s="276"/>
      <c r="JJ34" s="71">
        <v>40</v>
      </c>
      <c r="JK34" s="71">
        <v>55</v>
      </c>
      <c r="JL34" s="71">
        <v>44</v>
      </c>
      <c r="JM34" s="71">
        <v>33</v>
      </c>
      <c r="JN34" s="71">
        <v>30</v>
      </c>
      <c r="JO34" s="72">
        <v>202</v>
      </c>
      <c r="JP34" s="73">
        <v>248</v>
      </c>
      <c r="JQ34" s="70">
        <v>0</v>
      </c>
      <c r="JR34" s="71">
        <v>3</v>
      </c>
      <c r="JS34" s="72">
        <v>3</v>
      </c>
      <c r="JT34" s="276"/>
      <c r="JU34" s="71">
        <v>4</v>
      </c>
      <c r="JV34" s="71">
        <v>1</v>
      </c>
      <c r="JW34" s="71">
        <v>2</v>
      </c>
      <c r="JX34" s="71">
        <v>1</v>
      </c>
      <c r="JY34" s="71">
        <v>2</v>
      </c>
      <c r="JZ34" s="72">
        <v>10</v>
      </c>
      <c r="KA34" s="73">
        <v>13</v>
      </c>
      <c r="KB34" s="70">
        <v>82</v>
      </c>
      <c r="KC34" s="71">
        <v>121</v>
      </c>
      <c r="KD34" s="72">
        <v>203</v>
      </c>
      <c r="KE34" s="276"/>
      <c r="KF34" s="71">
        <v>162</v>
      </c>
      <c r="KG34" s="71">
        <v>154</v>
      </c>
      <c r="KH34" s="71">
        <v>125</v>
      </c>
      <c r="KI34" s="71">
        <v>74</v>
      </c>
      <c r="KJ34" s="71">
        <v>59</v>
      </c>
      <c r="KK34" s="72">
        <v>574</v>
      </c>
      <c r="KL34" s="73">
        <v>777</v>
      </c>
    </row>
    <row r="35" spans="1:298" ht="19.5" customHeight="1" x14ac:dyDescent="0.2">
      <c r="A35" s="129" t="s">
        <v>32</v>
      </c>
      <c r="B35" s="350">
        <v>31</v>
      </c>
      <c r="C35" s="82">
        <v>20</v>
      </c>
      <c r="D35" s="83">
        <v>51</v>
      </c>
      <c r="E35" s="273"/>
      <c r="F35" s="82">
        <v>58</v>
      </c>
      <c r="G35" s="82">
        <v>59</v>
      </c>
      <c r="H35" s="82">
        <v>39</v>
      </c>
      <c r="I35" s="82">
        <v>24</v>
      </c>
      <c r="J35" s="82">
        <v>22</v>
      </c>
      <c r="K35" s="84">
        <v>202</v>
      </c>
      <c r="L35" s="85">
        <v>253</v>
      </c>
      <c r="M35" s="70">
        <v>1</v>
      </c>
      <c r="N35" s="71">
        <v>3</v>
      </c>
      <c r="O35" s="72">
        <v>4</v>
      </c>
      <c r="P35" s="276"/>
      <c r="Q35" s="71">
        <v>4</v>
      </c>
      <c r="R35" s="71">
        <v>1</v>
      </c>
      <c r="S35" s="71">
        <v>2</v>
      </c>
      <c r="T35" s="71">
        <v>3</v>
      </c>
      <c r="U35" s="71">
        <v>1</v>
      </c>
      <c r="V35" s="72">
        <v>11</v>
      </c>
      <c r="W35" s="73">
        <v>15</v>
      </c>
      <c r="X35" s="70">
        <v>7</v>
      </c>
      <c r="Y35" s="71">
        <v>2</v>
      </c>
      <c r="Z35" s="72">
        <v>9</v>
      </c>
      <c r="AA35" s="276"/>
      <c r="AB35" s="71">
        <v>6</v>
      </c>
      <c r="AC35" s="71">
        <v>5</v>
      </c>
      <c r="AD35" s="71">
        <v>5</v>
      </c>
      <c r="AE35" s="71">
        <v>3</v>
      </c>
      <c r="AF35" s="71">
        <v>4</v>
      </c>
      <c r="AG35" s="72">
        <v>23</v>
      </c>
      <c r="AH35" s="73">
        <v>32</v>
      </c>
      <c r="AI35" s="70">
        <v>6</v>
      </c>
      <c r="AJ35" s="71">
        <v>0</v>
      </c>
      <c r="AK35" s="72">
        <v>6</v>
      </c>
      <c r="AL35" s="276"/>
      <c r="AM35" s="71">
        <v>9</v>
      </c>
      <c r="AN35" s="71">
        <v>14</v>
      </c>
      <c r="AO35" s="71">
        <v>4</v>
      </c>
      <c r="AP35" s="71">
        <v>2</v>
      </c>
      <c r="AQ35" s="71">
        <v>5</v>
      </c>
      <c r="AR35" s="72">
        <v>34</v>
      </c>
      <c r="AS35" s="73">
        <v>40</v>
      </c>
      <c r="AT35" s="70">
        <v>9</v>
      </c>
      <c r="AU35" s="71">
        <v>4</v>
      </c>
      <c r="AV35" s="72">
        <v>13</v>
      </c>
      <c r="AW35" s="276"/>
      <c r="AX35" s="71">
        <v>13</v>
      </c>
      <c r="AY35" s="71">
        <v>12</v>
      </c>
      <c r="AZ35" s="71">
        <v>7</v>
      </c>
      <c r="BA35" s="71">
        <v>7</v>
      </c>
      <c r="BB35" s="71">
        <v>8</v>
      </c>
      <c r="BC35" s="72">
        <v>47</v>
      </c>
      <c r="BD35" s="73">
        <v>60</v>
      </c>
      <c r="BE35" s="70">
        <v>7</v>
      </c>
      <c r="BF35" s="71">
        <v>7</v>
      </c>
      <c r="BG35" s="72">
        <v>14</v>
      </c>
      <c r="BH35" s="276"/>
      <c r="BI35" s="71">
        <v>17</v>
      </c>
      <c r="BJ35" s="71">
        <v>18</v>
      </c>
      <c r="BK35" s="71">
        <v>13</v>
      </c>
      <c r="BL35" s="71">
        <v>4</v>
      </c>
      <c r="BM35" s="71">
        <v>3</v>
      </c>
      <c r="BN35" s="72">
        <v>55</v>
      </c>
      <c r="BO35" s="73">
        <v>69</v>
      </c>
      <c r="BP35" s="70">
        <v>1</v>
      </c>
      <c r="BQ35" s="71">
        <v>4</v>
      </c>
      <c r="BR35" s="72">
        <v>5</v>
      </c>
      <c r="BS35" s="276"/>
      <c r="BT35" s="71">
        <v>9</v>
      </c>
      <c r="BU35" s="71">
        <v>9</v>
      </c>
      <c r="BV35" s="71">
        <v>8</v>
      </c>
      <c r="BW35" s="71">
        <v>5</v>
      </c>
      <c r="BX35" s="71">
        <v>1</v>
      </c>
      <c r="BY35" s="72">
        <v>32</v>
      </c>
      <c r="BZ35" s="73">
        <v>37</v>
      </c>
      <c r="CA35" s="70">
        <v>1</v>
      </c>
      <c r="CB35" s="71">
        <v>1</v>
      </c>
      <c r="CC35" s="72">
        <v>2</v>
      </c>
      <c r="CD35" s="276"/>
      <c r="CE35" s="71">
        <v>5</v>
      </c>
      <c r="CF35" s="71">
        <v>5</v>
      </c>
      <c r="CG35" s="71">
        <v>1</v>
      </c>
      <c r="CH35" s="71">
        <v>3</v>
      </c>
      <c r="CI35" s="71">
        <v>3</v>
      </c>
      <c r="CJ35" s="72">
        <v>17</v>
      </c>
      <c r="CK35" s="73">
        <v>19</v>
      </c>
      <c r="CL35" s="70">
        <v>32</v>
      </c>
      <c r="CM35" s="71">
        <v>21</v>
      </c>
      <c r="CN35" s="72">
        <v>53</v>
      </c>
      <c r="CO35" s="276"/>
      <c r="CP35" s="71">
        <v>63</v>
      </c>
      <c r="CQ35" s="71">
        <v>64</v>
      </c>
      <c r="CR35" s="71">
        <v>40</v>
      </c>
      <c r="CS35" s="71">
        <v>27</v>
      </c>
      <c r="CT35" s="71">
        <v>25</v>
      </c>
      <c r="CU35" s="72">
        <v>219</v>
      </c>
      <c r="CV35" s="73">
        <v>272</v>
      </c>
      <c r="CW35" s="126">
        <v>45</v>
      </c>
      <c r="CX35" s="82">
        <v>67</v>
      </c>
      <c r="CY35" s="83">
        <v>112</v>
      </c>
      <c r="CZ35" s="273"/>
      <c r="DA35" s="82">
        <v>119</v>
      </c>
      <c r="DB35" s="82">
        <v>80</v>
      </c>
      <c r="DC35" s="82">
        <v>78</v>
      </c>
      <c r="DD35" s="82">
        <v>79</v>
      </c>
      <c r="DE35" s="82">
        <v>32</v>
      </c>
      <c r="DF35" s="84">
        <v>388</v>
      </c>
      <c r="DG35" s="85">
        <v>500</v>
      </c>
      <c r="DH35" s="70">
        <v>1</v>
      </c>
      <c r="DI35" s="71">
        <v>1</v>
      </c>
      <c r="DJ35" s="72">
        <v>2</v>
      </c>
      <c r="DK35" s="276"/>
      <c r="DL35" s="71">
        <v>4</v>
      </c>
      <c r="DM35" s="71">
        <v>2</v>
      </c>
      <c r="DN35" s="71">
        <v>1</v>
      </c>
      <c r="DO35" s="71">
        <v>2</v>
      </c>
      <c r="DP35" s="71">
        <v>2</v>
      </c>
      <c r="DQ35" s="72">
        <v>11</v>
      </c>
      <c r="DR35" s="73">
        <v>13</v>
      </c>
      <c r="DS35" s="70">
        <v>3</v>
      </c>
      <c r="DT35" s="71">
        <v>3</v>
      </c>
      <c r="DU35" s="72">
        <v>6</v>
      </c>
      <c r="DV35" s="276"/>
      <c r="DW35" s="71">
        <v>9</v>
      </c>
      <c r="DX35" s="71">
        <v>0</v>
      </c>
      <c r="DY35" s="71">
        <v>3</v>
      </c>
      <c r="DZ35" s="71">
        <v>4</v>
      </c>
      <c r="EA35" s="71">
        <v>3</v>
      </c>
      <c r="EB35" s="72">
        <v>19</v>
      </c>
      <c r="EC35" s="73">
        <v>25</v>
      </c>
      <c r="ED35" s="70">
        <v>7</v>
      </c>
      <c r="EE35" s="71">
        <v>7</v>
      </c>
      <c r="EF35" s="72">
        <v>14</v>
      </c>
      <c r="EG35" s="276"/>
      <c r="EH35" s="71">
        <v>13</v>
      </c>
      <c r="EI35" s="71">
        <v>9</v>
      </c>
      <c r="EJ35" s="71">
        <v>8</v>
      </c>
      <c r="EK35" s="71">
        <v>5</v>
      </c>
      <c r="EL35" s="71">
        <v>1</v>
      </c>
      <c r="EM35" s="72">
        <v>36</v>
      </c>
      <c r="EN35" s="73">
        <v>50</v>
      </c>
      <c r="EO35" s="70">
        <v>13</v>
      </c>
      <c r="EP35" s="71">
        <v>17</v>
      </c>
      <c r="EQ35" s="72">
        <v>30</v>
      </c>
      <c r="ER35" s="276"/>
      <c r="ES35" s="71">
        <v>24</v>
      </c>
      <c r="ET35" s="71">
        <v>20</v>
      </c>
      <c r="EU35" s="71">
        <v>11</v>
      </c>
      <c r="EV35" s="71">
        <v>10</v>
      </c>
      <c r="EW35" s="71">
        <v>8</v>
      </c>
      <c r="EX35" s="72">
        <v>73</v>
      </c>
      <c r="EY35" s="73">
        <v>103</v>
      </c>
      <c r="EZ35" s="70">
        <v>15</v>
      </c>
      <c r="FA35" s="71">
        <v>12</v>
      </c>
      <c r="FB35" s="72">
        <v>27</v>
      </c>
      <c r="FC35" s="276"/>
      <c r="FD35" s="71">
        <v>44</v>
      </c>
      <c r="FE35" s="71">
        <v>21</v>
      </c>
      <c r="FF35" s="71">
        <v>25</v>
      </c>
      <c r="FG35" s="71">
        <v>17</v>
      </c>
      <c r="FH35" s="71">
        <v>5</v>
      </c>
      <c r="FI35" s="72">
        <v>112</v>
      </c>
      <c r="FJ35" s="73">
        <v>139</v>
      </c>
      <c r="FK35" s="70">
        <v>6</v>
      </c>
      <c r="FL35" s="71">
        <v>27</v>
      </c>
      <c r="FM35" s="72">
        <v>33</v>
      </c>
      <c r="FN35" s="276"/>
      <c r="FO35" s="71">
        <v>25</v>
      </c>
      <c r="FP35" s="71">
        <v>28</v>
      </c>
      <c r="FQ35" s="71">
        <v>30</v>
      </c>
      <c r="FR35" s="71">
        <v>41</v>
      </c>
      <c r="FS35" s="71">
        <v>13</v>
      </c>
      <c r="FT35" s="72">
        <v>137</v>
      </c>
      <c r="FU35" s="73">
        <v>170</v>
      </c>
      <c r="FV35" s="70">
        <v>2</v>
      </c>
      <c r="FW35" s="71">
        <v>1</v>
      </c>
      <c r="FX35" s="72">
        <v>3</v>
      </c>
      <c r="FY35" s="276"/>
      <c r="FZ35" s="71">
        <v>4</v>
      </c>
      <c r="GA35" s="71">
        <v>3</v>
      </c>
      <c r="GB35" s="71">
        <v>0</v>
      </c>
      <c r="GC35" s="71">
        <v>1</v>
      </c>
      <c r="GD35" s="71">
        <v>2</v>
      </c>
      <c r="GE35" s="72">
        <v>10</v>
      </c>
      <c r="GF35" s="73">
        <v>13</v>
      </c>
      <c r="GG35" s="70">
        <v>47</v>
      </c>
      <c r="GH35" s="71">
        <v>68</v>
      </c>
      <c r="GI35" s="72">
        <v>115</v>
      </c>
      <c r="GJ35" s="276"/>
      <c r="GK35" s="71">
        <v>123</v>
      </c>
      <c r="GL35" s="71">
        <v>83</v>
      </c>
      <c r="GM35" s="71">
        <v>78</v>
      </c>
      <c r="GN35" s="71">
        <v>80</v>
      </c>
      <c r="GO35" s="71">
        <v>34</v>
      </c>
      <c r="GP35" s="72">
        <v>398</v>
      </c>
      <c r="GQ35" s="73">
        <v>513</v>
      </c>
      <c r="GR35" s="126">
        <v>76</v>
      </c>
      <c r="GS35" s="82">
        <v>87</v>
      </c>
      <c r="GT35" s="83">
        <v>163</v>
      </c>
      <c r="GU35" s="273"/>
      <c r="GV35" s="82">
        <v>177</v>
      </c>
      <c r="GW35" s="82">
        <v>139</v>
      </c>
      <c r="GX35" s="82">
        <v>117</v>
      </c>
      <c r="GY35" s="82">
        <v>103</v>
      </c>
      <c r="GZ35" s="82">
        <v>54</v>
      </c>
      <c r="HA35" s="84">
        <v>590</v>
      </c>
      <c r="HB35" s="85">
        <v>753</v>
      </c>
      <c r="HC35" s="70">
        <v>2</v>
      </c>
      <c r="HD35" s="71">
        <v>4</v>
      </c>
      <c r="HE35" s="72">
        <v>6</v>
      </c>
      <c r="HF35" s="276"/>
      <c r="HG35" s="71">
        <v>8</v>
      </c>
      <c r="HH35" s="71">
        <v>3</v>
      </c>
      <c r="HI35" s="71">
        <v>3</v>
      </c>
      <c r="HJ35" s="71">
        <v>5</v>
      </c>
      <c r="HK35" s="71">
        <v>3</v>
      </c>
      <c r="HL35" s="72">
        <v>22</v>
      </c>
      <c r="HM35" s="73">
        <v>28</v>
      </c>
      <c r="HN35" s="70">
        <v>10</v>
      </c>
      <c r="HO35" s="71">
        <v>5</v>
      </c>
      <c r="HP35" s="72">
        <v>15</v>
      </c>
      <c r="HQ35" s="276"/>
      <c r="HR35" s="71">
        <v>15</v>
      </c>
      <c r="HS35" s="71">
        <v>5</v>
      </c>
      <c r="HT35" s="71">
        <v>8</v>
      </c>
      <c r="HU35" s="71">
        <v>7</v>
      </c>
      <c r="HV35" s="71">
        <v>7</v>
      </c>
      <c r="HW35" s="72">
        <v>42</v>
      </c>
      <c r="HX35" s="73">
        <v>57</v>
      </c>
      <c r="HY35" s="70">
        <v>13</v>
      </c>
      <c r="HZ35" s="71">
        <v>7</v>
      </c>
      <c r="IA35" s="72">
        <v>20</v>
      </c>
      <c r="IB35" s="276"/>
      <c r="IC35" s="71">
        <v>22</v>
      </c>
      <c r="ID35" s="71">
        <v>23</v>
      </c>
      <c r="IE35" s="71">
        <v>12</v>
      </c>
      <c r="IF35" s="71">
        <v>7</v>
      </c>
      <c r="IG35" s="71">
        <v>6</v>
      </c>
      <c r="IH35" s="72">
        <v>70</v>
      </c>
      <c r="II35" s="73">
        <v>90</v>
      </c>
      <c r="IJ35" s="70">
        <v>22</v>
      </c>
      <c r="IK35" s="71">
        <v>21</v>
      </c>
      <c r="IL35" s="72">
        <v>43</v>
      </c>
      <c r="IM35" s="276"/>
      <c r="IN35" s="71">
        <v>37</v>
      </c>
      <c r="IO35" s="71">
        <v>32</v>
      </c>
      <c r="IP35" s="71">
        <v>18</v>
      </c>
      <c r="IQ35" s="71">
        <v>17</v>
      </c>
      <c r="IR35" s="71">
        <v>16</v>
      </c>
      <c r="IS35" s="72">
        <v>120</v>
      </c>
      <c r="IT35" s="73">
        <v>163</v>
      </c>
      <c r="IU35" s="70">
        <v>22</v>
      </c>
      <c r="IV35" s="71">
        <v>19</v>
      </c>
      <c r="IW35" s="72">
        <v>41</v>
      </c>
      <c r="IX35" s="276"/>
      <c r="IY35" s="71">
        <v>61</v>
      </c>
      <c r="IZ35" s="71">
        <v>39</v>
      </c>
      <c r="JA35" s="71">
        <v>38</v>
      </c>
      <c r="JB35" s="71">
        <v>21</v>
      </c>
      <c r="JC35" s="71">
        <v>8</v>
      </c>
      <c r="JD35" s="72">
        <v>167</v>
      </c>
      <c r="JE35" s="73">
        <v>208</v>
      </c>
      <c r="JF35" s="70">
        <v>7</v>
      </c>
      <c r="JG35" s="71">
        <v>31</v>
      </c>
      <c r="JH35" s="72">
        <v>38</v>
      </c>
      <c r="JI35" s="276"/>
      <c r="JJ35" s="71">
        <v>34</v>
      </c>
      <c r="JK35" s="71">
        <v>37</v>
      </c>
      <c r="JL35" s="71">
        <v>38</v>
      </c>
      <c r="JM35" s="71">
        <v>46</v>
      </c>
      <c r="JN35" s="71">
        <v>14</v>
      </c>
      <c r="JO35" s="72">
        <v>169</v>
      </c>
      <c r="JP35" s="73">
        <v>207</v>
      </c>
      <c r="JQ35" s="70">
        <v>3</v>
      </c>
      <c r="JR35" s="71">
        <v>2</v>
      </c>
      <c r="JS35" s="72">
        <v>5</v>
      </c>
      <c r="JT35" s="276"/>
      <c r="JU35" s="71">
        <v>9</v>
      </c>
      <c r="JV35" s="71">
        <v>8</v>
      </c>
      <c r="JW35" s="71">
        <v>1</v>
      </c>
      <c r="JX35" s="71">
        <v>4</v>
      </c>
      <c r="JY35" s="71">
        <v>5</v>
      </c>
      <c r="JZ35" s="72">
        <v>27</v>
      </c>
      <c r="KA35" s="73">
        <v>32</v>
      </c>
      <c r="KB35" s="70">
        <v>79</v>
      </c>
      <c r="KC35" s="71">
        <v>89</v>
      </c>
      <c r="KD35" s="72">
        <v>168</v>
      </c>
      <c r="KE35" s="276"/>
      <c r="KF35" s="71">
        <v>186</v>
      </c>
      <c r="KG35" s="71">
        <v>147</v>
      </c>
      <c r="KH35" s="71">
        <v>118</v>
      </c>
      <c r="KI35" s="71">
        <v>107</v>
      </c>
      <c r="KJ35" s="71">
        <v>59</v>
      </c>
      <c r="KK35" s="72">
        <v>617</v>
      </c>
      <c r="KL35" s="73">
        <v>785</v>
      </c>
    </row>
    <row r="36" spans="1:298" ht="19.5" customHeight="1" x14ac:dyDescent="0.2">
      <c r="A36" s="129" t="s">
        <v>33</v>
      </c>
      <c r="B36" s="350">
        <v>34</v>
      </c>
      <c r="C36" s="82">
        <v>20</v>
      </c>
      <c r="D36" s="83">
        <v>54</v>
      </c>
      <c r="E36" s="273"/>
      <c r="F36" s="82">
        <v>61</v>
      </c>
      <c r="G36" s="82">
        <v>43</v>
      </c>
      <c r="H36" s="82">
        <v>28</v>
      </c>
      <c r="I36" s="82">
        <v>26</v>
      </c>
      <c r="J36" s="82">
        <v>13</v>
      </c>
      <c r="K36" s="84">
        <v>171</v>
      </c>
      <c r="L36" s="85">
        <v>225</v>
      </c>
      <c r="M36" s="70">
        <v>2</v>
      </c>
      <c r="N36" s="71">
        <v>1</v>
      </c>
      <c r="O36" s="72">
        <v>3</v>
      </c>
      <c r="P36" s="276"/>
      <c r="Q36" s="71">
        <v>2</v>
      </c>
      <c r="R36" s="71">
        <v>3</v>
      </c>
      <c r="S36" s="71">
        <v>2</v>
      </c>
      <c r="T36" s="71">
        <v>2</v>
      </c>
      <c r="U36" s="71">
        <v>0</v>
      </c>
      <c r="V36" s="72">
        <v>9</v>
      </c>
      <c r="W36" s="73">
        <v>12</v>
      </c>
      <c r="X36" s="70">
        <v>5</v>
      </c>
      <c r="Y36" s="71">
        <v>6</v>
      </c>
      <c r="Z36" s="72">
        <v>11</v>
      </c>
      <c r="AA36" s="276"/>
      <c r="AB36" s="71">
        <v>6</v>
      </c>
      <c r="AC36" s="71">
        <v>9</v>
      </c>
      <c r="AD36" s="71">
        <v>5</v>
      </c>
      <c r="AE36" s="71">
        <v>10</v>
      </c>
      <c r="AF36" s="71">
        <v>2</v>
      </c>
      <c r="AG36" s="72">
        <v>32</v>
      </c>
      <c r="AH36" s="73">
        <v>43</v>
      </c>
      <c r="AI36" s="70">
        <v>8</v>
      </c>
      <c r="AJ36" s="71">
        <v>4</v>
      </c>
      <c r="AK36" s="72">
        <v>12</v>
      </c>
      <c r="AL36" s="276"/>
      <c r="AM36" s="71">
        <v>11</v>
      </c>
      <c r="AN36" s="71">
        <v>7</v>
      </c>
      <c r="AO36" s="71">
        <v>7</v>
      </c>
      <c r="AP36" s="71">
        <v>3</v>
      </c>
      <c r="AQ36" s="71">
        <v>3</v>
      </c>
      <c r="AR36" s="72">
        <v>31</v>
      </c>
      <c r="AS36" s="73">
        <v>43</v>
      </c>
      <c r="AT36" s="70">
        <v>5</v>
      </c>
      <c r="AU36" s="71">
        <v>6</v>
      </c>
      <c r="AV36" s="72">
        <v>11</v>
      </c>
      <c r="AW36" s="276"/>
      <c r="AX36" s="71">
        <v>16</v>
      </c>
      <c r="AY36" s="71">
        <v>10</v>
      </c>
      <c r="AZ36" s="71">
        <v>4</v>
      </c>
      <c r="BA36" s="71">
        <v>3</v>
      </c>
      <c r="BB36" s="71">
        <v>3</v>
      </c>
      <c r="BC36" s="72">
        <v>36</v>
      </c>
      <c r="BD36" s="73">
        <v>47</v>
      </c>
      <c r="BE36" s="70">
        <v>9</v>
      </c>
      <c r="BF36" s="71">
        <v>2</v>
      </c>
      <c r="BG36" s="72">
        <v>11</v>
      </c>
      <c r="BH36" s="276"/>
      <c r="BI36" s="71">
        <v>15</v>
      </c>
      <c r="BJ36" s="71">
        <v>9</v>
      </c>
      <c r="BK36" s="71">
        <v>9</v>
      </c>
      <c r="BL36" s="71">
        <v>5</v>
      </c>
      <c r="BM36" s="71">
        <v>3</v>
      </c>
      <c r="BN36" s="72">
        <v>41</v>
      </c>
      <c r="BO36" s="73">
        <v>52</v>
      </c>
      <c r="BP36" s="70">
        <v>5</v>
      </c>
      <c r="BQ36" s="71">
        <v>1</v>
      </c>
      <c r="BR36" s="72">
        <v>6</v>
      </c>
      <c r="BS36" s="276"/>
      <c r="BT36" s="71">
        <v>11</v>
      </c>
      <c r="BU36" s="71">
        <v>5</v>
      </c>
      <c r="BV36" s="71">
        <v>1</v>
      </c>
      <c r="BW36" s="71">
        <v>3</v>
      </c>
      <c r="BX36" s="71">
        <v>2</v>
      </c>
      <c r="BY36" s="72">
        <v>22</v>
      </c>
      <c r="BZ36" s="73">
        <v>28</v>
      </c>
      <c r="CA36" s="70">
        <v>1</v>
      </c>
      <c r="CB36" s="71">
        <v>0</v>
      </c>
      <c r="CC36" s="72">
        <v>1</v>
      </c>
      <c r="CD36" s="276"/>
      <c r="CE36" s="71">
        <v>1</v>
      </c>
      <c r="CF36" s="71">
        <v>1</v>
      </c>
      <c r="CG36" s="71">
        <v>0</v>
      </c>
      <c r="CH36" s="71">
        <v>0</v>
      </c>
      <c r="CI36" s="71">
        <v>1</v>
      </c>
      <c r="CJ36" s="72">
        <v>3</v>
      </c>
      <c r="CK36" s="73">
        <v>4</v>
      </c>
      <c r="CL36" s="70">
        <v>35</v>
      </c>
      <c r="CM36" s="71">
        <v>20</v>
      </c>
      <c r="CN36" s="72">
        <v>55</v>
      </c>
      <c r="CO36" s="276"/>
      <c r="CP36" s="71">
        <v>62</v>
      </c>
      <c r="CQ36" s="71">
        <v>44</v>
      </c>
      <c r="CR36" s="71">
        <v>28</v>
      </c>
      <c r="CS36" s="71">
        <v>26</v>
      </c>
      <c r="CT36" s="71">
        <v>14</v>
      </c>
      <c r="CU36" s="72">
        <v>174</v>
      </c>
      <c r="CV36" s="73">
        <v>229</v>
      </c>
      <c r="CW36" s="126">
        <v>65</v>
      </c>
      <c r="CX36" s="82">
        <v>71</v>
      </c>
      <c r="CY36" s="83">
        <v>136</v>
      </c>
      <c r="CZ36" s="273"/>
      <c r="DA36" s="82">
        <v>105</v>
      </c>
      <c r="DB36" s="82">
        <v>88</v>
      </c>
      <c r="DC36" s="82">
        <v>74</v>
      </c>
      <c r="DD36" s="82">
        <v>71</v>
      </c>
      <c r="DE36" s="82">
        <v>54</v>
      </c>
      <c r="DF36" s="84">
        <v>392</v>
      </c>
      <c r="DG36" s="85">
        <v>528</v>
      </c>
      <c r="DH36" s="70">
        <v>3</v>
      </c>
      <c r="DI36" s="71">
        <v>1</v>
      </c>
      <c r="DJ36" s="72">
        <v>4</v>
      </c>
      <c r="DK36" s="276"/>
      <c r="DL36" s="71">
        <v>0</v>
      </c>
      <c r="DM36" s="71">
        <v>2</v>
      </c>
      <c r="DN36" s="71">
        <v>2</v>
      </c>
      <c r="DO36" s="71">
        <v>2</v>
      </c>
      <c r="DP36" s="71">
        <v>3</v>
      </c>
      <c r="DQ36" s="72">
        <v>9</v>
      </c>
      <c r="DR36" s="73">
        <v>13</v>
      </c>
      <c r="DS36" s="70">
        <v>8</v>
      </c>
      <c r="DT36" s="71">
        <v>6</v>
      </c>
      <c r="DU36" s="72">
        <v>14</v>
      </c>
      <c r="DV36" s="276"/>
      <c r="DW36" s="71">
        <v>3</v>
      </c>
      <c r="DX36" s="71">
        <v>6</v>
      </c>
      <c r="DY36" s="71">
        <v>4</v>
      </c>
      <c r="DZ36" s="71">
        <v>5</v>
      </c>
      <c r="EA36" s="71">
        <v>1</v>
      </c>
      <c r="EB36" s="72">
        <v>19</v>
      </c>
      <c r="EC36" s="73">
        <v>33</v>
      </c>
      <c r="ED36" s="70">
        <v>2</v>
      </c>
      <c r="EE36" s="71">
        <v>5</v>
      </c>
      <c r="EF36" s="72">
        <v>7</v>
      </c>
      <c r="EG36" s="276"/>
      <c r="EH36" s="71">
        <v>14</v>
      </c>
      <c r="EI36" s="71">
        <v>7</v>
      </c>
      <c r="EJ36" s="71">
        <v>7</v>
      </c>
      <c r="EK36" s="71">
        <v>4</v>
      </c>
      <c r="EL36" s="71">
        <v>8</v>
      </c>
      <c r="EM36" s="72">
        <v>40</v>
      </c>
      <c r="EN36" s="73">
        <v>47</v>
      </c>
      <c r="EO36" s="70">
        <v>12</v>
      </c>
      <c r="EP36" s="71">
        <v>15</v>
      </c>
      <c r="EQ36" s="72">
        <v>27</v>
      </c>
      <c r="ER36" s="276"/>
      <c r="ES36" s="71">
        <v>32</v>
      </c>
      <c r="ET36" s="71">
        <v>19</v>
      </c>
      <c r="EU36" s="71">
        <v>10</v>
      </c>
      <c r="EV36" s="71">
        <v>18</v>
      </c>
      <c r="EW36" s="71">
        <v>8</v>
      </c>
      <c r="EX36" s="72">
        <v>87</v>
      </c>
      <c r="EY36" s="73">
        <v>114</v>
      </c>
      <c r="EZ36" s="70">
        <v>29</v>
      </c>
      <c r="FA36" s="71">
        <v>24</v>
      </c>
      <c r="FB36" s="72">
        <v>53</v>
      </c>
      <c r="FC36" s="276"/>
      <c r="FD36" s="71">
        <v>25</v>
      </c>
      <c r="FE36" s="71">
        <v>20</v>
      </c>
      <c r="FF36" s="71">
        <v>18</v>
      </c>
      <c r="FG36" s="71">
        <v>12</v>
      </c>
      <c r="FH36" s="71">
        <v>14</v>
      </c>
      <c r="FI36" s="72">
        <v>89</v>
      </c>
      <c r="FJ36" s="73">
        <v>142</v>
      </c>
      <c r="FK36" s="70">
        <v>11</v>
      </c>
      <c r="FL36" s="71">
        <v>20</v>
      </c>
      <c r="FM36" s="72">
        <v>31</v>
      </c>
      <c r="FN36" s="276"/>
      <c r="FO36" s="71">
        <v>31</v>
      </c>
      <c r="FP36" s="71">
        <v>34</v>
      </c>
      <c r="FQ36" s="71">
        <v>33</v>
      </c>
      <c r="FR36" s="71">
        <v>30</v>
      </c>
      <c r="FS36" s="71">
        <v>20</v>
      </c>
      <c r="FT36" s="72">
        <v>148</v>
      </c>
      <c r="FU36" s="73">
        <v>179</v>
      </c>
      <c r="FV36" s="70">
        <v>0</v>
      </c>
      <c r="FW36" s="71">
        <v>0</v>
      </c>
      <c r="FX36" s="72">
        <v>0</v>
      </c>
      <c r="FY36" s="276"/>
      <c r="FZ36" s="71">
        <v>1</v>
      </c>
      <c r="GA36" s="71">
        <v>0</v>
      </c>
      <c r="GB36" s="71">
        <v>0</v>
      </c>
      <c r="GC36" s="71">
        <v>1</v>
      </c>
      <c r="GD36" s="71">
        <v>1</v>
      </c>
      <c r="GE36" s="72">
        <v>3</v>
      </c>
      <c r="GF36" s="73">
        <v>3</v>
      </c>
      <c r="GG36" s="70">
        <v>65</v>
      </c>
      <c r="GH36" s="71">
        <v>71</v>
      </c>
      <c r="GI36" s="72">
        <v>136</v>
      </c>
      <c r="GJ36" s="276"/>
      <c r="GK36" s="71">
        <v>106</v>
      </c>
      <c r="GL36" s="71">
        <v>88</v>
      </c>
      <c r="GM36" s="71">
        <v>74</v>
      </c>
      <c r="GN36" s="71">
        <v>72</v>
      </c>
      <c r="GO36" s="71">
        <v>55</v>
      </c>
      <c r="GP36" s="72">
        <v>395</v>
      </c>
      <c r="GQ36" s="73">
        <v>531</v>
      </c>
      <c r="GR36" s="126">
        <v>99</v>
      </c>
      <c r="GS36" s="82">
        <v>91</v>
      </c>
      <c r="GT36" s="83">
        <v>190</v>
      </c>
      <c r="GU36" s="273"/>
      <c r="GV36" s="82">
        <v>166</v>
      </c>
      <c r="GW36" s="82">
        <v>131</v>
      </c>
      <c r="GX36" s="82">
        <v>102</v>
      </c>
      <c r="GY36" s="82">
        <v>97</v>
      </c>
      <c r="GZ36" s="82">
        <v>67</v>
      </c>
      <c r="HA36" s="84">
        <v>563</v>
      </c>
      <c r="HB36" s="85">
        <v>753</v>
      </c>
      <c r="HC36" s="70">
        <v>5</v>
      </c>
      <c r="HD36" s="71">
        <v>2</v>
      </c>
      <c r="HE36" s="72">
        <v>7</v>
      </c>
      <c r="HF36" s="276"/>
      <c r="HG36" s="71">
        <v>2</v>
      </c>
      <c r="HH36" s="71">
        <v>5</v>
      </c>
      <c r="HI36" s="71">
        <v>4</v>
      </c>
      <c r="HJ36" s="71">
        <v>4</v>
      </c>
      <c r="HK36" s="71">
        <v>3</v>
      </c>
      <c r="HL36" s="72">
        <v>18</v>
      </c>
      <c r="HM36" s="73">
        <v>25</v>
      </c>
      <c r="HN36" s="70">
        <v>13</v>
      </c>
      <c r="HO36" s="71">
        <v>12</v>
      </c>
      <c r="HP36" s="72">
        <v>25</v>
      </c>
      <c r="HQ36" s="276"/>
      <c r="HR36" s="71">
        <v>9</v>
      </c>
      <c r="HS36" s="71">
        <v>15</v>
      </c>
      <c r="HT36" s="71">
        <v>9</v>
      </c>
      <c r="HU36" s="71">
        <v>15</v>
      </c>
      <c r="HV36" s="71">
        <v>3</v>
      </c>
      <c r="HW36" s="72">
        <v>51</v>
      </c>
      <c r="HX36" s="73">
        <v>76</v>
      </c>
      <c r="HY36" s="70">
        <v>10</v>
      </c>
      <c r="HZ36" s="71">
        <v>9</v>
      </c>
      <c r="IA36" s="72">
        <v>19</v>
      </c>
      <c r="IB36" s="276"/>
      <c r="IC36" s="71">
        <v>25</v>
      </c>
      <c r="ID36" s="71">
        <v>14</v>
      </c>
      <c r="IE36" s="71">
        <v>14</v>
      </c>
      <c r="IF36" s="71">
        <v>7</v>
      </c>
      <c r="IG36" s="71">
        <v>11</v>
      </c>
      <c r="IH36" s="72">
        <v>71</v>
      </c>
      <c r="II36" s="73">
        <v>90</v>
      </c>
      <c r="IJ36" s="70">
        <v>17</v>
      </c>
      <c r="IK36" s="71">
        <v>21</v>
      </c>
      <c r="IL36" s="72">
        <v>38</v>
      </c>
      <c r="IM36" s="276"/>
      <c r="IN36" s="71">
        <v>48</v>
      </c>
      <c r="IO36" s="71">
        <v>29</v>
      </c>
      <c r="IP36" s="71">
        <v>14</v>
      </c>
      <c r="IQ36" s="71">
        <v>21</v>
      </c>
      <c r="IR36" s="71">
        <v>11</v>
      </c>
      <c r="IS36" s="72">
        <v>123</v>
      </c>
      <c r="IT36" s="73">
        <v>161</v>
      </c>
      <c r="IU36" s="70">
        <v>38</v>
      </c>
      <c r="IV36" s="71">
        <v>26</v>
      </c>
      <c r="IW36" s="72">
        <v>64</v>
      </c>
      <c r="IX36" s="276"/>
      <c r="IY36" s="71">
        <v>40</v>
      </c>
      <c r="IZ36" s="71">
        <v>29</v>
      </c>
      <c r="JA36" s="71">
        <v>27</v>
      </c>
      <c r="JB36" s="71">
        <v>17</v>
      </c>
      <c r="JC36" s="71">
        <v>17</v>
      </c>
      <c r="JD36" s="72">
        <v>130</v>
      </c>
      <c r="JE36" s="73">
        <v>194</v>
      </c>
      <c r="JF36" s="70">
        <v>16</v>
      </c>
      <c r="JG36" s="71">
        <v>21</v>
      </c>
      <c r="JH36" s="72">
        <v>37</v>
      </c>
      <c r="JI36" s="276"/>
      <c r="JJ36" s="71">
        <v>42</v>
      </c>
      <c r="JK36" s="71">
        <v>39</v>
      </c>
      <c r="JL36" s="71">
        <v>34</v>
      </c>
      <c r="JM36" s="71">
        <v>33</v>
      </c>
      <c r="JN36" s="71">
        <v>22</v>
      </c>
      <c r="JO36" s="72">
        <v>170</v>
      </c>
      <c r="JP36" s="73">
        <v>207</v>
      </c>
      <c r="JQ36" s="70">
        <v>1</v>
      </c>
      <c r="JR36" s="71">
        <v>0</v>
      </c>
      <c r="JS36" s="72">
        <v>1</v>
      </c>
      <c r="JT36" s="276"/>
      <c r="JU36" s="71">
        <v>2</v>
      </c>
      <c r="JV36" s="71">
        <v>1</v>
      </c>
      <c r="JW36" s="71">
        <v>0</v>
      </c>
      <c r="JX36" s="71">
        <v>1</v>
      </c>
      <c r="JY36" s="71">
        <v>2</v>
      </c>
      <c r="JZ36" s="72">
        <v>6</v>
      </c>
      <c r="KA36" s="73">
        <v>7</v>
      </c>
      <c r="KB36" s="70">
        <v>100</v>
      </c>
      <c r="KC36" s="71">
        <v>91</v>
      </c>
      <c r="KD36" s="72">
        <v>191</v>
      </c>
      <c r="KE36" s="276"/>
      <c r="KF36" s="71">
        <v>168</v>
      </c>
      <c r="KG36" s="71">
        <v>132</v>
      </c>
      <c r="KH36" s="71">
        <v>102</v>
      </c>
      <c r="KI36" s="71">
        <v>98</v>
      </c>
      <c r="KJ36" s="71">
        <v>69</v>
      </c>
      <c r="KK36" s="72">
        <v>569</v>
      </c>
      <c r="KL36" s="73">
        <v>760</v>
      </c>
    </row>
    <row r="37" spans="1:298" ht="19.5" customHeight="1" x14ac:dyDescent="0.2">
      <c r="A37" s="129" t="s">
        <v>34</v>
      </c>
      <c r="B37" s="350">
        <v>18</v>
      </c>
      <c r="C37" s="82">
        <v>19</v>
      </c>
      <c r="D37" s="83">
        <v>37</v>
      </c>
      <c r="E37" s="273"/>
      <c r="F37" s="82">
        <v>49</v>
      </c>
      <c r="G37" s="82">
        <v>31</v>
      </c>
      <c r="H37" s="82">
        <v>14</v>
      </c>
      <c r="I37" s="82">
        <v>26</v>
      </c>
      <c r="J37" s="82">
        <v>7</v>
      </c>
      <c r="K37" s="84">
        <v>127</v>
      </c>
      <c r="L37" s="85">
        <v>164</v>
      </c>
      <c r="M37" s="70">
        <v>1</v>
      </c>
      <c r="N37" s="71">
        <v>3</v>
      </c>
      <c r="O37" s="72">
        <v>4</v>
      </c>
      <c r="P37" s="276"/>
      <c r="Q37" s="71">
        <v>2</v>
      </c>
      <c r="R37" s="71">
        <v>2</v>
      </c>
      <c r="S37" s="71">
        <v>1</v>
      </c>
      <c r="T37" s="71">
        <v>3</v>
      </c>
      <c r="U37" s="71">
        <v>0</v>
      </c>
      <c r="V37" s="72">
        <v>8</v>
      </c>
      <c r="W37" s="73">
        <v>12</v>
      </c>
      <c r="X37" s="70">
        <v>1</v>
      </c>
      <c r="Y37" s="71">
        <v>2</v>
      </c>
      <c r="Z37" s="72">
        <v>3</v>
      </c>
      <c r="AA37" s="276"/>
      <c r="AB37" s="71">
        <v>5</v>
      </c>
      <c r="AC37" s="71">
        <v>2</v>
      </c>
      <c r="AD37" s="71">
        <v>2</v>
      </c>
      <c r="AE37" s="71">
        <v>3</v>
      </c>
      <c r="AF37" s="71">
        <v>1</v>
      </c>
      <c r="AG37" s="72">
        <v>13</v>
      </c>
      <c r="AH37" s="73">
        <v>16</v>
      </c>
      <c r="AI37" s="70">
        <v>4</v>
      </c>
      <c r="AJ37" s="71">
        <v>3</v>
      </c>
      <c r="AK37" s="72">
        <v>7</v>
      </c>
      <c r="AL37" s="276"/>
      <c r="AM37" s="71">
        <v>3</v>
      </c>
      <c r="AN37" s="71">
        <v>5</v>
      </c>
      <c r="AO37" s="71">
        <v>3</v>
      </c>
      <c r="AP37" s="71">
        <v>6</v>
      </c>
      <c r="AQ37" s="71">
        <v>3</v>
      </c>
      <c r="AR37" s="72">
        <v>20</v>
      </c>
      <c r="AS37" s="73">
        <v>27</v>
      </c>
      <c r="AT37" s="70">
        <v>5</v>
      </c>
      <c r="AU37" s="71">
        <v>7</v>
      </c>
      <c r="AV37" s="72">
        <v>12</v>
      </c>
      <c r="AW37" s="276"/>
      <c r="AX37" s="71">
        <v>17</v>
      </c>
      <c r="AY37" s="71">
        <v>8</v>
      </c>
      <c r="AZ37" s="71">
        <v>4</v>
      </c>
      <c r="BA37" s="71">
        <v>5</v>
      </c>
      <c r="BB37" s="71">
        <v>1</v>
      </c>
      <c r="BC37" s="72">
        <v>35</v>
      </c>
      <c r="BD37" s="73">
        <v>47</v>
      </c>
      <c r="BE37" s="70">
        <v>5</v>
      </c>
      <c r="BF37" s="71">
        <v>3</v>
      </c>
      <c r="BG37" s="72">
        <v>8</v>
      </c>
      <c r="BH37" s="276"/>
      <c r="BI37" s="71">
        <v>13</v>
      </c>
      <c r="BJ37" s="71">
        <v>9</v>
      </c>
      <c r="BK37" s="71">
        <v>3</v>
      </c>
      <c r="BL37" s="71">
        <v>6</v>
      </c>
      <c r="BM37" s="71">
        <v>1</v>
      </c>
      <c r="BN37" s="72">
        <v>32</v>
      </c>
      <c r="BO37" s="73">
        <v>40</v>
      </c>
      <c r="BP37" s="70">
        <v>2</v>
      </c>
      <c r="BQ37" s="71">
        <v>1</v>
      </c>
      <c r="BR37" s="72">
        <v>3</v>
      </c>
      <c r="BS37" s="276"/>
      <c r="BT37" s="71">
        <v>9</v>
      </c>
      <c r="BU37" s="71">
        <v>5</v>
      </c>
      <c r="BV37" s="71">
        <v>1</v>
      </c>
      <c r="BW37" s="71">
        <v>3</v>
      </c>
      <c r="BX37" s="71">
        <v>1</v>
      </c>
      <c r="BY37" s="72">
        <v>19</v>
      </c>
      <c r="BZ37" s="73">
        <v>22</v>
      </c>
      <c r="CA37" s="70">
        <v>0</v>
      </c>
      <c r="CB37" s="71">
        <v>0</v>
      </c>
      <c r="CC37" s="72">
        <v>0</v>
      </c>
      <c r="CD37" s="276"/>
      <c r="CE37" s="71">
        <v>4</v>
      </c>
      <c r="CF37" s="71">
        <v>0</v>
      </c>
      <c r="CG37" s="71">
        <v>1</v>
      </c>
      <c r="CH37" s="71">
        <v>1</v>
      </c>
      <c r="CI37" s="71">
        <v>1</v>
      </c>
      <c r="CJ37" s="72">
        <v>7</v>
      </c>
      <c r="CK37" s="73">
        <v>7</v>
      </c>
      <c r="CL37" s="70">
        <v>18</v>
      </c>
      <c r="CM37" s="71">
        <v>19</v>
      </c>
      <c r="CN37" s="72">
        <v>37</v>
      </c>
      <c r="CO37" s="276"/>
      <c r="CP37" s="71">
        <v>53</v>
      </c>
      <c r="CQ37" s="71">
        <v>31</v>
      </c>
      <c r="CR37" s="71">
        <v>15</v>
      </c>
      <c r="CS37" s="71">
        <v>27</v>
      </c>
      <c r="CT37" s="71">
        <v>8</v>
      </c>
      <c r="CU37" s="72">
        <v>134</v>
      </c>
      <c r="CV37" s="73">
        <v>171</v>
      </c>
      <c r="CW37" s="126">
        <v>42</v>
      </c>
      <c r="CX37" s="82">
        <v>39</v>
      </c>
      <c r="CY37" s="83">
        <v>81</v>
      </c>
      <c r="CZ37" s="273"/>
      <c r="DA37" s="82">
        <v>81</v>
      </c>
      <c r="DB37" s="82">
        <v>63</v>
      </c>
      <c r="DC37" s="82">
        <v>48</v>
      </c>
      <c r="DD37" s="82">
        <v>44</v>
      </c>
      <c r="DE37" s="82">
        <v>26</v>
      </c>
      <c r="DF37" s="84">
        <v>262</v>
      </c>
      <c r="DG37" s="85">
        <v>343</v>
      </c>
      <c r="DH37" s="70">
        <v>1</v>
      </c>
      <c r="DI37" s="71">
        <v>0</v>
      </c>
      <c r="DJ37" s="72">
        <v>1</v>
      </c>
      <c r="DK37" s="276"/>
      <c r="DL37" s="71">
        <v>1</v>
      </c>
      <c r="DM37" s="71">
        <v>1</v>
      </c>
      <c r="DN37" s="71">
        <v>2</v>
      </c>
      <c r="DO37" s="71">
        <v>1</v>
      </c>
      <c r="DP37" s="71">
        <v>0</v>
      </c>
      <c r="DQ37" s="72">
        <v>5</v>
      </c>
      <c r="DR37" s="73">
        <v>6</v>
      </c>
      <c r="DS37" s="70">
        <v>3</v>
      </c>
      <c r="DT37" s="71">
        <v>0</v>
      </c>
      <c r="DU37" s="72">
        <v>3</v>
      </c>
      <c r="DV37" s="276"/>
      <c r="DW37" s="71">
        <v>2</v>
      </c>
      <c r="DX37" s="71">
        <v>4</v>
      </c>
      <c r="DY37" s="71">
        <v>1</v>
      </c>
      <c r="DZ37" s="71">
        <v>0</v>
      </c>
      <c r="EA37" s="71">
        <v>4</v>
      </c>
      <c r="EB37" s="72">
        <v>11</v>
      </c>
      <c r="EC37" s="73">
        <v>14</v>
      </c>
      <c r="ED37" s="70">
        <v>6</v>
      </c>
      <c r="EE37" s="71">
        <v>2</v>
      </c>
      <c r="EF37" s="72">
        <v>8</v>
      </c>
      <c r="EG37" s="276"/>
      <c r="EH37" s="71">
        <v>9</v>
      </c>
      <c r="EI37" s="71">
        <v>5</v>
      </c>
      <c r="EJ37" s="71">
        <v>5</v>
      </c>
      <c r="EK37" s="71">
        <v>5</v>
      </c>
      <c r="EL37" s="71">
        <v>2</v>
      </c>
      <c r="EM37" s="72">
        <v>26</v>
      </c>
      <c r="EN37" s="73">
        <v>34</v>
      </c>
      <c r="EO37" s="70">
        <v>13</v>
      </c>
      <c r="EP37" s="71">
        <v>11</v>
      </c>
      <c r="EQ37" s="72">
        <v>24</v>
      </c>
      <c r="ER37" s="276"/>
      <c r="ES37" s="71">
        <v>16</v>
      </c>
      <c r="ET37" s="71">
        <v>12</v>
      </c>
      <c r="EU37" s="71">
        <v>4</v>
      </c>
      <c r="EV37" s="71">
        <v>8</v>
      </c>
      <c r="EW37" s="71">
        <v>1</v>
      </c>
      <c r="EX37" s="72">
        <v>41</v>
      </c>
      <c r="EY37" s="73">
        <v>65</v>
      </c>
      <c r="EZ37" s="70">
        <v>10</v>
      </c>
      <c r="FA37" s="71">
        <v>13</v>
      </c>
      <c r="FB37" s="72">
        <v>23</v>
      </c>
      <c r="FC37" s="276"/>
      <c r="FD37" s="71">
        <v>30</v>
      </c>
      <c r="FE37" s="71">
        <v>19</v>
      </c>
      <c r="FF37" s="71">
        <v>16</v>
      </c>
      <c r="FG37" s="71">
        <v>14</v>
      </c>
      <c r="FH37" s="71">
        <v>8</v>
      </c>
      <c r="FI37" s="72">
        <v>87</v>
      </c>
      <c r="FJ37" s="73">
        <v>110</v>
      </c>
      <c r="FK37" s="70">
        <v>9</v>
      </c>
      <c r="FL37" s="71">
        <v>13</v>
      </c>
      <c r="FM37" s="72">
        <v>22</v>
      </c>
      <c r="FN37" s="276"/>
      <c r="FO37" s="71">
        <v>23</v>
      </c>
      <c r="FP37" s="71">
        <v>22</v>
      </c>
      <c r="FQ37" s="71">
        <v>20</v>
      </c>
      <c r="FR37" s="71">
        <v>16</v>
      </c>
      <c r="FS37" s="71">
        <v>11</v>
      </c>
      <c r="FT37" s="72">
        <v>92</v>
      </c>
      <c r="FU37" s="73">
        <v>114</v>
      </c>
      <c r="FV37" s="70">
        <v>0</v>
      </c>
      <c r="FW37" s="71">
        <v>0</v>
      </c>
      <c r="FX37" s="72">
        <v>0</v>
      </c>
      <c r="FY37" s="276"/>
      <c r="FZ37" s="71">
        <v>1</v>
      </c>
      <c r="GA37" s="71">
        <v>1</v>
      </c>
      <c r="GB37" s="71">
        <v>1</v>
      </c>
      <c r="GC37" s="71">
        <v>0</v>
      </c>
      <c r="GD37" s="71">
        <v>1</v>
      </c>
      <c r="GE37" s="72">
        <v>4</v>
      </c>
      <c r="GF37" s="73">
        <v>4</v>
      </c>
      <c r="GG37" s="70">
        <v>42</v>
      </c>
      <c r="GH37" s="71">
        <v>39</v>
      </c>
      <c r="GI37" s="72">
        <v>81</v>
      </c>
      <c r="GJ37" s="276"/>
      <c r="GK37" s="71">
        <v>82</v>
      </c>
      <c r="GL37" s="71">
        <v>64</v>
      </c>
      <c r="GM37" s="71">
        <v>49</v>
      </c>
      <c r="GN37" s="71">
        <v>44</v>
      </c>
      <c r="GO37" s="71">
        <v>27</v>
      </c>
      <c r="GP37" s="72">
        <v>266</v>
      </c>
      <c r="GQ37" s="73">
        <v>347</v>
      </c>
      <c r="GR37" s="126">
        <v>60</v>
      </c>
      <c r="GS37" s="82">
        <v>58</v>
      </c>
      <c r="GT37" s="83">
        <v>118</v>
      </c>
      <c r="GU37" s="273"/>
      <c r="GV37" s="82">
        <v>130</v>
      </c>
      <c r="GW37" s="82">
        <v>94</v>
      </c>
      <c r="GX37" s="82">
        <v>62</v>
      </c>
      <c r="GY37" s="82">
        <v>70</v>
      </c>
      <c r="GZ37" s="82">
        <v>33</v>
      </c>
      <c r="HA37" s="84">
        <v>389</v>
      </c>
      <c r="HB37" s="85">
        <v>507</v>
      </c>
      <c r="HC37" s="70">
        <v>2</v>
      </c>
      <c r="HD37" s="71">
        <v>3</v>
      </c>
      <c r="HE37" s="72">
        <v>5</v>
      </c>
      <c r="HF37" s="276"/>
      <c r="HG37" s="71">
        <v>3</v>
      </c>
      <c r="HH37" s="71">
        <v>3</v>
      </c>
      <c r="HI37" s="71">
        <v>3</v>
      </c>
      <c r="HJ37" s="71">
        <v>4</v>
      </c>
      <c r="HK37" s="71">
        <v>0</v>
      </c>
      <c r="HL37" s="72">
        <v>13</v>
      </c>
      <c r="HM37" s="73">
        <v>18</v>
      </c>
      <c r="HN37" s="70">
        <v>4</v>
      </c>
      <c r="HO37" s="71">
        <v>2</v>
      </c>
      <c r="HP37" s="72">
        <v>6</v>
      </c>
      <c r="HQ37" s="276"/>
      <c r="HR37" s="71">
        <v>7</v>
      </c>
      <c r="HS37" s="71">
        <v>6</v>
      </c>
      <c r="HT37" s="71">
        <v>3</v>
      </c>
      <c r="HU37" s="71">
        <v>3</v>
      </c>
      <c r="HV37" s="71">
        <v>5</v>
      </c>
      <c r="HW37" s="72">
        <v>24</v>
      </c>
      <c r="HX37" s="73">
        <v>30</v>
      </c>
      <c r="HY37" s="70">
        <v>10</v>
      </c>
      <c r="HZ37" s="71">
        <v>5</v>
      </c>
      <c r="IA37" s="72">
        <v>15</v>
      </c>
      <c r="IB37" s="276"/>
      <c r="IC37" s="71">
        <v>12</v>
      </c>
      <c r="ID37" s="71">
        <v>10</v>
      </c>
      <c r="IE37" s="71">
        <v>8</v>
      </c>
      <c r="IF37" s="71">
        <v>11</v>
      </c>
      <c r="IG37" s="71">
        <v>5</v>
      </c>
      <c r="IH37" s="72">
        <v>46</v>
      </c>
      <c r="II37" s="73">
        <v>61</v>
      </c>
      <c r="IJ37" s="70">
        <v>18</v>
      </c>
      <c r="IK37" s="71">
        <v>18</v>
      </c>
      <c r="IL37" s="72">
        <v>36</v>
      </c>
      <c r="IM37" s="276"/>
      <c r="IN37" s="71">
        <v>33</v>
      </c>
      <c r="IO37" s="71">
        <v>20</v>
      </c>
      <c r="IP37" s="71">
        <v>8</v>
      </c>
      <c r="IQ37" s="71">
        <v>13</v>
      </c>
      <c r="IR37" s="71">
        <v>2</v>
      </c>
      <c r="IS37" s="72">
        <v>76</v>
      </c>
      <c r="IT37" s="73">
        <v>112</v>
      </c>
      <c r="IU37" s="70">
        <v>15</v>
      </c>
      <c r="IV37" s="71">
        <v>16</v>
      </c>
      <c r="IW37" s="72">
        <v>31</v>
      </c>
      <c r="IX37" s="276"/>
      <c r="IY37" s="71">
        <v>43</v>
      </c>
      <c r="IZ37" s="71">
        <v>28</v>
      </c>
      <c r="JA37" s="71">
        <v>19</v>
      </c>
      <c r="JB37" s="71">
        <v>20</v>
      </c>
      <c r="JC37" s="71">
        <v>9</v>
      </c>
      <c r="JD37" s="72">
        <v>119</v>
      </c>
      <c r="JE37" s="73">
        <v>150</v>
      </c>
      <c r="JF37" s="70">
        <v>11</v>
      </c>
      <c r="JG37" s="71">
        <v>14</v>
      </c>
      <c r="JH37" s="72">
        <v>25</v>
      </c>
      <c r="JI37" s="276"/>
      <c r="JJ37" s="71">
        <v>32</v>
      </c>
      <c r="JK37" s="71">
        <v>27</v>
      </c>
      <c r="JL37" s="71">
        <v>21</v>
      </c>
      <c r="JM37" s="71">
        <v>19</v>
      </c>
      <c r="JN37" s="71">
        <v>12</v>
      </c>
      <c r="JO37" s="72">
        <v>111</v>
      </c>
      <c r="JP37" s="73">
        <v>136</v>
      </c>
      <c r="JQ37" s="70">
        <v>0</v>
      </c>
      <c r="JR37" s="71">
        <v>0</v>
      </c>
      <c r="JS37" s="72">
        <v>0</v>
      </c>
      <c r="JT37" s="276"/>
      <c r="JU37" s="71">
        <v>5</v>
      </c>
      <c r="JV37" s="71">
        <v>1</v>
      </c>
      <c r="JW37" s="71">
        <v>2</v>
      </c>
      <c r="JX37" s="71">
        <v>1</v>
      </c>
      <c r="JY37" s="71">
        <v>2</v>
      </c>
      <c r="JZ37" s="72">
        <v>11</v>
      </c>
      <c r="KA37" s="73">
        <v>11</v>
      </c>
      <c r="KB37" s="70">
        <v>60</v>
      </c>
      <c r="KC37" s="71">
        <v>58</v>
      </c>
      <c r="KD37" s="72">
        <v>118</v>
      </c>
      <c r="KE37" s="276"/>
      <c r="KF37" s="71">
        <v>135</v>
      </c>
      <c r="KG37" s="71">
        <v>95</v>
      </c>
      <c r="KH37" s="71">
        <v>64</v>
      </c>
      <c r="KI37" s="71">
        <v>71</v>
      </c>
      <c r="KJ37" s="71">
        <v>35</v>
      </c>
      <c r="KK37" s="72">
        <v>400</v>
      </c>
      <c r="KL37" s="73">
        <v>518</v>
      </c>
    </row>
    <row r="38" spans="1:298" ht="19.5" customHeight="1" x14ac:dyDescent="0.2">
      <c r="A38" s="129" t="s">
        <v>35</v>
      </c>
      <c r="B38" s="350">
        <v>50</v>
      </c>
      <c r="C38" s="82">
        <v>50</v>
      </c>
      <c r="D38" s="83">
        <v>100</v>
      </c>
      <c r="E38" s="273"/>
      <c r="F38" s="82">
        <v>157</v>
      </c>
      <c r="G38" s="82">
        <v>104</v>
      </c>
      <c r="H38" s="82">
        <v>59</v>
      </c>
      <c r="I38" s="82">
        <v>55</v>
      </c>
      <c r="J38" s="82">
        <v>27</v>
      </c>
      <c r="K38" s="84">
        <v>402</v>
      </c>
      <c r="L38" s="85">
        <v>502</v>
      </c>
      <c r="M38" s="70">
        <v>2</v>
      </c>
      <c r="N38" s="71">
        <v>3</v>
      </c>
      <c r="O38" s="72">
        <v>5</v>
      </c>
      <c r="P38" s="276"/>
      <c r="Q38" s="71">
        <v>10</v>
      </c>
      <c r="R38" s="71">
        <v>2</v>
      </c>
      <c r="S38" s="71">
        <v>10</v>
      </c>
      <c r="T38" s="71">
        <v>2</v>
      </c>
      <c r="U38" s="71">
        <v>1</v>
      </c>
      <c r="V38" s="72">
        <v>25</v>
      </c>
      <c r="W38" s="73">
        <v>30</v>
      </c>
      <c r="X38" s="70">
        <v>6</v>
      </c>
      <c r="Y38" s="71">
        <v>4</v>
      </c>
      <c r="Z38" s="72">
        <v>10</v>
      </c>
      <c r="AA38" s="276"/>
      <c r="AB38" s="71">
        <v>9</v>
      </c>
      <c r="AC38" s="71">
        <v>12</v>
      </c>
      <c r="AD38" s="71">
        <v>6</v>
      </c>
      <c r="AE38" s="71">
        <v>5</v>
      </c>
      <c r="AF38" s="71">
        <v>7</v>
      </c>
      <c r="AG38" s="72">
        <v>39</v>
      </c>
      <c r="AH38" s="73">
        <v>49</v>
      </c>
      <c r="AI38" s="70">
        <v>9</v>
      </c>
      <c r="AJ38" s="71">
        <v>15</v>
      </c>
      <c r="AK38" s="72">
        <v>24</v>
      </c>
      <c r="AL38" s="276"/>
      <c r="AM38" s="71">
        <v>28</v>
      </c>
      <c r="AN38" s="71">
        <v>12</v>
      </c>
      <c r="AO38" s="71">
        <v>9</v>
      </c>
      <c r="AP38" s="71">
        <v>12</v>
      </c>
      <c r="AQ38" s="71">
        <v>3</v>
      </c>
      <c r="AR38" s="72">
        <v>64</v>
      </c>
      <c r="AS38" s="73">
        <v>88</v>
      </c>
      <c r="AT38" s="70">
        <v>14</v>
      </c>
      <c r="AU38" s="71">
        <v>11</v>
      </c>
      <c r="AV38" s="72">
        <v>25</v>
      </c>
      <c r="AW38" s="276"/>
      <c r="AX38" s="71">
        <v>39</v>
      </c>
      <c r="AY38" s="71">
        <v>25</v>
      </c>
      <c r="AZ38" s="71">
        <v>10</v>
      </c>
      <c r="BA38" s="71">
        <v>16</v>
      </c>
      <c r="BB38" s="71">
        <v>2</v>
      </c>
      <c r="BC38" s="72">
        <v>92</v>
      </c>
      <c r="BD38" s="73">
        <v>117</v>
      </c>
      <c r="BE38" s="70">
        <v>10</v>
      </c>
      <c r="BF38" s="71">
        <v>13</v>
      </c>
      <c r="BG38" s="72">
        <v>23</v>
      </c>
      <c r="BH38" s="276"/>
      <c r="BI38" s="71">
        <v>45</v>
      </c>
      <c r="BJ38" s="71">
        <v>24</v>
      </c>
      <c r="BK38" s="71">
        <v>10</v>
      </c>
      <c r="BL38" s="71">
        <v>5</v>
      </c>
      <c r="BM38" s="71">
        <v>6</v>
      </c>
      <c r="BN38" s="72">
        <v>90</v>
      </c>
      <c r="BO38" s="73">
        <v>113</v>
      </c>
      <c r="BP38" s="70">
        <v>9</v>
      </c>
      <c r="BQ38" s="71">
        <v>4</v>
      </c>
      <c r="BR38" s="72">
        <v>13</v>
      </c>
      <c r="BS38" s="276"/>
      <c r="BT38" s="71">
        <v>26</v>
      </c>
      <c r="BU38" s="71">
        <v>29</v>
      </c>
      <c r="BV38" s="71">
        <v>14</v>
      </c>
      <c r="BW38" s="71">
        <v>15</v>
      </c>
      <c r="BX38" s="71">
        <v>8</v>
      </c>
      <c r="BY38" s="72">
        <v>92</v>
      </c>
      <c r="BZ38" s="73">
        <v>105</v>
      </c>
      <c r="CA38" s="70">
        <v>0</v>
      </c>
      <c r="CB38" s="71">
        <v>2</v>
      </c>
      <c r="CC38" s="72">
        <v>2</v>
      </c>
      <c r="CD38" s="276"/>
      <c r="CE38" s="71">
        <v>4</v>
      </c>
      <c r="CF38" s="71">
        <v>1</v>
      </c>
      <c r="CG38" s="71">
        <v>1</v>
      </c>
      <c r="CH38" s="71">
        <v>2</v>
      </c>
      <c r="CI38" s="71">
        <v>1</v>
      </c>
      <c r="CJ38" s="72">
        <v>9</v>
      </c>
      <c r="CK38" s="73">
        <v>11</v>
      </c>
      <c r="CL38" s="70">
        <v>50</v>
      </c>
      <c r="CM38" s="71">
        <v>52</v>
      </c>
      <c r="CN38" s="72">
        <v>102</v>
      </c>
      <c r="CO38" s="276"/>
      <c r="CP38" s="71">
        <v>161</v>
      </c>
      <c r="CQ38" s="71">
        <v>105</v>
      </c>
      <c r="CR38" s="71">
        <v>60</v>
      </c>
      <c r="CS38" s="71">
        <v>57</v>
      </c>
      <c r="CT38" s="71">
        <v>28</v>
      </c>
      <c r="CU38" s="72">
        <v>411</v>
      </c>
      <c r="CV38" s="73">
        <v>513</v>
      </c>
      <c r="CW38" s="126">
        <v>130</v>
      </c>
      <c r="CX38" s="82">
        <v>148</v>
      </c>
      <c r="CY38" s="83">
        <v>278</v>
      </c>
      <c r="CZ38" s="273"/>
      <c r="DA38" s="82">
        <v>298</v>
      </c>
      <c r="DB38" s="82">
        <v>189</v>
      </c>
      <c r="DC38" s="82">
        <v>150</v>
      </c>
      <c r="DD38" s="82">
        <v>141</v>
      </c>
      <c r="DE38" s="82">
        <v>88</v>
      </c>
      <c r="DF38" s="84">
        <v>866</v>
      </c>
      <c r="DG38" s="85">
        <v>1144</v>
      </c>
      <c r="DH38" s="70">
        <v>3</v>
      </c>
      <c r="DI38" s="71">
        <v>3</v>
      </c>
      <c r="DJ38" s="72">
        <v>6</v>
      </c>
      <c r="DK38" s="276"/>
      <c r="DL38" s="71">
        <v>4</v>
      </c>
      <c r="DM38" s="71">
        <v>5</v>
      </c>
      <c r="DN38" s="71">
        <v>5</v>
      </c>
      <c r="DO38" s="71">
        <v>5</v>
      </c>
      <c r="DP38" s="71">
        <v>1</v>
      </c>
      <c r="DQ38" s="72">
        <v>20</v>
      </c>
      <c r="DR38" s="73">
        <v>26</v>
      </c>
      <c r="DS38" s="70">
        <v>6</v>
      </c>
      <c r="DT38" s="71">
        <v>12</v>
      </c>
      <c r="DU38" s="72">
        <v>18</v>
      </c>
      <c r="DV38" s="276"/>
      <c r="DW38" s="71">
        <v>23</v>
      </c>
      <c r="DX38" s="71">
        <v>6</v>
      </c>
      <c r="DY38" s="71">
        <v>4</v>
      </c>
      <c r="DZ38" s="71">
        <v>3</v>
      </c>
      <c r="EA38" s="71">
        <v>4</v>
      </c>
      <c r="EB38" s="72">
        <v>40</v>
      </c>
      <c r="EC38" s="73">
        <v>58</v>
      </c>
      <c r="ED38" s="70">
        <v>22</v>
      </c>
      <c r="EE38" s="71">
        <v>23</v>
      </c>
      <c r="EF38" s="72">
        <v>45</v>
      </c>
      <c r="EG38" s="276"/>
      <c r="EH38" s="71">
        <v>32</v>
      </c>
      <c r="EI38" s="71">
        <v>21</v>
      </c>
      <c r="EJ38" s="71">
        <v>5</v>
      </c>
      <c r="EK38" s="71">
        <v>16</v>
      </c>
      <c r="EL38" s="71">
        <v>12</v>
      </c>
      <c r="EM38" s="72">
        <v>86</v>
      </c>
      <c r="EN38" s="73">
        <v>131</v>
      </c>
      <c r="EO38" s="70">
        <v>35</v>
      </c>
      <c r="EP38" s="71">
        <v>31</v>
      </c>
      <c r="EQ38" s="72">
        <v>66</v>
      </c>
      <c r="ER38" s="276"/>
      <c r="ES38" s="71">
        <v>66</v>
      </c>
      <c r="ET38" s="71">
        <v>40</v>
      </c>
      <c r="EU38" s="71">
        <v>27</v>
      </c>
      <c r="EV38" s="71">
        <v>22</v>
      </c>
      <c r="EW38" s="71">
        <v>10</v>
      </c>
      <c r="EX38" s="72">
        <v>165</v>
      </c>
      <c r="EY38" s="73">
        <v>231</v>
      </c>
      <c r="EZ38" s="70">
        <v>33</v>
      </c>
      <c r="FA38" s="71">
        <v>48</v>
      </c>
      <c r="FB38" s="72">
        <v>81</v>
      </c>
      <c r="FC38" s="276"/>
      <c r="FD38" s="71">
        <v>97</v>
      </c>
      <c r="FE38" s="71">
        <v>47</v>
      </c>
      <c r="FF38" s="71">
        <v>35</v>
      </c>
      <c r="FG38" s="71">
        <v>34</v>
      </c>
      <c r="FH38" s="71">
        <v>20</v>
      </c>
      <c r="FI38" s="72">
        <v>233</v>
      </c>
      <c r="FJ38" s="73">
        <v>314</v>
      </c>
      <c r="FK38" s="70">
        <v>31</v>
      </c>
      <c r="FL38" s="71">
        <v>31</v>
      </c>
      <c r="FM38" s="72">
        <v>62</v>
      </c>
      <c r="FN38" s="276"/>
      <c r="FO38" s="71">
        <v>76</v>
      </c>
      <c r="FP38" s="71">
        <v>70</v>
      </c>
      <c r="FQ38" s="71">
        <v>74</v>
      </c>
      <c r="FR38" s="71">
        <v>61</v>
      </c>
      <c r="FS38" s="71">
        <v>41</v>
      </c>
      <c r="FT38" s="72">
        <v>322</v>
      </c>
      <c r="FU38" s="73">
        <v>384</v>
      </c>
      <c r="FV38" s="70">
        <v>2</v>
      </c>
      <c r="FW38" s="71">
        <v>1</v>
      </c>
      <c r="FX38" s="72">
        <v>3</v>
      </c>
      <c r="FY38" s="276"/>
      <c r="FZ38" s="71">
        <v>0</v>
      </c>
      <c r="GA38" s="71">
        <v>7</v>
      </c>
      <c r="GB38" s="71">
        <v>2</v>
      </c>
      <c r="GC38" s="71">
        <v>1</v>
      </c>
      <c r="GD38" s="71">
        <v>1</v>
      </c>
      <c r="GE38" s="72">
        <v>11</v>
      </c>
      <c r="GF38" s="73">
        <v>14</v>
      </c>
      <c r="GG38" s="70">
        <v>132</v>
      </c>
      <c r="GH38" s="71">
        <v>149</v>
      </c>
      <c r="GI38" s="72">
        <v>281</v>
      </c>
      <c r="GJ38" s="276"/>
      <c r="GK38" s="71">
        <v>298</v>
      </c>
      <c r="GL38" s="71">
        <v>196</v>
      </c>
      <c r="GM38" s="71">
        <v>152</v>
      </c>
      <c r="GN38" s="71">
        <v>142</v>
      </c>
      <c r="GO38" s="71">
        <v>89</v>
      </c>
      <c r="GP38" s="72">
        <v>877</v>
      </c>
      <c r="GQ38" s="73">
        <v>1158</v>
      </c>
      <c r="GR38" s="126">
        <v>180</v>
      </c>
      <c r="GS38" s="82">
        <v>198</v>
      </c>
      <c r="GT38" s="83">
        <v>378</v>
      </c>
      <c r="GU38" s="273"/>
      <c r="GV38" s="82">
        <v>455</v>
      </c>
      <c r="GW38" s="82">
        <v>293</v>
      </c>
      <c r="GX38" s="82">
        <v>209</v>
      </c>
      <c r="GY38" s="82">
        <v>196</v>
      </c>
      <c r="GZ38" s="82">
        <v>115</v>
      </c>
      <c r="HA38" s="84">
        <v>1268</v>
      </c>
      <c r="HB38" s="85">
        <v>1646</v>
      </c>
      <c r="HC38" s="70">
        <v>5</v>
      </c>
      <c r="HD38" s="71">
        <v>6</v>
      </c>
      <c r="HE38" s="72">
        <v>11</v>
      </c>
      <c r="HF38" s="276"/>
      <c r="HG38" s="71">
        <v>14</v>
      </c>
      <c r="HH38" s="71">
        <v>7</v>
      </c>
      <c r="HI38" s="71">
        <v>15</v>
      </c>
      <c r="HJ38" s="71">
        <v>7</v>
      </c>
      <c r="HK38" s="71">
        <v>2</v>
      </c>
      <c r="HL38" s="72">
        <v>45</v>
      </c>
      <c r="HM38" s="73">
        <v>56</v>
      </c>
      <c r="HN38" s="70">
        <v>12</v>
      </c>
      <c r="HO38" s="71">
        <v>16</v>
      </c>
      <c r="HP38" s="72">
        <v>28</v>
      </c>
      <c r="HQ38" s="276"/>
      <c r="HR38" s="71">
        <v>32</v>
      </c>
      <c r="HS38" s="71">
        <v>18</v>
      </c>
      <c r="HT38" s="71">
        <v>10</v>
      </c>
      <c r="HU38" s="71">
        <v>8</v>
      </c>
      <c r="HV38" s="71">
        <v>11</v>
      </c>
      <c r="HW38" s="72">
        <v>79</v>
      </c>
      <c r="HX38" s="73">
        <v>107</v>
      </c>
      <c r="HY38" s="70">
        <v>31</v>
      </c>
      <c r="HZ38" s="71">
        <v>38</v>
      </c>
      <c r="IA38" s="72">
        <v>69</v>
      </c>
      <c r="IB38" s="276"/>
      <c r="IC38" s="71">
        <v>60</v>
      </c>
      <c r="ID38" s="71">
        <v>33</v>
      </c>
      <c r="IE38" s="71">
        <v>14</v>
      </c>
      <c r="IF38" s="71">
        <v>28</v>
      </c>
      <c r="IG38" s="71">
        <v>15</v>
      </c>
      <c r="IH38" s="72">
        <v>150</v>
      </c>
      <c r="II38" s="73">
        <v>219</v>
      </c>
      <c r="IJ38" s="70">
        <v>49</v>
      </c>
      <c r="IK38" s="71">
        <v>42</v>
      </c>
      <c r="IL38" s="72">
        <v>91</v>
      </c>
      <c r="IM38" s="276"/>
      <c r="IN38" s="71">
        <v>105</v>
      </c>
      <c r="IO38" s="71">
        <v>65</v>
      </c>
      <c r="IP38" s="71">
        <v>37</v>
      </c>
      <c r="IQ38" s="71">
        <v>38</v>
      </c>
      <c r="IR38" s="71">
        <v>12</v>
      </c>
      <c r="IS38" s="72">
        <v>257</v>
      </c>
      <c r="IT38" s="73">
        <v>348</v>
      </c>
      <c r="IU38" s="70">
        <v>43</v>
      </c>
      <c r="IV38" s="71">
        <v>61</v>
      </c>
      <c r="IW38" s="72">
        <v>104</v>
      </c>
      <c r="IX38" s="276"/>
      <c r="IY38" s="71">
        <v>142</v>
      </c>
      <c r="IZ38" s="71">
        <v>71</v>
      </c>
      <c r="JA38" s="71">
        <v>45</v>
      </c>
      <c r="JB38" s="71">
        <v>39</v>
      </c>
      <c r="JC38" s="71">
        <v>26</v>
      </c>
      <c r="JD38" s="72">
        <v>323</v>
      </c>
      <c r="JE38" s="73">
        <v>427</v>
      </c>
      <c r="JF38" s="70">
        <v>40</v>
      </c>
      <c r="JG38" s="71">
        <v>35</v>
      </c>
      <c r="JH38" s="72">
        <v>75</v>
      </c>
      <c r="JI38" s="276"/>
      <c r="JJ38" s="71">
        <v>102</v>
      </c>
      <c r="JK38" s="71">
        <v>99</v>
      </c>
      <c r="JL38" s="71">
        <v>88</v>
      </c>
      <c r="JM38" s="71">
        <v>76</v>
      </c>
      <c r="JN38" s="71">
        <v>49</v>
      </c>
      <c r="JO38" s="72">
        <v>414</v>
      </c>
      <c r="JP38" s="73">
        <v>489</v>
      </c>
      <c r="JQ38" s="70">
        <v>2</v>
      </c>
      <c r="JR38" s="71">
        <v>3</v>
      </c>
      <c r="JS38" s="72">
        <v>5</v>
      </c>
      <c r="JT38" s="276"/>
      <c r="JU38" s="71">
        <v>4</v>
      </c>
      <c r="JV38" s="71">
        <v>8</v>
      </c>
      <c r="JW38" s="71">
        <v>3</v>
      </c>
      <c r="JX38" s="71">
        <v>3</v>
      </c>
      <c r="JY38" s="71">
        <v>2</v>
      </c>
      <c r="JZ38" s="72">
        <v>20</v>
      </c>
      <c r="KA38" s="73">
        <v>25</v>
      </c>
      <c r="KB38" s="70">
        <v>182</v>
      </c>
      <c r="KC38" s="71">
        <v>201</v>
      </c>
      <c r="KD38" s="72">
        <v>383</v>
      </c>
      <c r="KE38" s="276"/>
      <c r="KF38" s="71">
        <v>459</v>
      </c>
      <c r="KG38" s="71">
        <v>301</v>
      </c>
      <c r="KH38" s="71">
        <v>212</v>
      </c>
      <c r="KI38" s="71">
        <v>199</v>
      </c>
      <c r="KJ38" s="71">
        <v>117</v>
      </c>
      <c r="KK38" s="72">
        <v>1288</v>
      </c>
      <c r="KL38" s="73">
        <v>1671</v>
      </c>
    </row>
    <row r="39" spans="1:298" ht="19.5" customHeight="1" x14ac:dyDescent="0.2">
      <c r="A39" s="129" t="s">
        <v>36</v>
      </c>
      <c r="B39" s="350">
        <v>63</v>
      </c>
      <c r="C39" s="82">
        <v>82</v>
      </c>
      <c r="D39" s="83">
        <v>145</v>
      </c>
      <c r="E39" s="273"/>
      <c r="F39" s="82">
        <v>142</v>
      </c>
      <c r="G39" s="82">
        <v>141</v>
      </c>
      <c r="H39" s="82">
        <v>100</v>
      </c>
      <c r="I39" s="82">
        <v>66</v>
      </c>
      <c r="J39" s="82">
        <v>45</v>
      </c>
      <c r="K39" s="84">
        <v>494</v>
      </c>
      <c r="L39" s="85">
        <v>639</v>
      </c>
      <c r="M39" s="70">
        <v>6</v>
      </c>
      <c r="N39" s="71">
        <v>6</v>
      </c>
      <c r="O39" s="72">
        <v>12</v>
      </c>
      <c r="P39" s="276"/>
      <c r="Q39" s="71">
        <v>9</v>
      </c>
      <c r="R39" s="71">
        <v>18</v>
      </c>
      <c r="S39" s="71">
        <v>4</v>
      </c>
      <c r="T39" s="71">
        <v>4</v>
      </c>
      <c r="U39" s="71">
        <v>6</v>
      </c>
      <c r="V39" s="72">
        <v>41</v>
      </c>
      <c r="W39" s="73">
        <v>53</v>
      </c>
      <c r="X39" s="70">
        <v>9</v>
      </c>
      <c r="Y39" s="71">
        <v>13</v>
      </c>
      <c r="Z39" s="72">
        <v>22</v>
      </c>
      <c r="AA39" s="276"/>
      <c r="AB39" s="71">
        <v>19</v>
      </c>
      <c r="AC39" s="71">
        <v>19</v>
      </c>
      <c r="AD39" s="71">
        <v>12</v>
      </c>
      <c r="AE39" s="71">
        <v>14</v>
      </c>
      <c r="AF39" s="71">
        <v>6</v>
      </c>
      <c r="AG39" s="72">
        <v>70</v>
      </c>
      <c r="AH39" s="73">
        <v>92</v>
      </c>
      <c r="AI39" s="70">
        <v>13</v>
      </c>
      <c r="AJ39" s="71">
        <v>13</v>
      </c>
      <c r="AK39" s="72">
        <v>26</v>
      </c>
      <c r="AL39" s="276"/>
      <c r="AM39" s="71">
        <v>30</v>
      </c>
      <c r="AN39" s="71">
        <v>28</v>
      </c>
      <c r="AO39" s="71">
        <v>18</v>
      </c>
      <c r="AP39" s="71">
        <v>11</v>
      </c>
      <c r="AQ39" s="71">
        <v>7</v>
      </c>
      <c r="AR39" s="72">
        <v>94</v>
      </c>
      <c r="AS39" s="73">
        <v>120</v>
      </c>
      <c r="AT39" s="70">
        <v>18</v>
      </c>
      <c r="AU39" s="71">
        <v>25</v>
      </c>
      <c r="AV39" s="72">
        <v>43</v>
      </c>
      <c r="AW39" s="276"/>
      <c r="AX39" s="71">
        <v>38</v>
      </c>
      <c r="AY39" s="71">
        <v>35</v>
      </c>
      <c r="AZ39" s="71">
        <v>20</v>
      </c>
      <c r="BA39" s="71">
        <v>12</v>
      </c>
      <c r="BB39" s="71">
        <v>15</v>
      </c>
      <c r="BC39" s="72">
        <v>120</v>
      </c>
      <c r="BD39" s="73">
        <v>163</v>
      </c>
      <c r="BE39" s="70">
        <v>12</v>
      </c>
      <c r="BF39" s="71">
        <v>19</v>
      </c>
      <c r="BG39" s="72">
        <v>31</v>
      </c>
      <c r="BH39" s="276"/>
      <c r="BI39" s="71">
        <v>28</v>
      </c>
      <c r="BJ39" s="71">
        <v>25</v>
      </c>
      <c r="BK39" s="71">
        <v>30</v>
      </c>
      <c r="BL39" s="71">
        <v>18</v>
      </c>
      <c r="BM39" s="71">
        <v>6</v>
      </c>
      <c r="BN39" s="72">
        <v>107</v>
      </c>
      <c r="BO39" s="73">
        <v>138</v>
      </c>
      <c r="BP39" s="70">
        <v>5</v>
      </c>
      <c r="BQ39" s="71">
        <v>6</v>
      </c>
      <c r="BR39" s="72">
        <v>11</v>
      </c>
      <c r="BS39" s="276"/>
      <c r="BT39" s="71">
        <v>18</v>
      </c>
      <c r="BU39" s="71">
        <v>16</v>
      </c>
      <c r="BV39" s="71">
        <v>16</v>
      </c>
      <c r="BW39" s="71">
        <v>7</v>
      </c>
      <c r="BX39" s="71">
        <v>5</v>
      </c>
      <c r="BY39" s="72">
        <v>62</v>
      </c>
      <c r="BZ39" s="73">
        <v>73</v>
      </c>
      <c r="CA39" s="70">
        <v>2</v>
      </c>
      <c r="CB39" s="71">
        <v>5</v>
      </c>
      <c r="CC39" s="72">
        <v>7</v>
      </c>
      <c r="CD39" s="276"/>
      <c r="CE39" s="71">
        <v>4</v>
      </c>
      <c r="CF39" s="71">
        <v>7</v>
      </c>
      <c r="CG39" s="71">
        <v>6</v>
      </c>
      <c r="CH39" s="71">
        <v>6</v>
      </c>
      <c r="CI39" s="71">
        <v>4</v>
      </c>
      <c r="CJ39" s="72">
        <v>27</v>
      </c>
      <c r="CK39" s="73">
        <v>34</v>
      </c>
      <c r="CL39" s="70">
        <v>65</v>
      </c>
      <c r="CM39" s="71">
        <v>87</v>
      </c>
      <c r="CN39" s="72">
        <v>152</v>
      </c>
      <c r="CO39" s="276"/>
      <c r="CP39" s="71">
        <v>146</v>
      </c>
      <c r="CQ39" s="71">
        <v>148</v>
      </c>
      <c r="CR39" s="71">
        <v>106</v>
      </c>
      <c r="CS39" s="71">
        <v>72</v>
      </c>
      <c r="CT39" s="71">
        <v>49</v>
      </c>
      <c r="CU39" s="72">
        <v>521</v>
      </c>
      <c r="CV39" s="73">
        <v>673</v>
      </c>
      <c r="CW39" s="126">
        <v>101</v>
      </c>
      <c r="CX39" s="82">
        <v>161</v>
      </c>
      <c r="CY39" s="83">
        <v>262</v>
      </c>
      <c r="CZ39" s="273"/>
      <c r="DA39" s="82">
        <v>269</v>
      </c>
      <c r="DB39" s="82">
        <v>197</v>
      </c>
      <c r="DC39" s="82">
        <v>182</v>
      </c>
      <c r="DD39" s="82">
        <v>170</v>
      </c>
      <c r="DE39" s="82">
        <v>140</v>
      </c>
      <c r="DF39" s="84">
        <v>958</v>
      </c>
      <c r="DG39" s="85">
        <v>1220</v>
      </c>
      <c r="DH39" s="70">
        <v>1</v>
      </c>
      <c r="DI39" s="71">
        <v>7</v>
      </c>
      <c r="DJ39" s="72">
        <v>8</v>
      </c>
      <c r="DK39" s="276"/>
      <c r="DL39" s="71">
        <v>9</v>
      </c>
      <c r="DM39" s="71">
        <v>7</v>
      </c>
      <c r="DN39" s="71">
        <v>8</v>
      </c>
      <c r="DO39" s="71">
        <v>5</v>
      </c>
      <c r="DP39" s="71">
        <v>6</v>
      </c>
      <c r="DQ39" s="72">
        <v>35</v>
      </c>
      <c r="DR39" s="73">
        <v>43</v>
      </c>
      <c r="DS39" s="70">
        <v>9</v>
      </c>
      <c r="DT39" s="71">
        <v>24</v>
      </c>
      <c r="DU39" s="72">
        <v>33</v>
      </c>
      <c r="DV39" s="276"/>
      <c r="DW39" s="71">
        <v>30</v>
      </c>
      <c r="DX39" s="71">
        <v>8</v>
      </c>
      <c r="DY39" s="71">
        <v>13</v>
      </c>
      <c r="DZ39" s="71">
        <v>12</v>
      </c>
      <c r="EA39" s="71">
        <v>8</v>
      </c>
      <c r="EB39" s="72">
        <v>71</v>
      </c>
      <c r="EC39" s="73">
        <v>104</v>
      </c>
      <c r="ED39" s="70">
        <v>17</v>
      </c>
      <c r="EE39" s="71">
        <v>28</v>
      </c>
      <c r="EF39" s="72">
        <v>45</v>
      </c>
      <c r="EG39" s="276"/>
      <c r="EH39" s="71">
        <v>32</v>
      </c>
      <c r="EI39" s="71">
        <v>20</v>
      </c>
      <c r="EJ39" s="71">
        <v>18</v>
      </c>
      <c r="EK39" s="71">
        <v>16</v>
      </c>
      <c r="EL39" s="71">
        <v>23</v>
      </c>
      <c r="EM39" s="72">
        <v>109</v>
      </c>
      <c r="EN39" s="73">
        <v>154</v>
      </c>
      <c r="EO39" s="70">
        <v>36</v>
      </c>
      <c r="EP39" s="71">
        <v>45</v>
      </c>
      <c r="EQ39" s="72">
        <v>81</v>
      </c>
      <c r="ER39" s="276"/>
      <c r="ES39" s="71">
        <v>84</v>
      </c>
      <c r="ET39" s="71">
        <v>45</v>
      </c>
      <c r="EU39" s="71">
        <v>47</v>
      </c>
      <c r="EV39" s="71">
        <v>27</v>
      </c>
      <c r="EW39" s="71">
        <v>31</v>
      </c>
      <c r="EX39" s="72">
        <v>234</v>
      </c>
      <c r="EY39" s="73">
        <v>315</v>
      </c>
      <c r="EZ39" s="70">
        <v>27</v>
      </c>
      <c r="FA39" s="71">
        <v>37</v>
      </c>
      <c r="FB39" s="72">
        <v>64</v>
      </c>
      <c r="FC39" s="276"/>
      <c r="FD39" s="71">
        <v>65</v>
      </c>
      <c r="FE39" s="71">
        <v>65</v>
      </c>
      <c r="FF39" s="71">
        <v>42</v>
      </c>
      <c r="FG39" s="71">
        <v>42</v>
      </c>
      <c r="FH39" s="71">
        <v>28</v>
      </c>
      <c r="FI39" s="72">
        <v>242</v>
      </c>
      <c r="FJ39" s="73">
        <v>306</v>
      </c>
      <c r="FK39" s="70">
        <v>11</v>
      </c>
      <c r="FL39" s="71">
        <v>20</v>
      </c>
      <c r="FM39" s="72">
        <v>31</v>
      </c>
      <c r="FN39" s="276"/>
      <c r="FO39" s="71">
        <v>49</v>
      </c>
      <c r="FP39" s="71">
        <v>52</v>
      </c>
      <c r="FQ39" s="71">
        <v>54</v>
      </c>
      <c r="FR39" s="71">
        <v>68</v>
      </c>
      <c r="FS39" s="71">
        <v>44</v>
      </c>
      <c r="FT39" s="72">
        <v>267</v>
      </c>
      <c r="FU39" s="73">
        <v>298</v>
      </c>
      <c r="FV39" s="70">
        <v>1</v>
      </c>
      <c r="FW39" s="71">
        <v>2</v>
      </c>
      <c r="FX39" s="72">
        <v>3</v>
      </c>
      <c r="FY39" s="276"/>
      <c r="FZ39" s="71">
        <v>2</v>
      </c>
      <c r="GA39" s="71">
        <v>3</v>
      </c>
      <c r="GB39" s="71">
        <v>1</v>
      </c>
      <c r="GC39" s="71">
        <v>2</v>
      </c>
      <c r="GD39" s="71">
        <v>2</v>
      </c>
      <c r="GE39" s="72">
        <v>10</v>
      </c>
      <c r="GF39" s="73">
        <v>13</v>
      </c>
      <c r="GG39" s="70">
        <v>102</v>
      </c>
      <c r="GH39" s="71">
        <v>163</v>
      </c>
      <c r="GI39" s="72">
        <v>265</v>
      </c>
      <c r="GJ39" s="276"/>
      <c r="GK39" s="71">
        <v>271</v>
      </c>
      <c r="GL39" s="71">
        <v>200</v>
      </c>
      <c r="GM39" s="71">
        <v>183</v>
      </c>
      <c r="GN39" s="71">
        <v>172</v>
      </c>
      <c r="GO39" s="71">
        <v>142</v>
      </c>
      <c r="GP39" s="72">
        <v>968</v>
      </c>
      <c r="GQ39" s="73">
        <v>1233</v>
      </c>
      <c r="GR39" s="126">
        <v>164</v>
      </c>
      <c r="GS39" s="82">
        <v>243</v>
      </c>
      <c r="GT39" s="83">
        <v>407</v>
      </c>
      <c r="GU39" s="273"/>
      <c r="GV39" s="82">
        <v>411</v>
      </c>
      <c r="GW39" s="82">
        <v>338</v>
      </c>
      <c r="GX39" s="82">
        <v>282</v>
      </c>
      <c r="GY39" s="82">
        <v>236</v>
      </c>
      <c r="GZ39" s="82">
        <v>185</v>
      </c>
      <c r="HA39" s="84">
        <v>1452</v>
      </c>
      <c r="HB39" s="85">
        <v>1859</v>
      </c>
      <c r="HC39" s="70">
        <v>7</v>
      </c>
      <c r="HD39" s="71">
        <v>13</v>
      </c>
      <c r="HE39" s="72">
        <v>20</v>
      </c>
      <c r="HF39" s="276"/>
      <c r="HG39" s="71">
        <v>18</v>
      </c>
      <c r="HH39" s="71">
        <v>25</v>
      </c>
      <c r="HI39" s="71">
        <v>12</v>
      </c>
      <c r="HJ39" s="71">
        <v>9</v>
      </c>
      <c r="HK39" s="71">
        <v>12</v>
      </c>
      <c r="HL39" s="72">
        <v>76</v>
      </c>
      <c r="HM39" s="73">
        <v>96</v>
      </c>
      <c r="HN39" s="70">
        <v>18</v>
      </c>
      <c r="HO39" s="71">
        <v>37</v>
      </c>
      <c r="HP39" s="72">
        <v>55</v>
      </c>
      <c r="HQ39" s="276"/>
      <c r="HR39" s="71">
        <v>49</v>
      </c>
      <c r="HS39" s="71">
        <v>27</v>
      </c>
      <c r="HT39" s="71">
        <v>25</v>
      </c>
      <c r="HU39" s="71">
        <v>26</v>
      </c>
      <c r="HV39" s="71">
        <v>14</v>
      </c>
      <c r="HW39" s="72">
        <v>141</v>
      </c>
      <c r="HX39" s="73">
        <v>196</v>
      </c>
      <c r="HY39" s="70">
        <v>30</v>
      </c>
      <c r="HZ39" s="71">
        <v>41</v>
      </c>
      <c r="IA39" s="72">
        <v>71</v>
      </c>
      <c r="IB39" s="276"/>
      <c r="IC39" s="71">
        <v>62</v>
      </c>
      <c r="ID39" s="71">
        <v>48</v>
      </c>
      <c r="IE39" s="71">
        <v>36</v>
      </c>
      <c r="IF39" s="71">
        <v>27</v>
      </c>
      <c r="IG39" s="71">
        <v>30</v>
      </c>
      <c r="IH39" s="72">
        <v>203</v>
      </c>
      <c r="II39" s="73">
        <v>274</v>
      </c>
      <c r="IJ39" s="70">
        <v>54</v>
      </c>
      <c r="IK39" s="71">
        <v>70</v>
      </c>
      <c r="IL39" s="72">
        <v>124</v>
      </c>
      <c r="IM39" s="276"/>
      <c r="IN39" s="71">
        <v>122</v>
      </c>
      <c r="IO39" s="71">
        <v>80</v>
      </c>
      <c r="IP39" s="71">
        <v>67</v>
      </c>
      <c r="IQ39" s="71">
        <v>39</v>
      </c>
      <c r="IR39" s="71">
        <v>46</v>
      </c>
      <c r="IS39" s="72">
        <v>354</v>
      </c>
      <c r="IT39" s="73">
        <v>478</v>
      </c>
      <c r="IU39" s="70">
        <v>39</v>
      </c>
      <c r="IV39" s="71">
        <v>56</v>
      </c>
      <c r="IW39" s="72">
        <v>95</v>
      </c>
      <c r="IX39" s="276"/>
      <c r="IY39" s="71">
        <v>93</v>
      </c>
      <c r="IZ39" s="71">
        <v>90</v>
      </c>
      <c r="JA39" s="71">
        <v>72</v>
      </c>
      <c r="JB39" s="71">
        <v>60</v>
      </c>
      <c r="JC39" s="71">
        <v>34</v>
      </c>
      <c r="JD39" s="72">
        <v>349</v>
      </c>
      <c r="JE39" s="73">
        <v>444</v>
      </c>
      <c r="JF39" s="70">
        <v>16</v>
      </c>
      <c r="JG39" s="71">
        <v>26</v>
      </c>
      <c r="JH39" s="72">
        <v>42</v>
      </c>
      <c r="JI39" s="276"/>
      <c r="JJ39" s="71">
        <v>67</v>
      </c>
      <c r="JK39" s="71">
        <v>68</v>
      </c>
      <c r="JL39" s="71">
        <v>70</v>
      </c>
      <c r="JM39" s="71">
        <v>75</v>
      </c>
      <c r="JN39" s="71">
        <v>49</v>
      </c>
      <c r="JO39" s="72">
        <v>329</v>
      </c>
      <c r="JP39" s="73">
        <v>371</v>
      </c>
      <c r="JQ39" s="70">
        <v>3</v>
      </c>
      <c r="JR39" s="71">
        <v>7</v>
      </c>
      <c r="JS39" s="72">
        <v>10</v>
      </c>
      <c r="JT39" s="276"/>
      <c r="JU39" s="71">
        <v>6</v>
      </c>
      <c r="JV39" s="71">
        <v>10</v>
      </c>
      <c r="JW39" s="71">
        <v>7</v>
      </c>
      <c r="JX39" s="71">
        <v>8</v>
      </c>
      <c r="JY39" s="71">
        <v>6</v>
      </c>
      <c r="JZ39" s="72">
        <v>37</v>
      </c>
      <c r="KA39" s="73">
        <v>47</v>
      </c>
      <c r="KB39" s="70">
        <v>167</v>
      </c>
      <c r="KC39" s="71">
        <v>250</v>
      </c>
      <c r="KD39" s="72">
        <v>417</v>
      </c>
      <c r="KE39" s="276"/>
      <c r="KF39" s="71">
        <v>417</v>
      </c>
      <c r="KG39" s="71">
        <v>348</v>
      </c>
      <c r="KH39" s="71">
        <v>289</v>
      </c>
      <c r="KI39" s="71">
        <v>244</v>
      </c>
      <c r="KJ39" s="71">
        <v>191</v>
      </c>
      <c r="KK39" s="72">
        <v>1489</v>
      </c>
      <c r="KL39" s="73">
        <v>1906</v>
      </c>
    </row>
    <row r="40" spans="1:298" ht="19.5" customHeight="1" thickBot="1" x14ac:dyDescent="0.25">
      <c r="A40" s="130" t="s">
        <v>37</v>
      </c>
      <c r="B40" s="351">
        <v>3</v>
      </c>
      <c r="C40" s="87">
        <v>2</v>
      </c>
      <c r="D40" s="88">
        <v>5</v>
      </c>
      <c r="E40" s="274"/>
      <c r="F40" s="87">
        <v>15</v>
      </c>
      <c r="G40" s="87">
        <v>6</v>
      </c>
      <c r="H40" s="87">
        <v>12</v>
      </c>
      <c r="I40" s="87">
        <v>3</v>
      </c>
      <c r="J40" s="87">
        <v>4</v>
      </c>
      <c r="K40" s="89">
        <v>40</v>
      </c>
      <c r="L40" s="90">
        <v>45</v>
      </c>
      <c r="M40" s="74">
        <v>0</v>
      </c>
      <c r="N40" s="75">
        <v>1</v>
      </c>
      <c r="O40" s="76">
        <v>1</v>
      </c>
      <c r="P40" s="277"/>
      <c r="Q40" s="75">
        <v>2</v>
      </c>
      <c r="R40" s="75">
        <v>0</v>
      </c>
      <c r="S40" s="75">
        <v>1</v>
      </c>
      <c r="T40" s="75">
        <v>0</v>
      </c>
      <c r="U40" s="75">
        <v>1</v>
      </c>
      <c r="V40" s="76">
        <v>4</v>
      </c>
      <c r="W40" s="77">
        <v>5</v>
      </c>
      <c r="X40" s="74">
        <v>1</v>
      </c>
      <c r="Y40" s="75">
        <v>0</v>
      </c>
      <c r="Z40" s="76">
        <v>1</v>
      </c>
      <c r="AA40" s="277"/>
      <c r="AB40" s="75">
        <v>0</v>
      </c>
      <c r="AC40" s="75">
        <v>1</v>
      </c>
      <c r="AD40" s="75">
        <v>2</v>
      </c>
      <c r="AE40" s="75">
        <v>0</v>
      </c>
      <c r="AF40" s="75">
        <v>0</v>
      </c>
      <c r="AG40" s="76">
        <v>3</v>
      </c>
      <c r="AH40" s="77">
        <v>4</v>
      </c>
      <c r="AI40" s="74">
        <v>0</v>
      </c>
      <c r="AJ40" s="75">
        <v>0</v>
      </c>
      <c r="AK40" s="76">
        <v>0</v>
      </c>
      <c r="AL40" s="277"/>
      <c r="AM40" s="75">
        <v>2</v>
      </c>
      <c r="AN40" s="75">
        <v>1</v>
      </c>
      <c r="AO40" s="75">
        <v>2</v>
      </c>
      <c r="AP40" s="75">
        <v>0</v>
      </c>
      <c r="AQ40" s="75">
        <v>0</v>
      </c>
      <c r="AR40" s="76">
        <v>5</v>
      </c>
      <c r="AS40" s="77">
        <v>5</v>
      </c>
      <c r="AT40" s="74">
        <v>2</v>
      </c>
      <c r="AU40" s="75">
        <v>1</v>
      </c>
      <c r="AV40" s="76">
        <v>3</v>
      </c>
      <c r="AW40" s="277"/>
      <c r="AX40" s="75">
        <v>4</v>
      </c>
      <c r="AY40" s="75">
        <v>2</v>
      </c>
      <c r="AZ40" s="75">
        <v>0</v>
      </c>
      <c r="BA40" s="75">
        <v>1</v>
      </c>
      <c r="BB40" s="75">
        <v>2</v>
      </c>
      <c r="BC40" s="76">
        <v>9</v>
      </c>
      <c r="BD40" s="77">
        <v>12</v>
      </c>
      <c r="BE40" s="74">
        <v>0</v>
      </c>
      <c r="BF40" s="75">
        <v>0</v>
      </c>
      <c r="BG40" s="76">
        <v>0</v>
      </c>
      <c r="BH40" s="277"/>
      <c r="BI40" s="75">
        <v>3</v>
      </c>
      <c r="BJ40" s="75">
        <v>1</v>
      </c>
      <c r="BK40" s="75">
        <v>5</v>
      </c>
      <c r="BL40" s="75">
        <v>1</v>
      </c>
      <c r="BM40" s="75">
        <v>1</v>
      </c>
      <c r="BN40" s="76">
        <v>11</v>
      </c>
      <c r="BO40" s="77">
        <v>11</v>
      </c>
      <c r="BP40" s="74">
        <v>0</v>
      </c>
      <c r="BQ40" s="75">
        <v>0</v>
      </c>
      <c r="BR40" s="76">
        <v>0</v>
      </c>
      <c r="BS40" s="277"/>
      <c r="BT40" s="75">
        <v>4</v>
      </c>
      <c r="BU40" s="75">
        <v>1</v>
      </c>
      <c r="BV40" s="75">
        <v>2</v>
      </c>
      <c r="BW40" s="75">
        <v>1</v>
      </c>
      <c r="BX40" s="75">
        <v>0</v>
      </c>
      <c r="BY40" s="76">
        <v>8</v>
      </c>
      <c r="BZ40" s="77">
        <v>8</v>
      </c>
      <c r="CA40" s="74">
        <v>0</v>
      </c>
      <c r="CB40" s="75">
        <v>0</v>
      </c>
      <c r="CC40" s="76">
        <v>0</v>
      </c>
      <c r="CD40" s="277"/>
      <c r="CE40" s="75">
        <v>0</v>
      </c>
      <c r="CF40" s="75">
        <v>0</v>
      </c>
      <c r="CG40" s="75">
        <v>0</v>
      </c>
      <c r="CH40" s="75">
        <v>1</v>
      </c>
      <c r="CI40" s="75">
        <v>0</v>
      </c>
      <c r="CJ40" s="76">
        <v>1</v>
      </c>
      <c r="CK40" s="77">
        <v>1</v>
      </c>
      <c r="CL40" s="74">
        <v>3</v>
      </c>
      <c r="CM40" s="75">
        <v>2</v>
      </c>
      <c r="CN40" s="76">
        <v>5</v>
      </c>
      <c r="CO40" s="277"/>
      <c r="CP40" s="75">
        <v>15</v>
      </c>
      <c r="CQ40" s="75">
        <v>6</v>
      </c>
      <c r="CR40" s="75">
        <v>12</v>
      </c>
      <c r="CS40" s="75">
        <v>4</v>
      </c>
      <c r="CT40" s="75">
        <v>4</v>
      </c>
      <c r="CU40" s="76">
        <v>41</v>
      </c>
      <c r="CV40" s="77">
        <v>46</v>
      </c>
      <c r="CW40" s="127">
        <v>8</v>
      </c>
      <c r="CX40" s="87">
        <v>6</v>
      </c>
      <c r="CY40" s="88">
        <v>14</v>
      </c>
      <c r="CZ40" s="274"/>
      <c r="DA40" s="87">
        <v>30</v>
      </c>
      <c r="DB40" s="87">
        <v>14</v>
      </c>
      <c r="DC40" s="87">
        <v>22</v>
      </c>
      <c r="DD40" s="87">
        <v>13</v>
      </c>
      <c r="DE40" s="87">
        <v>10</v>
      </c>
      <c r="DF40" s="89">
        <v>89</v>
      </c>
      <c r="DG40" s="90">
        <v>103</v>
      </c>
      <c r="DH40" s="74">
        <v>0</v>
      </c>
      <c r="DI40" s="75">
        <v>0</v>
      </c>
      <c r="DJ40" s="76">
        <v>0</v>
      </c>
      <c r="DK40" s="277"/>
      <c r="DL40" s="75">
        <v>0</v>
      </c>
      <c r="DM40" s="75">
        <v>0</v>
      </c>
      <c r="DN40" s="75">
        <v>1</v>
      </c>
      <c r="DO40" s="75">
        <v>0</v>
      </c>
      <c r="DP40" s="75">
        <v>2</v>
      </c>
      <c r="DQ40" s="76">
        <v>3</v>
      </c>
      <c r="DR40" s="77">
        <v>3</v>
      </c>
      <c r="DS40" s="74">
        <v>1</v>
      </c>
      <c r="DT40" s="75">
        <v>0</v>
      </c>
      <c r="DU40" s="76">
        <v>1</v>
      </c>
      <c r="DV40" s="277"/>
      <c r="DW40" s="75">
        <v>0</v>
      </c>
      <c r="DX40" s="75">
        <v>3</v>
      </c>
      <c r="DY40" s="75">
        <v>0</v>
      </c>
      <c r="DZ40" s="75">
        <v>1</v>
      </c>
      <c r="EA40" s="75">
        <v>0</v>
      </c>
      <c r="EB40" s="76">
        <v>4</v>
      </c>
      <c r="EC40" s="77">
        <v>5</v>
      </c>
      <c r="ED40" s="74">
        <v>1</v>
      </c>
      <c r="EE40" s="75">
        <v>0</v>
      </c>
      <c r="EF40" s="76">
        <v>1</v>
      </c>
      <c r="EG40" s="277"/>
      <c r="EH40" s="75">
        <v>4</v>
      </c>
      <c r="EI40" s="75">
        <v>2</v>
      </c>
      <c r="EJ40" s="75">
        <v>3</v>
      </c>
      <c r="EK40" s="75">
        <v>3</v>
      </c>
      <c r="EL40" s="75">
        <v>1</v>
      </c>
      <c r="EM40" s="76">
        <v>13</v>
      </c>
      <c r="EN40" s="77">
        <v>14</v>
      </c>
      <c r="EO40" s="74">
        <v>3</v>
      </c>
      <c r="EP40" s="75">
        <v>2</v>
      </c>
      <c r="EQ40" s="76">
        <v>5</v>
      </c>
      <c r="ER40" s="277"/>
      <c r="ES40" s="75">
        <v>8</v>
      </c>
      <c r="ET40" s="75">
        <v>2</v>
      </c>
      <c r="EU40" s="75">
        <v>5</v>
      </c>
      <c r="EV40" s="75">
        <v>1</v>
      </c>
      <c r="EW40" s="75">
        <v>1</v>
      </c>
      <c r="EX40" s="76">
        <v>17</v>
      </c>
      <c r="EY40" s="77">
        <v>22</v>
      </c>
      <c r="EZ40" s="74">
        <v>2</v>
      </c>
      <c r="FA40" s="75">
        <v>2</v>
      </c>
      <c r="FB40" s="76">
        <v>4</v>
      </c>
      <c r="FC40" s="277"/>
      <c r="FD40" s="75">
        <v>13</v>
      </c>
      <c r="FE40" s="75">
        <v>2</v>
      </c>
      <c r="FF40" s="75">
        <v>6</v>
      </c>
      <c r="FG40" s="75">
        <v>3</v>
      </c>
      <c r="FH40" s="75">
        <v>1</v>
      </c>
      <c r="FI40" s="76">
        <v>25</v>
      </c>
      <c r="FJ40" s="77">
        <v>29</v>
      </c>
      <c r="FK40" s="74">
        <v>1</v>
      </c>
      <c r="FL40" s="75">
        <v>2</v>
      </c>
      <c r="FM40" s="76">
        <v>3</v>
      </c>
      <c r="FN40" s="277"/>
      <c r="FO40" s="75">
        <v>5</v>
      </c>
      <c r="FP40" s="75">
        <v>5</v>
      </c>
      <c r="FQ40" s="75">
        <v>7</v>
      </c>
      <c r="FR40" s="75">
        <v>5</v>
      </c>
      <c r="FS40" s="75">
        <v>5</v>
      </c>
      <c r="FT40" s="76">
        <v>27</v>
      </c>
      <c r="FU40" s="77">
        <v>30</v>
      </c>
      <c r="FV40" s="74">
        <v>0</v>
      </c>
      <c r="FW40" s="75">
        <v>0</v>
      </c>
      <c r="FX40" s="76">
        <v>0</v>
      </c>
      <c r="FY40" s="277"/>
      <c r="FZ40" s="75">
        <v>0</v>
      </c>
      <c r="GA40" s="75">
        <v>1</v>
      </c>
      <c r="GB40" s="75">
        <v>2</v>
      </c>
      <c r="GC40" s="75">
        <v>0</v>
      </c>
      <c r="GD40" s="75">
        <v>0</v>
      </c>
      <c r="GE40" s="76">
        <v>3</v>
      </c>
      <c r="GF40" s="77">
        <v>3</v>
      </c>
      <c r="GG40" s="74">
        <v>8</v>
      </c>
      <c r="GH40" s="75">
        <v>6</v>
      </c>
      <c r="GI40" s="76">
        <v>14</v>
      </c>
      <c r="GJ40" s="277"/>
      <c r="GK40" s="75">
        <v>30</v>
      </c>
      <c r="GL40" s="75">
        <v>15</v>
      </c>
      <c r="GM40" s="75">
        <v>24</v>
      </c>
      <c r="GN40" s="75">
        <v>13</v>
      </c>
      <c r="GO40" s="75">
        <v>10</v>
      </c>
      <c r="GP40" s="76">
        <v>92</v>
      </c>
      <c r="GQ40" s="77">
        <v>106</v>
      </c>
      <c r="GR40" s="127">
        <v>11</v>
      </c>
      <c r="GS40" s="87">
        <v>8</v>
      </c>
      <c r="GT40" s="88">
        <v>19</v>
      </c>
      <c r="GU40" s="274"/>
      <c r="GV40" s="87">
        <v>45</v>
      </c>
      <c r="GW40" s="87">
        <v>20</v>
      </c>
      <c r="GX40" s="87">
        <v>34</v>
      </c>
      <c r="GY40" s="87">
        <v>16</v>
      </c>
      <c r="GZ40" s="87">
        <v>14</v>
      </c>
      <c r="HA40" s="89">
        <v>129</v>
      </c>
      <c r="HB40" s="90">
        <v>148</v>
      </c>
      <c r="HC40" s="74">
        <v>0</v>
      </c>
      <c r="HD40" s="75">
        <v>1</v>
      </c>
      <c r="HE40" s="76">
        <v>1</v>
      </c>
      <c r="HF40" s="277"/>
      <c r="HG40" s="75">
        <v>2</v>
      </c>
      <c r="HH40" s="75">
        <v>0</v>
      </c>
      <c r="HI40" s="75">
        <v>2</v>
      </c>
      <c r="HJ40" s="75">
        <v>0</v>
      </c>
      <c r="HK40" s="75">
        <v>3</v>
      </c>
      <c r="HL40" s="76">
        <v>7</v>
      </c>
      <c r="HM40" s="77">
        <v>8</v>
      </c>
      <c r="HN40" s="74">
        <v>2</v>
      </c>
      <c r="HO40" s="75">
        <v>0</v>
      </c>
      <c r="HP40" s="76">
        <v>2</v>
      </c>
      <c r="HQ40" s="277"/>
      <c r="HR40" s="75">
        <v>0</v>
      </c>
      <c r="HS40" s="75">
        <v>4</v>
      </c>
      <c r="HT40" s="75">
        <v>2</v>
      </c>
      <c r="HU40" s="75">
        <v>1</v>
      </c>
      <c r="HV40" s="75">
        <v>0</v>
      </c>
      <c r="HW40" s="76">
        <v>7</v>
      </c>
      <c r="HX40" s="77">
        <v>9</v>
      </c>
      <c r="HY40" s="74">
        <v>1</v>
      </c>
      <c r="HZ40" s="75">
        <v>0</v>
      </c>
      <c r="IA40" s="76">
        <v>1</v>
      </c>
      <c r="IB40" s="277"/>
      <c r="IC40" s="75">
        <v>6</v>
      </c>
      <c r="ID40" s="75">
        <v>3</v>
      </c>
      <c r="IE40" s="75">
        <v>5</v>
      </c>
      <c r="IF40" s="75">
        <v>3</v>
      </c>
      <c r="IG40" s="75">
        <v>1</v>
      </c>
      <c r="IH40" s="76">
        <v>18</v>
      </c>
      <c r="II40" s="77">
        <v>19</v>
      </c>
      <c r="IJ40" s="74">
        <v>5</v>
      </c>
      <c r="IK40" s="75">
        <v>3</v>
      </c>
      <c r="IL40" s="76">
        <v>8</v>
      </c>
      <c r="IM40" s="277"/>
      <c r="IN40" s="75">
        <v>12</v>
      </c>
      <c r="IO40" s="75">
        <v>4</v>
      </c>
      <c r="IP40" s="75">
        <v>5</v>
      </c>
      <c r="IQ40" s="75">
        <v>2</v>
      </c>
      <c r="IR40" s="75">
        <v>3</v>
      </c>
      <c r="IS40" s="76">
        <v>26</v>
      </c>
      <c r="IT40" s="77">
        <v>34</v>
      </c>
      <c r="IU40" s="74">
        <v>2</v>
      </c>
      <c r="IV40" s="75">
        <v>2</v>
      </c>
      <c r="IW40" s="76">
        <v>4</v>
      </c>
      <c r="IX40" s="277"/>
      <c r="IY40" s="75">
        <v>16</v>
      </c>
      <c r="IZ40" s="75">
        <v>3</v>
      </c>
      <c r="JA40" s="75">
        <v>11</v>
      </c>
      <c r="JB40" s="75">
        <v>4</v>
      </c>
      <c r="JC40" s="75">
        <v>2</v>
      </c>
      <c r="JD40" s="76">
        <v>36</v>
      </c>
      <c r="JE40" s="77">
        <v>40</v>
      </c>
      <c r="JF40" s="74">
        <v>1</v>
      </c>
      <c r="JG40" s="75">
        <v>2</v>
      </c>
      <c r="JH40" s="76">
        <v>3</v>
      </c>
      <c r="JI40" s="277"/>
      <c r="JJ40" s="75">
        <v>9</v>
      </c>
      <c r="JK40" s="75">
        <v>6</v>
      </c>
      <c r="JL40" s="75">
        <v>9</v>
      </c>
      <c r="JM40" s="75">
        <v>6</v>
      </c>
      <c r="JN40" s="75">
        <v>5</v>
      </c>
      <c r="JO40" s="76">
        <v>35</v>
      </c>
      <c r="JP40" s="77">
        <v>38</v>
      </c>
      <c r="JQ40" s="74">
        <v>0</v>
      </c>
      <c r="JR40" s="75">
        <v>0</v>
      </c>
      <c r="JS40" s="76">
        <v>0</v>
      </c>
      <c r="JT40" s="277"/>
      <c r="JU40" s="75">
        <v>0</v>
      </c>
      <c r="JV40" s="75">
        <v>1</v>
      </c>
      <c r="JW40" s="75">
        <v>2</v>
      </c>
      <c r="JX40" s="75">
        <v>1</v>
      </c>
      <c r="JY40" s="75">
        <v>0</v>
      </c>
      <c r="JZ40" s="76">
        <v>4</v>
      </c>
      <c r="KA40" s="77">
        <v>4</v>
      </c>
      <c r="KB40" s="74">
        <v>11</v>
      </c>
      <c r="KC40" s="75">
        <v>8</v>
      </c>
      <c r="KD40" s="76">
        <v>19</v>
      </c>
      <c r="KE40" s="277"/>
      <c r="KF40" s="75">
        <v>45</v>
      </c>
      <c r="KG40" s="75">
        <v>21</v>
      </c>
      <c r="KH40" s="75">
        <v>36</v>
      </c>
      <c r="KI40" s="75">
        <v>17</v>
      </c>
      <c r="KJ40" s="75">
        <v>14</v>
      </c>
      <c r="KK40" s="76">
        <v>133</v>
      </c>
      <c r="KL40" s="77">
        <v>152</v>
      </c>
    </row>
    <row r="41" spans="1:298" ht="32.25" customHeight="1" x14ac:dyDescent="0.2">
      <c r="B41" s="345" t="s">
        <v>126</v>
      </c>
    </row>
  </sheetData>
  <mergeCells count="36">
    <mergeCell ref="H1:I1"/>
    <mergeCell ref="CA4:CK5"/>
    <mergeCell ref="CL4:CV5"/>
    <mergeCell ref="B5:L5"/>
    <mergeCell ref="M5:W5"/>
    <mergeCell ref="X5:AH5"/>
    <mergeCell ref="AI5:AS5"/>
    <mergeCell ref="AT5:BD5"/>
    <mergeCell ref="BE5:BO5"/>
    <mergeCell ref="BP5:BZ5"/>
    <mergeCell ref="B3:CV3"/>
    <mergeCell ref="B4:BZ4"/>
    <mergeCell ref="E1:F1"/>
    <mergeCell ref="A3:A5"/>
    <mergeCell ref="CW3:GQ3"/>
    <mergeCell ref="CW4:FU4"/>
    <mergeCell ref="FV4:GF5"/>
    <mergeCell ref="GG4:GQ5"/>
    <mergeCell ref="CW5:DG5"/>
    <mergeCell ref="DH5:DR5"/>
    <mergeCell ref="DS5:EC5"/>
    <mergeCell ref="ED5:EN5"/>
    <mergeCell ref="EO5:EY5"/>
    <mergeCell ref="EZ5:FJ5"/>
    <mergeCell ref="FK5:FU5"/>
    <mergeCell ref="GR3:KL3"/>
    <mergeCell ref="GR4:JP4"/>
    <mergeCell ref="JQ4:KA5"/>
    <mergeCell ref="KB4:KL5"/>
    <mergeCell ref="GR5:HB5"/>
    <mergeCell ref="HC5:HM5"/>
    <mergeCell ref="HN5:HX5"/>
    <mergeCell ref="HY5:II5"/>
    <mergeCell ref="IJ5:IT5"/>
    <mergeCell ref="IU5:JE5"/>
    <mergeCell ref="JF5:JP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4" max="40" man="1"/>
    <brk id="67" max="1048575" man="1"/>
    <brk id="100" max="1048575" man="1"/>
    <brk id="133"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P218"/>
  <sheetViews>
    <sheetView zoomScaleNormal="100" zoomScaleSheetLayoutView="55"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1" width="12.6640625" style="1" customWidth="1"/>
    <col min="2" max="2" width="9" style="1" customWidth="1"/>
    <col min="3" max="3" width="8.109375" style="1" customWidth="1"/>
    <col min="4" max="4" width="10.109375" style="1" bestFit="1" customWidth="1"/>
    <col min="5" max="10" width="9" style="1"/>
    <col min="11" max="11" width="9.6640625" style="1" customWidth="1"/>
    <col min="12" max="21" width="8.77734375" style="1" customWidth="1"/>
    <col min="22" max="41" width="9.6640625" style="1" customWidth="1"/>
    <col min="42" max="16384" width="9" style="1"/>
  </cols>
  <sheetData>
    <row r="1" spans="1:42" ht="25.5" customHeight="1" x14ac:dyDescent="0.2">
      <c r="A1" s="20" t="s">
        <v>56</v>
      </c>
      <c r="D1" s="520">
        <f>第１表!F2</f>
        <v>4</v>
      </c>
      <c r="E1" s="280">
        <f>第１表!G2</f>
        <v>4</v>
      </c>
      <c r="F1" s="575">
        <f>IF(E1&lt;3,E1-2+12,E1-2)</f>
        <v>2</v>
      </c>
      <c r="G1" s="575"/>
    </row>
    <row r="2" spans="1:42" ht="17.25" customHeight="1" thickBot="1" x14ac:dyDescent="0.25">
      <c r="A2" s="20" t="s">
        <v>158</v>
      </c>
      <c r="E2" s="20" t="s">
        <v>140</v>
      </c>
    </row>
    <row r="3" spans="1:42" ht="24.75" customHeight="1" x14ac:dyDescent="0.2">
      <c r="A3" s="621"/>
      <c r="B3" s="611" t="s">
        <v>57</v>
      </c>
      <c r="C3" s="612"/>
      <c r="D3" s="612"/>
      <c r="E3" s="612"/>
      <c r="F3" s="612"/>
      <c r="G3" s="612"/>
      <c r="H3" s="612"/>
      <c r="I3" s="612"/>
      <c r="J3" s="612"/>
      <c r="K3" s="612"/>
      <c r="L3" s="611" t="s">
        <v>58</v>
      </c>
      <c r="M3" s="624"/>
      <c r="N3" s="624"/>
      <c r="O3" s="624"/>
      <c r="P3" s="624"/>
      <c r="Q3" s="624"/>
      <c r="R3" s="624"/>
      <c r="S3" s="624"/>
      <c r="T3" s="624"/>
      <c r="U3" s="624"/>
      <c r="V3" s="611" t="s">
        <v>59</v>
      </c>
      <c r="W3" s="612"/>
      <c r="X3" s="612"/>
      <c r="Y3" s="612"/>
      <c r="Z3" s="612"/>
      <c r="AA3" s="612"/>
      <c r="AB3" s="612"/>
      <c r="AC3" s="612"/>
      <c r="AD3" s="612"/>
      <c r="AE3" s="612"/>
      <c r="AF3" s="620" t="s">
        <v>151</v>
      </c>
      <c r="AG3" s="612"/>
      <c r="AH3" s="612"/>
      <c r="AI3" s="612"/>
      <c r="AJ3" s="612"/>
      <c r="AK3" s="612"/>
      <c r="AL3" s="612"/>
      <c r="AM3" s="612"/>
      <c r="AN3" s="612"/>
      <c r="AO3" s="613"/>
    </row>
    <row r="4" spans="1:42" ht="24.75" customHeight="1" x14ac:dyDescent="0.2">
      <c r="A4" s="623"/>
      <c r="B4" s="593" t="s">
        <v>61</v>
      </c>
      <c r="C4" s="594"/>
      <c r="D4" s="595"/>
      <c r="E4" s="596" t="s">
        <v>62</v>
      </c>
      <c r="F4" s="597"/>
      <c r="G4" s="597"/>
      <c r="H4" s="597"/>
      <c r="I4" s="597"/>
      <c r="J4" s="598"/>
      <c r="K4" s="608" t="s">
        <v>52</v>
      </c>
      <c r="L4" s="593" t="s">
        <v>61</v>
      </c>
      <c r="M4" s="594"/>
      <c r="N4" s="595"/>
      <c r="O4" s="596" t="s">
        <v>62</v>
      </c>
      <c r="P4" s="597"/>
      <c r="Q4" s="597"/>
      <c r="R4" s="597"/>
      <c r="S4" s="597"/>
      <c r="T4" s="598"/>
      <c r="U4" s="599" t="s">
        <v>52</v>
      </c>
      <c r="V4" s="593" t="s">
        <v>61</v>
      </c>
      <c r="W4" s="594"/>
      <c r="X4" s="595"/>
      <c r="Y4" s="596" t="s">
        <v>62</v>
      </c>
      <c r="Z4" s="597"/>
      <c r="AA4" s="597"/>
      <c r="AB4" s="597"/>
      <c r="AC4" s="597"/>
      <c r="AD4" s="598"/>
      <c r="AE4" s="608" t="s">
        <v>52</v>
      </c>
      <c r="AF4" s="593" t="s">
        <v>61</v>
      </c>
      <c r="AG4" s="594"/>
      <c r="AH4" s="595"/>
      <c r="AI4" s="596" t="s">
        <v>62</v>
      </c>
      <c r="AJ4" s="597"/>
      <c r="AK4" s="597"/>
      <c r="AL4" s="597"/>
      <c r="AM4" s="597"/>
      <c r="AN4" s="598"/>
      <c r="AO4" s="599" t="s">
        <v>52</v>
      </c>
    </row>
    <row r="5" spans="1:42" ht="24.75" customHeight="1" thickBot="1" x14ac:dyDescent="0.25">
      <c r="A5" s="406" t="s">
        <v>42</v>
      </c>
      <c r="B5" s="31" t="s">
        <v>43</v>
      </c>
      <c r="C5" s="32" t="s">
        <v>44</v>
      </c>
      <c r="D5" s="32" t="s">
        <v>45</v>
      </c>
      <c r="E5" s="33" t="s">
        <v>47</v>
      </c>
      <c r="F5" s="34" t="s">
        <v>48</v>
      </c>
      <c r="G5" s="34" t="s">
        <v>49</v>
      </c>
      <c r="H5" s="35" t="s">
        <v>50</v>
      </c>
      <c r="I5" s="32" t="s">
        <v>51</v>
      </c>
      <c r="J5" s="36" t="s">
        <v>95</v>
      </c>
      <c r="K5" s="609"/>
      <c r="L5" s="31" t="s">
        <v>43</v>
      </c>
      <c r="M5" s="32" t="s">
        <v>44</v>
      </c>
      <c r="N5" s="36" t="s">
        <v>45</v>
      </c>
      <c r="O5" s="15" t="s">
        <v>47</v>
      </c>
      <c r="P5" s="34" t="s">
        <v>48</v>
      </c>
      <c r="Q5" s="34" t="s">
        <v>49</v>
      </c>
      <c r="R5" s="35" t="s">
        <v>50</v>
      </c>
      <c r="S5" s="32" t="s">
        <v>51</v>
      </c>
      <c r="T5" s="36" t="s">
        <v>45</v>
      </c>
      <c r="U5" s="600"/>
      <c r="V5" s="31" t="s">
        <v>43</v>
      </c>
      <c r="W5" s="32" t="s">
        <v>44</v>
      </c>
      <c r="X5" s="32" t="s">
        <v>45</v>
      </c>
      <c r="Y5" s="33" t="s">
        <v>47</v>
      </c>
      <c r="Z5" s="34" t="s">
        <v>48</v>
      </c>
      <c r="AA5" s="34" t="s">
        <v>49</v>
      </c>
      <c r="AB5" s="35" t="s">
        <v>50</v>
      </c>
      <c r="AC5" s="32" t="s">
        <v>51</v>
      </c>
      <c r="AD5" s="36" t="s">
        <v>45</v>
      </c>
      <c r="AE5" s="609"/>
      <c r="AF5" s="31" t="s">
        <v>43</v>
      </c>
      <c r="AG5" s="32" t="s">
        <v>44</v>
      </c>
      <c r="AH5" s="32" t="s">
        <v>45</v>
      </c>
      <c r="AI5" s="33" t="s">
        <v>47</v>
      </c>
      <c r="AJ5" s="34" t="s">
        <v>48</v>
      </c>
      <c r="AK5" s="34" t="s">
        <v>49</v>
      </c>
      <c r="AL5" s="35" t="s">
        <v>50</v>
      </c>
      <c r="AM5" s="32" t="s">
        <v>51</v>
      </c>
      <c r="AN5" s="36" t="s">
        <v>45</v>
      </c>
      <c r="AO5" s="600"/>
    </row>
    <row r="6" spans="1:42" ht="20.25" customHeight="1" x14ac:dyDescent="0.2">
      <c r="A6" s="405" t="s">
        <v>4</v>
      </c>
      <c r="B6" s="212">
        <v>0</v>
      </c>
      <c r="C6" s="213">
        <v>0</v>
      </c>
      <c r="D6" s="213">
        <v>0</v>
      </c>
      <c r="E6" s="214">
        <v>8</v>
      </c>
      <c r="F6" s="215">
        <v>51</v>
      </c>
      <c r="G6" s="215">
        <v>450</v>
      </c>
      <c r="H6" s="215">
        <v>646</v>
      </c>
      <c r="I6" s="213">
        <v>377</v>
      </c>
      <c r="J6" s="216">
        <v>1532</v>
      </c>
      <c r="K6" s="217">
        <v>1532</v>
      </c>
      <c r="L6" s="212">
        <v>0</v>
      </c>
      <c r="M6" s="213">
        <v>0</v>
      </c>
      <c r="N6" s="216">
        <v>0</v>
      </c>
      <c r="O6" s="219">
        <v>93</v>
      </c>
      <c r="P6" s="215">
        <v>190</v>
      </c>
      <c r="Q6" s="215">
        <v>293</v>
      </c>
      <c r="R6" s="215">
        <v>338</v>
      </c>
      <c r="S6" s="213">
        <v>157</v>
      </c>
      <c r="T6" s="216">
        <v>1071</v>
      </c>
      <c r="U6" s="220">
        <v>1071</v>
      </c>
      <c r="V6" s="219">
        <v>0</v>
      </c>
      <c r="W6" s="213">
        <v>0</v>
      </c>
      <c r="X6" s="213">
        <v>0</v>
      </c>
      <c r="Y6" s="214">
        <v>0</v>
      </c>
      <c r="Z6" s="215">
        <v>0</v>
      </c>
      <c r="AA6" s="215">
        <v>2</v>
      </c>
      <c r="AB6" s="215">
        <v>15</v>
      </c>
      <c r="AC6" s="213">
        <v>18</v>
      </c>
      <c r="AD6" s="216">
        <v>35</v>
      </c>
      <c r="AE6" s="217">
        <v>35</v>
      </c>
      <c r="AF6" s="212">
        <v>0</v>
      </c>
      <c r="AG6" s="213">
        <v>0</v>
      </c>
      <c r="AH6" s="213">
        <v>0</v>
      </c>
      <c r="AI6" s="214">
        <v>0</v>
      </c>
      <c r="AJ6" s="215">
        <v>1</v>
      </c>
      <c r="AK6" s="215">
        <v>3</v>
      </c>
      <c r="AL6" s="215">
        <v>13</v>
      </c>
      <c r="AM6" s="213">
        <v>21</v>
      </c>
      <c r="AN6" s="216">
        <v>38</v>
      </c>
      <c r="AO6" s="218">
        <v>38</v>
      </c>
      <c r="AP6" s="37"/>
    </row>
    <row r="7" spans="1:42" ht="20.25" customHeight="1" x14ac:dyDescent="0.2">
      <c r="A7" s="62" t="s">
        <v>5</v>
      </c>
      <c r="B7" s="221">
        <v>0</v>
      </c>
      <c r="C7" s="222">
        <v>0</v>
      </c>
      <c r="D7" s="222">
        <v>0</v>
      </c>
      <c r="E7" s="223">
        <v>2</v>
      </c>
      <c r="F7" s="224">
        <v>29</v>
      </c>
      <c r="G7" s="224">
        <v>228</v>
      </c>
      <c r="H7" s="224">
        <v>276</v>
      </c>
      <c r="I7" s="222">
        <v>182</v>
      </c>
      <c r="J7" s="225">
        <v>717</v>
      </c>
      <c r="K7" s="226">
        <v>717</v>
      </c>
      <c r="L7" s="221">
        <v>0</v>
      </c>
      <c r="M7" s="222">
        <v>0</v>
      </c>
      <c r="N7" s="225">
        <v>0</v>
      </c>
      <c r="O7" s="228">
        <v>39</v>
      </c>
      <c r="P7" s="224">
        <v>95</v>
      </c>
      <c r="Q7" s="224">
        <v>130</v>
      </c>
      <c r="R7" s="224">
        <v>169</v>
      </c>
      <c r="S7" s="222">
        <v>82</v>
      </c>
      <c r="T7" s="225">
        <v>515</v>
      </c>
      <c r="U7" s="229">
        <v>515</v>
      </c>
      <c r="V7" s="228">
        <v>0</v>
      </c>
      <c r="W7" s="222">
        <v>0</v>
      </c>
      <c r="X7" s="222">
        <v>0</v>
      </c>
      <c r="Y7" s="223">
        <v>0</v>
      </c>
      <c r="Z7" s="224">
        <v>0</v>
      </c>
      <c r="AA7" s="224">
        <v>0</v>
      </c>
      <c r="AB7" s="224">
        <v>4</v>
      </c>
      <c r="AC7" s="222">
        <v>7</v>
      </c>
      <c r="AD7" s="225">
        <v>11</v>
      </c>
      <c r="AE7" s="226">
        <v>11</v>
      </c>
      <c r="AF7" s="221">
        <v>0</v>
      </c>
      <c r="AG7" s="222">
        <v>0</v>
      </c>
      <c r="AH7" s="222">
        <v>0</v>
      </c>
      <c r="AI7" s="223">
        <v>0</v>
      </c>
      <c r="AJ7" s="224">
        <v>0</v>
      </c>
      <c r="AK7" s="224">
        <v>0</v>
      </c>
      <c r="AL7" s="224">
        <v>5</v>
      </c>
      <c r="AM7" s="222">
        <v>5</v>
      </c>
      <c r="AN7" s="225">
        <v>10</v>
      </c>
      <c r="AO7" s="227">
        <v>10</v>
      </c>
      <c r="AP7" s="37"/>
    </row>
    <row r="8" spans="1:42" ht="20.25" customHeight="1" x14ac:dyDescent="0.2">
      <c r="A8" s="62" t="s">
        <v>6</v>
      </c>
      <c r="B8" s="221">
        <v>0</v>
      </c>
      <c r="C8" s="222">
        <v>0</v>
      </c>
      <c r="D8" s="222">
        <v>0</v>
      </c>
      <c r="E8" s="223">
        <v>0</v>
      </c>
      <c r="F8" s="224">
        <v>6</v>
      </c>
      <c r="G8" s="224">
        <v>51</v>
      </c>
      <c r="H8" s="224">
        <v>59</v>
      </c>
      <c r="I8" s="222">
        <v>38</v>
      </c>
      <c r="J8" s="225">
        <v>154</v>
      </c>
      <c r="K8" s="226">
        <v>154</v>
      </c>
      <c r="L8" s="221">
        <v>0</v>
      </c>
      <c r="M8" s="222">
        <v>0</v>
      </c>
      <c r="N8" s="225">
        <v>0</v>
      </c>
      <c r="O8" s="228">
        <v>12</v>
      </c>
      <c r="P8" s="224">
        <v>22</v>
      </c>
      <c r="Q8" s="224">
        <v>32</v>
      </c>
      <c r="R8" s="224">
        <v>37</v>
      </c>
      <c r="S8" s="222">
        <v>22</v>
      </c>
      <c r="T8" s="225">
        <v>125</v>
      </c>
      <c r="U8" s="229">
        <v>125</v>
      </c>
      <c r="V8" s="228">
        <v>0</v>
      </c>
      <c r="W8" s="222">
        <v>0</v>
      </c>
      <c r="X8" s="222">
        <v>0</v>
      </c>
      <c r="Y8" s="223">
        <v>0</v>
      </c>
      <c r="Z8" s="224">
        <v>0</v>
      </c>
      <c r="AA8" s="224">
        <v>2</v>
      </c>
      <c r="AB8" s="224">
        <v>9</v>
      </c>
      <c r="AC8" s="222">
        <v>6</v>
      </c>
      <c r="AD8" s="225">
        <v>17</v>
      </c>
      <c r="AE8" s="226">
        <v>17</v>
      </c>
      <c r="AF8" s="221">
        <v>0</v>
      </c>
      <c r="AG8" s="222">
        <v>0</v>
      </c>
      <c r="AH8" s="222">
        <v>0</v>
      </c>
      <c r="AI8" s="223">
        <v>0</v>
      </c>
      <c r="AJ8" s="224">
        <v>0</v>
      </c>
      <c r="AK8" s="224">
        <v>0</v>
      </c>
      <c r="AL8" s="224">
        <v>2</v>
      </c>
      <c r="AM8" s="222">
        <v>7</v>
      </c>
      <c r="AN8" s="225">
        <v>9</v>
      </c>
      <c r="AO8" s="227">
        <v>9</v>
      </c>
      <c r="AP8" s="37"/>
    </row>
    <row r="9" spans="1:42" ht="20.25" customHeight="1" x14ac:dyDescent="0.2">
      <c r="A9" s="62" t="s">
        <v>14</v>
      </c>
      <c r="B9" s="221">
        <v>0</v>
      </c>
      <c r="C9" s="222">
        <v>0</v>
      </c>
      <c r="D9" s="222">
        <v>0</v>
      </c>
      <c r="E9" s="223">
        <v>1</v>
      </c>
      <c r="F9" s="224">
        <v>0</v>
      </c>
      <c r="G9" s="224">
        <v>31</v>
      </c>
      <c r="H9" s="224">
        <v>59</v>
      </c>
      <c r="I9" s="222">
        <v>28</v>
      </c>
      <c r="J9" s="225">
        <v>119</v>
      </c>
      <c r="K9" s="226">
        <v>119</v>
      </c>
      <c r="L9" s="221">
        <v>0</v>
      </c>
      <c r="M9" s="222">
        <v>0</v>
      </c>
      <c r="N9" s="225">
        <v>0</v>
      </c>
      <c r="O9" s="228">
        <v>1</v>
      </c>
      <c r="P9" s="224">
        <v>9</v>
      </c>
      <c r="Q9" s="224">
        <v>16</v>
      </c>
      <c r="R9" s="224">
        <v>22</v>
      </c>
      <c r="S9" s="222">
        <v>6</v>
      </c>
      <c r="T9" s="225">
        <v>54</v>
      </c>
      <c r="U9" s="229">
        <v>54</v>
      </c>
      <c r="V9" s="228">
        <v>0</v>
      </c>
      <c r="W9" s="222">
        <v>0</v>
      </c>
      <c r="X9" s="222">
        <v>0</v>
      </c>
      <c r="Y9" s="223">
        <v>0</v>
      </c>
      <c r="Z9" s="224">
        <v>0</v>
      </c>
      <c r="AA9" s="224">
        <v>0</v>
      </c>
      <c r="AB9" s="224">
        <v>2</v>
      </c>
      <c r="AC9" s="222">
        <v>3</v>
      </c>
      <c r="AD9" s="225">
        <v>5</v>
      </c>
      <c r="AE9" s="226">
        <v>5</v>
      </c>
      <c r="AF9" s="221">
        <v>0</v>
      </c>
      <c r="AG9" s="222">
        <v>0</v>
      </c>
      <c r="AH9" s="222">
        <v>0</v>
      </c>
      <c r="AI9" s="223">
        <v>0</v>
      </c>
      <c r="AJ9" s="224">
        <v>0</v>
      </c>
      <c r="AK9" s="224">
        <v>0</v>
      </c>
      <c r="AL9" s="224">
        <v>1</v>
      </c>
      <c r="AM9" s="222">
        <v>1</v>
      </c>
      <c r="AN9" s="225">
        <v>2</v>
      </c>
      <c r="AO9" s="227">
        <v>2</v>
      </c>
      <c r="AP9" s="37"/>
    </row>
    <row r="10" spans="1:42" ht="20.25" customHeight="1" x14ac:dyDescent="0.2">
      <c r="A10" s="62" t="s">
        <v>7</v>
      </c>
      <c r="B10" s="221">
        <v>0</v>
      </c>
      <c r="C10" s="222">
        <v>0</v>
      </c>
      <c r="D10" s="222">
        <v>0</v>
      </c>
      <c r="E10" s="223">
        <v>0</v>
      </c>
      <c r="F10" s="224">
        <v>6</v>
      </c>
      <c r="G10" s="224">
        <v>24</v>
      </c>
      <c r="H10" s="224">
        <v>59</v>
      </c>
      <c r="I10" s="222">
        <v>26</v>
      </c>
      <c r="J10" s="225">
        <v>115</v>
      </c>
      <c r="K10" s="226">
        <v>115</v>
      </c>
      <c r="L10" s="221">
        <v>0</v>
      </c>
      <c r="M10" s="222">
        <v>0</v>
      </c>
      <c r="N10" s="225">
        <v>0</v>
      </c>
      <c r="O10" s="228">
        <v>12</v>
      </c>
      <c r="P10" s="224">
        <v>11</v>
      </c>
      <c r="Q10" s="224">
        <v>20</v>
      </c>
      <c r="R10" s="224">
        <v>26</v>
      </c>
      <c r="S10" s="222">
        <v>8</v>
      </c>
      <c r="T10" s="225">
        <v>77</v>
      </c>
      <c r="U10" s="229">
        <v>77</v>
      </c>
      <c r="V10" s="228">
        <v>0</v>
      </c>
      <c r="W10" s="222">
        <v>0</v>
      </c>
      <c r="X10" s="222">
        <v>0</v>
      </c>
      <c r="Y10" s="223">
        <v>0</v>
      </c>
      <c r="Z10" s="224">
        <v>0</v>
      </c>
      <c r="AA10" s="224">
        <v>0</v>
      </c>
      <c r="AB10" s="224">
        <v>0</v>
      </c>
      <c r="AC10" s="222">
        <v>0</v>
      </c>
      <c r="AD10" s="225">
        <v>0</v>
      </c>
      <c r="AE10" s="226">
        <v>0</v>
      </c>
      <c r="AF10" s="221">
        <v>0</v>
      </c>
      <c r="AG10" s="222">
        <v>0</v>
      </c>
      <c r="AH10" s="222">
        <v>0</v>
      </c>
      <c r="AI10" s="223">
        <v>0</v>
      </c>
      <c r="AJ10" s="224">
        <v>0</v>
      </c>
      <c r="AK10" s="224">
        <v>0</v>
      </c>
      <c r="AL10" s="224">
        <v>0</v>
      </c>
      <c r="AM10" s="222">
        <v>0</v>
      </c>
      <c r="AN10" s="225">
        <v>0</v>
      </c>
      <c r="AO10" s="227">
        <v>0</v>
      </c>
      <c r="AP10" s="37"/>
    </row>
    <row r="11" spans="1:42" ht="20.25" customHeight="1" x14ac:dyDescent="0.2">
      <c r="A11" s="62" t="s">
        <v>8</v>
      </c>
      <c r="B11" s="221">
        <v>0</v>
      </c>
      <c r="C11" s="222">
        <v>0</v>
      </c>
      <c r="D11" s="222">
        <v>0</v>
      </c>
      <c r="E11" s="223">
        <v>1</v>
      </c>
      <c r="F11" s="224">
        <v>5</v>
      </c>
      <c r="G11" s="224">
        <v>8</v>
      </c>
      <c r="H11" s="224">
        <v>8</v>
      </c>
      <c r="I11" s="222">
        <v>7</v>
      </c>
      <c r="J11" s="225">
        <v>29</v>
      </c>
      <c r="K11" s="226">
        <v>29</v>
      </c>
      <c r="L11" s="221">
        <v>0</v>
      </c>
      <c r="M11" s="222">
        <v>0</v>
      </c>
      <c r="N11" s="225">
        <v>0</v>
      </c>
      <c r="O11" s="228">
        <v>1</v>
      </c>
      <c r="P11" s="224">
        <v>4</v>
      </c>
      <c r="Q11" s="224">
        <v>11</v>
      </c>
      <c r="R11" s="224">
        <v>4</v>
      </c>
      <c r="S11" s="222">
        <v>2</v>
      </c>
      <c r="T11" s="225">
        <v>22</v>
      </c>
      <c r="U11" s="229">
        <v>22</v>
      </c>
      <c r="V11" s="228">
        <v>0</v>
      </c>
      <c r="W11" s="222">
        <v>0</v>
      </c>
      <c r="X11" s="222">
        <v>0</v>
      </c>
      <c r="Y11" s="223">
        <v>0</v>
      </c>
      <c r="Z11" s="224">
        <v>0</v>
      </c>
      <c r="AA11" s="224">
        <v>0</v>
      </c>
      <c r="AB11" s="224">
        <v>0</v>
      </c>
      <c r="AC11" s="222">
        <v>0</v>
      </c>
      <c r="AD11" s="225">
        <v>0</v>
      </c>
      <c r="AE11" s="226">
        <v>0</v>
      </c>
      <c r="AF11" s="221">
        <v>0</v>
      </c>
      <c r="AG11" s="222">
        <v>0</v>
      </c>
      <c r="AH11" s="222">
        <v>0</v>
      </c>
      <c r="AI11" s="223">
        <v>0</v>
      </c>
      <c r="AJ11" s="224">
        <v>0</v>
      </c>
      <c r="AK11" s="224">
        <v>0</v>
      </c>
      <c r="AL11" s="224">
        <v>0</v>
      </c>
      <c r="AM11" s="222">
        <v>0</v>
      </c>
      <c r="AN11" s="225">
        <v>0</v>
      </c>
      <c r="AO11" s="227">
        <v>0</v>
      </c>
      <c r="AP11" s="37"/>
    </row>
    <row r="12" spans="1:42" ht="20.25" customHeight="1" x14ac:dyDescent="0.2">
      <c r="A12" s="62" t="s">
        <v>9</v>
      </c>
      <c r="B12" s="221">
        <v>0</v>
      </c>
      <c r="C12" s="222">
        <v>0</v>
      </c>
      <c r="D12" s="222">
        <v>0</v>
      </c>
      <c r="E12" s="223">
        <v>0</v>
      </c>
      <c r="F12" s="224">
        <v>0</v>
      </c>
      <c r="G12" s="224">
        <v>15</v>
      </c>
      <c r="H12" s="224">
        <v>24</v>
      </c>
      <c r="I12" s="222">
        <v>8</v>
      </c>
      <c r="J12" s="225">
        <v>47</v>
      </c>
      <c r="K12" s="226">
        <v>47</v>
      </c>
      <c r="L12" s="221">
        <v>0</v>
      </c>
      <c r="M12" s="222">
        <v>0</v>
      </c>
      <c r="N12" s="225">
        <v>0</v>
      </c>
      <c r="O12" s="228">
        <v>2</v>
      </c>
      <c r="P12" s="224">
        <v>5</v>
      </c>
      <c r="Q12" s="224">
        <v>9</v>
      </c>
      <c r="R12" s="224">
        <v>9</v>
      </c>
      <c r="S12" s="222">
        <v>1</v>
      </c>
      <c r="T12" s="225">
        <v>26</v>
      </c>
      <c r="U12" s="229">
        <v>26</v>
      </c>
      <c r="V12" s="228">
        <v>0</v>
      </c>
      <c r="W12" s="222">
        <v>0</v>
      </c>
      <c r="X12" s="222">
        <v>0</v>
      </c>
      <c r="Y12" s="223">
        <v>0</v>
      </c>
      <c r="Z12" s="224">
        <v>0</v>
      </c>
      <c r="AA12" s="224">
        <v>0</v>
      </c>
      <c r="AB12" s="224">
        <v>0</v>
      </c>
      <c r="AC12" s="222">
        <v>0</v>
      </c>
      <c r="AD12" s="225">
        <v>0</v>
      </c>
      <c r="AE12" s="226">
        <v>0</v>
      </c>
      <c r="AF12" s="221">
        <v>0</v>
      </c>
      <c r="AG12" s="222">
        <v>0</v>
      </c>
      <c r="AH12" s="222">
        <v>0</v>
      </c>
      <c r="AI12" s="223">
        <v>0</v>
      </c>
      <c r="AJ12" s="224">
        <v>0</v>
      </c>
      <c r="AK12" s="224">
        <v>1</v>
      </c>
      <c r="AL12" s="224">
        <v>0</v>
      </c>
      <c r="AM12" s="222">
        <v>0</v>
      </c>
      <c r="AN12" s="225">
        <v>1</v>
      </c>
      <c r="AO12" s="227">
        <v>1</v>
      </c>
      <c r="AP12" s="37"/>
    </row>
    <row r="13" spans="1:42" ht="20.25" customHeight="1" x14ac:dyDescent="0.2">
      <c r="A13" s="62" t="s">
        <v>10</v>
      </c>
      <c r="B13" s="221">
        <v>0</v>
      </c>
      <c r="C13" s="222">
        <v>0</v>
      </c>
      <c r="D13" s="222">
        <v>0</v>
      </c>
      <c r="E13" s="223">
        <v>1</v>
      </c>
      <c r="F13" s="224">
        <v>0</v>
      </c>
      <c r="G13" s="224">
        <v>19</v>
      </c>
      <c r="H13" s="224">
        <v>34</v>
      </c>
      <c r="I13" s="222">
        <v>17</v>
      </c>
      <c r="J13" s="225">
        <v>71</v>
      </c>
      <c r="K13" s="226">
        <v>71</v>
      </c>
      <c r="L13" s="221">
        <v>0</v>
      </c>
      <c r="M13" s="222">
        <v>0</v>
      </c>
      <c r="N13" s="225">
        <v>0</v>
      </c>
      <c r="O13" s="228">
        <v>6</v>
      </c>
      <c r="P13" s="224">
        <v>5</v>
      </c>
      <c r="Q13" s="224">
        <v>10</v>
      </c>
      <c r="R13" s="224">
        <v>10</v>
      </c>
      <c r="S13" s="222">
        <v>7</v>
      </c>
      <c r="T13" s="225">
        <v>38</v>
      </c>
      <c r="U13" s="229">
        <v>38</v>
      </c>
      <c r="V13" s="228">
        <v>0</v>
      </c>
      <c r="W13" s="222">
        <v>0</v>
      </c>
      <c r="X13" s="222">
        <v>0</v>
      </c>
      <c r="Y13" s="223">
        <v>0</v>
      </c>
      <c r="Z13" s="224">
        <v>0</v>
      </c>
      <c r="AA13" s="224">
        <v>0</v>
      </c>
      <c r="AB13" s="224">
        <v>0</v>
      </c>
      <c r="AC13" s="222">
        <v>0</v>
      </c>
      <c r="AD13" s="225">
        <v>0</v>
      </c>
      <c r="AE13" s="226">
        <v>0</v>
      </c>
      <c r="AF13" s="221">
        <v>0</v>
      </c>
      <c r="AG13" s="222">
        <v>0</v>
      </c>
      <c r="AH13" s="222">
        <v>0</v>
      </c>
      <c r="AI13" s="223">
        <v>0</v>
      </c>
      <c r="AJ13" s="224">
        <v>0</v>
      </c>
      <c r="AK13" s="224">
        <v>0</v>
      </c>
      <c r="AL13" s="224">
        <v>1</v>
      </c>
      <c r="AM13" s="222">
        <v>0</v>
      </c>
      <c r="AN13" s="225">
        <v>1</v>
      </c>
      <c r="AO13" s="227">
        <v>1</v>
      </c>
      <c r="AP13" s="37"/>
    </row>
    <row r="14" spans="1:42" ht="20.25" customHeight="1" x14ac:dyDescent="0.2">
      <c r="A14" s="62" t="s">
        <v>11</v>
      </c>
      <c r="B14" s="221">
        <v>0</v>
      </c>
      <c r="C14" s="222">
        <v>0</v>
      </c>
      <c r="D14" s="222">
        <v>0</v>
      </c>
      <c r="E14" s="223">
        <v>0</v>
      </c>
      <c r="F14" s="224">
        <v>0</v>
      </c>
      <c r="G14" s="224">
        <v>5</v>
      </c>
      <c r="H14" s="224">
        <v>15</v>
      </c>
      <c r="I14" s="222">
        <v>7</v>
      </c>
      <c r="J14" s="225">
        <v>27</v>
      </c>
      <c r="K14" s="226">
        <v>27</v>
      </c>
      <c r="L14" s="221">
        <v>0</v>
      </c>
      <c r="M14" s="222">
        <v>0</v>
      </c>
      <c r="N14" s="225">
        <v>0</v>
      </c>
      <c r="O14" s="228">
        <v>2</v>
      </c>
      <c r="P14" s="224">
        <v>6</v>
      </c>
      <c r="Q14" s="224">
        <v>4</v>
      </c>
      <c r="R14" s="224">
        <v>5</v>
      </c>
      <c r="S14" s="222">
        <v>6</v>
      </c>
      <c r="T14" s="225">
        <v>23</v>
      </c>
      <c r="U14" s="229">
        <v>23</v>
      </c>
      <c r="V14" s="228">
        <v>0</v>
      </c>
      <c r="W14" s="222">
        <v>0</v>
      </c>
      <c r="X14" s="222">
        <v>0</v>
      </c>
      <c r="Y14" s="223">
        <v>0</v>
      </c>
      <c r="Z14" s="224">
        <v>0</v>
      </c>
      <c r="AA14" s="224">
        <v>0</v>
      </c>
      <c r="AB14" s="224">
        <v>0</v>
      </c>
      <c r="AC14" s="222">
        <v>0</v>
      </c>
      <c r="AD14" s="225">
        <v>0</v>
      </c>
      <c r="AE14" s="226">
        <v>0</v>
      </c>
      <c r="AF14" s="221">
        <v>0</v>
      </c>
      <c r="AG14" s="222">
        <v>0</v>
      </c>
      <c r="AH14" s="222">
        <v>0</v>
      </c>
      <c r="AI14" s="223">
        <v>0</v>
      </c>
      <c r="AJ14" s="224">
        <v>1</v>
      </c>
      <c r="AK14" s="224">
        <v>1</v>
      </c>
      <c r="AL14" s="224">
        <v>1</v>
      </c>
      <c r="AM14" s="222">
        <v>0</v>
      </c>
      <c r="AN14" s="225">
        <v>3</v>
      </c>
      <c r="AO14" s="227">
        <v>3</v>
      </c>
      <c r="AP14" s="37"/>
    </row>
    <row r="15" spans="1:42" ht="20.25" customHeight="1" x14ac:dyDescent="0.2">
      <c r="A15" s="62" t="s">
        <v>12</v>
      </c>
      <c r="B15" s="221">
        <v>0</v>
      </c>
      <c r="C15" s="222">
        <v>0</v>
      </c>
      <c r="D15" s="222">
        <v>0</v>
      </c>
      <c r="E15" s="223">
        <v>1</v>
      </c>
      <c r="F15" s="224">
        <v>1</v>
      </c>
      <c r="G15" s="224">
        <v>9</v>
      </c>
      <c r="H15" s="224">
        <v>12</v>
      </c>
      <c r="I15" s="222">
        <v>6</v>
      </c>
      <c r="J15" s="225">
        <v>29</v>
      </c>
      <c r="K15" s="226">
        <v>29</v>
      </c>
      <c r="L15" s="221">
        <v>0</v>
      </c>
      <c r="M15" s="222">
        <v>0</v>
      </c>
      <c r="N15" s="225">
        <v>0</v>
      </c>
      <c r="O15" s="228">
        <v>3</v>
      </c>
      <c r="P15" s="224">
        <v>4</v>
      </c>
      <c r="Q15" s="224">
        <v>8</v>
      </c>
      <c r="R15" s="224">
        <v>10</v>
      </c>
      <c r="S15" s="222">
        <v>3</v>
      </c>
      <c r="T15" s="225">
        <v>28</v>
      </c>
      <c r="U15" s="229">
        <v>28</v>
      </c>
      <c r="V15" s="228">
        <v>0</v>
      </c>
      <c r="W15" s="222">
        <v>0</v>
      </c>
      <c r="X15" s="222">
        <v>0</v>
      </c>
      <c r="Y15" s="223">
        <v>0</v>
      </c>
      <c r="Z15" s="224">
        <v>0</v>
      </c>
      <c r="AA15" s="224">
        <v>0</v>
      </c>
      <c r="AB15" s="224">
        <v>0</v>
      </c>
      <c r="AC15" s="222">
        <v>1</v>
      </c>
      <c r="AD15" s="225">
        <v>1</v>
      </c>
      <c r="AE15" s="226">
        <v>1</v>
      </c>
      <c r="AF15" s="221">
        <v>0</v>
      </c>
      <c r="AG15" s="222">
        <v>0</v>
      </c>
      <c r="AH15" s="222">
        <v>0</v>
      </c>
      <c r="AI15" s="223">
        <v>0</v>
      </c>
      <c r="AJ15" s="224">
        <v>0</v>
      </c>
      <c r="AK15" s="224">
        <v>0</v>
      </c>
      <c r="AL15" s="224">
        <v>0</v>
      </c>
      <c r="AM15" s="222">
        <v>0</v>
      </c>
      <c r="AN15" s="225">
        <v>0</v>
      </c>
      <c r="AO15" s="227">
        <v>0</v>
      </c>
      <c r="AP15" s="37"/>
    </row>
    <row r="16" spans="1:42" ht="20.25" customHeight="1" x14ac:dyDescent="0.2">
      <c r="A16" s="62" t="s">
        <v>13</v>
      </c>
      <c r="B16" s="221">
        <v>0</v>
      </c>
      <c r="C16" s="222">
        <v>0</v>
      </c>
      <c r="D16" s="222">
        <v>0</v>
      </c>
      <c r="E16" s="223">
        <v>0</v>
      </c>
      <c r="F16" s="224">
        <v>0</v>
      </c>
      <c r="G16" s="224">
        <v>3</v>
      </c>
      <c r="H16" s="224">
        <v>8</v>
      </c>
      <c r="I16" s="222">
        <v>5</v>
      </c>
      <c r="J16" s="225">
        <v>16</v>
      </c>
      <c r="K16" s="226">
        <v>16</v>
      </c>
      <c r="L16" s="221">
        <v>0</v>
      </c>
      <c r="M16" s="222">
        <v>0</v>
      </c>
      <c r="N16" s="225">
        <v>0</v>
      </c>
      <c r="O16" s="228">
        <v>2</v>
      </c>
      <c r="P16" s="224">
        <v>2</v>
      </c>
      <c r="Q16" s="224">
        <v>4</v>
      </c>
      <c r="R16" s="224">
        <v>2</v>
      </c>
      <c r="S16" s="222">
        <v>3</v>
      </c>
      <c r="T16" s="225">
        <v>13</v>
      </c>
      <c r="U16" s="229">
        <v>13</v>
      </c>
      <c r="V16" s="228">
        <v>0</v>
      </c>
      <c r="W16" s="222">
        <v>0</v>
      </c>
      <c r="X16" s="222">
        <v>0</v>
      </c>
      <c r="Y16" s="223">
        <v>0</v>
      </c>
      <c r="Z16" s="224">
        <v>0</v>
      </c>
      <c r="AA16" s="224">
        <v>0</v>
      </c>
      <c r="AB16" s="224">
        <v>0</v>
      </c>
      <c r="AC16" s="222">
        <v>0</v>
      </c>
      <c r="AD16" s="225">
        <v>0</v>
      </c>
      <c r="AE16" s="226">
        <v>0</v>
      </c>
      <c r="AF16" s="221">
        <v>0</v>
      </c>
      <c r="AG16" s="222">
        <v>0</v>
      </c>
      <c r="AH16" s="222">
        <v>0</v>
      </c>
      <c r="AI16" s="223">
        <v>0</v>
      </c>
      <c r="AJ16" s="224">
        <v>0</v>
      </c>
      <c r="AK16" s="224">
        <v>0</v>
      </c>
      <c r="AL16" s="224">
        <v>0</v>
      </c>
      <c r="AM16" s="222">
        <v>0</v>
      </c>
      <c r="AN16" s="225">
        <v>0</v>
      </c>
      <c r="AO16" s="227">
        <v>0</v>
      </c>
      <c r="AP16" s="37"/>
    </row>
    <row r="17" spans="1:42" ht="20.25" customHeight="1" x14ac:dyDescent="0.2">
      <c r="A17" s="62" t="s">
        <v>15</v>
      </c>
      <c r="B17" s="221">
        <v>0</v>
      </c>
      <c r="C17" s="222">
        <v>0</v>
      </c>
      <c r="D17" s="222">
        <v>0</v>
      </c>
      <c r="E17" s="223">
        <v>0</v>
      </c>
      <c r="F17" s="224">
        <v>0</v>
      </c>
      <c r="G17" s="224">
        <v>3</v>
      </c>
      <c r="H17" s="224">
        <v>3</v>
      </c>
      <c r="I17" s="222">
        <v>0</v>
      </c>
      <c r="J17" s="225">
        <v>6</v>
      </c>
      <c r="K17" s="226">
        <v>6</v>
      </c>
      <c r="L17" s="221">
        <v>0</v>
      </c>
      <c r="M17" s="222">
        <v>0</v>
      </c>
      <c r="N17" s="225">
        <v>0</v>
      </c>
      <c r="O17" s="228">
        <v>2</v>
      </c>
      <c r="P17" s="224">
        <v>1</v>
      </c>
      <c r="Q17" s="224">
        <v>1</v>
      </c>
      <c r="R17" s="224">
        <v>3</v>
      </c>
      <c r="S17" s="222">
        <v>2</v>
      </c>
      <c r="T17" s="225">
        <v>9</v>
      </c>
      <c r="U17" s="229">
        <v>9</v>
      </c>
      <c r="V17" s="228">
        <v>0</v>
      </c>
      <c r="W17" s="222">
        <v>0</v>
      </c>
      <c r="X17" s="222">
        <v>0</v>
      </c>
      <c r="Y17" s="223">
        <v>0</v>
      </c>
      <c r="Z17" s="224">
        <v>0</v>
      </c>
      <c r="AA17" s="224">
        <v>0</v>
      </c>
      <c r="AB17" s="224">
        <v>0</v>
      </c>
      <c r="AC17" s="222">
        <v>0</v>
      </c>
      <c r="AD17" s="225">
        <v>0</v>
      </c>
      <c r="AE17" s="226">
        <v>0</v>
      </c>
      <c r="AF17" s="221">
        <v>0</v>
      </c>
      <c r="AG17" s="222">
        <v>0</v>
      </c>
      <c r="AH17" s="222">
        <v>0</v>
      </c>
      <c r="AI17" s="223">
        <v>0</v>
      </c>
      <c r="AJ17" s="224">
        <v>0</v>
      </c>
      <c r="AK17" s="224">
        <v>0</v>
      </c>
      <c r="AL17" s="224">
        <v>0</v>
      </c>
      <c r="AM17" s="222">
        <v>0</v>
      </c>
      <c r="AN17" s="225">
        <v>0</v>
      </c>
      <c r="AO17" s="227">
        <v>0</v>
      </c>
      <c r="AP17" s="37"/>
    </row>
    <row r="18" spans="1:42" ht="20.25" customHeight="1" x14ac:dyDescent="0.2">
      <c r="A18" s="62" t="s">
        <v>16</v>
      </c>
      <c r="B18" s="221">
        <v>0</v>
      </c>
      <c r="C18" s="222">
        <v>0</v>
      </c>
      <c r="D18" s="222">
        <v>0</v>
      </c>
      <c r="E18" s="223">
        <v>0</v>
      </c>
      <c r="F18" s="224">
        <v>1</v>
      </c>
      <c r="G18" s="224">
        <v>2</v>
      </c>
      <c r="H18" s="224">
        <v>10</v>
      </c>
      <c r="I18" s="222">
        <v>6</v>
      </c>
      <c r="J18" s="225">
        <v>19</v>
      </c>
      <c r="K18" s="226">
        <v>19</v>
      </c>
      <c r="L18" s="221">
        <v>0</v>
      </c>
      <c r="M18" s="222">
        <v>0</v>
      </c>
      <c r="N18" s="225">
        <v>0</v>
      </c>
      <c r="O18" s="228">
        <v>2</v>
      </c>
      <c r="P18" s="224">
        <v>3</v>
      </c>
      <c r="Q18" s="224">
        <v>5</v>
      </c>
      <c r="R18" s="224">
        <v>5</v>
      </c>
      <c r="S18" s="222">
        <v>2</v>
      </c>
      <c r="T18" s="225">
        <v>17</v>
      </c>
      <c r="U18" s="229">
        <v>17</v>
      </c>
      <c r="V18" s="228">
        <v>0</v>
      </c>
      <c r="W18" s="222">
        <v>0</v>
      </c>
      <c r="X18" s="222">
        <v>0</v>
      </c>
      <c r="Y18" s="223">
        <v>0</v>
      </c>
      <c r="Z18" s="224">
        <v>0</v>
      </c>
      <c r="AA18" s="224">
        <v>0</v>
      </c>
      <c r="AB18" s="224">
        <v>0</v>
      </c>
      <c r="AC18" s="222">
        <v>0</v>
      </c>
      <c r="AD18" s="225">
        <v>0</v>
      </c>
      <c r="AE18" s="226">
        <v>0</v>
      </c>
      <c r="AF18" s="221">
        <v>0</v>
      </c>
      <c r="AG18" s="222">
        <v>0</v>
      </c>
      <c r="AH18" s="222">
        <v>0</v>
      </c>
      <c r="AI18" s="223">
        <v>0</v>
      </c>
      <c r="AJ18" s="224">
        <v>0</v>
      </c>
      <c r="AK18" s="224">
        <v>0</v>
      </c>
      <c r="AL18" s="224">
        <v>0</v>
      </c>
      <c r="AM18" s="222">
        <v>1</v>
      </c>
      <c r="AN18" s="225">
        <v>1</v>
      </c>
      <c r="AO18" s="227">
        <v>1</v>
      </c>
      <c r="AP18" s="37"/>
    </row>
    <row r="19" spans="1:42" ht="20.25" customHeight="1" x14ac:dyDescent="0.2">
      <c r="A19" s="62" t="s">
        <v>17</v>
      </c>
      <c r="B19" s="221">
        <v>0</v>
      </c>
      <c r="C19" s="222">
        <v>0</v>
      </c>
      <c r="D19" s="222">
        <v>0</v>
      </c>
      <c r="E19" s="223">
        <v>0</v>
      </c>
      <c r="F19" s="224">
        <v>2</v>
      </c>
      <c r="G19" s="224">
        <v>9</v>
      </c>
      <c r="H19" s="224">
        <v>13</v>
      </c>
      <c r="I19" s="222">
        <v>4</v>
      </c>
      <c r="J19" s="225">
        <v>28</v>
      </c>
      <c r="K19" s="226">
        <v>28</v>
      </c>
      <c r="L19" s="221">
        <v>0</v>
      </c>
      <c r="M19" s="222">
        <v>0</v>
      </c>
      <c r="N19" s="225">
        <v>0</v>
      </c>
      <c r="O19" s="228">
        <v>0</v>
      </c>
      <c r="P19" s="224">
        <v>6</v>
      </c>
      <c r="Q19" s="224">
        <v>7</v>
      </c>
      <c r="R19" s="224">
        <v>6</v>
      </c>
      <c r="S19" s="222">
        <v>3</v>
      </c>
      <c r="T19" s="225">
        <v>22</v>
      </c>
      <c r="U19" s="229">
        <v>22</v>
      </c>
      <c r="V19" s="228">
        <v>0</v>
      </c>
      <c r="W19" s="222">
        <v>0</v>
      </c>
      <c r="X19" s="222">
        <v>0</v>
      </c>
      <c r="Y19" s="223">
        <v>0</v>
      </c>
      <c r="Z19" s="224">
        <v>0</v>
      </c>
      <c r="AA19" s="224">
        <v>0</v>
      </c>
      <c r="AB19" s="224">
        <v>0</v>
      </c>
      <c r="AC19" s="222">
        <v>0</v>
      </c>
      <c r="AD19" s="225">
        <v>0</v>
      </c>
      <c r="AE19" s="226">
        <v>0</v>
      </c>
      <c r="AF19" s="221">
        <v>0</v>
      </c>
      <c r="AG19" s="222">
        <v>0</v>
      </c>
      <c r="AH19" s="222">
        <v>0</v>
      </c>
      <c r="AI19" s="223">
        <v>0</v>
      </c>
      <c r="AJ19" s="224">
        <v>0</v>
      </c>
      <c r="AK19" s="224">
        <v>0</v>
      </c>
      <c r="AL19" s="224">
        <v>0</v>
      </c>
      <c r="AM19" s="222">
        <v>1</v>
      </c>
      <c r="AN19" s="225">
        <v>1</v>
      </c>
      <c r="AO19" s="227">
        <v>1</v>
      </c>
      <c r="AP19" s="37"/>
    </row>
    <row r="20" spans="1:42" ht="20.25" customHeight="1" x14ac:dyDescent="0.2">
      <c r="A20" s="62" t="s">
        <v>18</v>
      </c>
      <c r="B20" s="221">
        <v>0</v>
      </c>
      <c r="C20" s="222">
        <v>0</v>
      </c>
      <c r="D20" s="222">
        <v>0</v>
      </c>
      <c r="E20" s="223">
        <v>0</v>
      </c>
      <c r="F20" s="224">
        <v>0</v>
      </c>
      <c r="G20" s="224">
        <v>12</v>
      </c>
      <c r="H20" s="224">
        <v>18</v>
      </c>
      <c r="I20" s="222">
        <v>5</v>
      </c>
      <c r="J20" s="225">
        <v>35</v>
      </c>
      <c r="K20" s="226">
        <v>35</v>
      </c>
      <c r="L20" s="221">
        <v>0</v>
      </c>
      <c r="M20" s="222">
        <v>0</v>
      </c>
      <c r="N20" s="225">
        <v>0</v>
      </c>
      <c r="O20" s="228">
        <v>0</v>
      </c>
      <c r="P20" s="224">
        <v>2</v>
      </c>
      <c r="Q20" s="224">
        <v>8</v>
      </c>
      <c r="R20" s="224">
        <v>8</v>
      </c>
      <c r="S20" s="222">
        <v>5</v>
      </c>
      <c r="T20" s="225">
        <v>23</v>
      </c>
      <c r="U20" s="229">
        <v>23</v>
      </c>
      <c r="V20" s="228">
        <v>0</v>
      </c>
      <c r="W20" s="222">
        <v>0</v>
      </c>
      <c r="X20" s="222">
        <v>0</v>
      </c>
      <c r="Y20" s="223">
        <v>0</v>
      </c>
      <c r="Z20" s="224">
        <v>0</v>
      </c>
      <c r="AA20" s="224">
        <v>0</v>
      </c>
      <c r="AB20" s="224">
        <v>0</v>
      </c>
      <c r="AC20" s="222">
        <v>0</v>
      </c>
      <c r="AD20" s="225">
        <v>0</v>
      </c>
      <c r="AE20" s="226">
        <v>0</v>
      </c>
      <c r="AF20" s="221">
        <v>0</v>
      </c>
      <c r="AG20" s="222">
        <v>0</v>
      </c>
      <c r="AH20" s="222">
        <v>0</v>
      </c>
      <c r="AI20" s="223">
        <v>0</v>
      </c>
      <c r="AJ20" s="224">
        <v>0</v>
      </c>
      <c r="AK20" s="224">
        <v>0</v>
      </c>
      <c r="AL20" s="224">
        <v>0</v>
      </c>
      <c r="AM20" s="222">
        <v>1</v>
      </c>
      <c r="AN20" s="225">
        <v>1</v>
      </c>
      <c r="AO20" s="227">
        <v>1</v>
      </c>
      <c r="AP20" s="37"/>
    </row>
    <row r="21" spans="1:42" ht="20.25" customHeight="1" x14ac:dyDescent="0.2">
      <c r="A21" s="62" t="s">
        <v>19</v>
      </c>
      <c r="B21" s="221">
        <v>0</v>
      </c>
      <c r="C21" s="222">
        <v>0</v>
      </c>
      <c r="D21" s="222">
        <v>0</v>
      </c>
      <c r="E21" s="223">
        <v>0</v>
      </c>
      <c r="F21" s="224">
        <v>0</v>
      </c>
      <c r="G21" s="224">
        <v>2</v>
      </c>
      <c r="H21" s="224">
        <v>5</v>
      </c>
      <c r="I21" s="222">
        <v>4</v>
      </c>
      <c r="J21" s="225">
        <v>11</v>
      </c>
      <c r="K21" s="226">
        <v>11</v>
      </c>
      <c r="L21" s="221">
        <v>0</v>
      </c>
      <c r="M21" s="222">
        <v>0</v>
      </c>
      <c r="N21" s="225">
        <v>0</v>
      </c>
      <c r="O21" s="228">
        <v>2</v>
      </c>
      <c r="P21" s="224">
        <v>1</v>
      </c>
      <c r="Q21" s="224">
        <v>3</v>
      </c>
      <c r="R21" s="224">
        <v>3</v>
      </c>
      <c r="S21" s="222">
        <v>0</v>
      </c>
      <c r="T21" s="225">
        <v>9</v>
      </c>
      <c r="U21" s="229">
        <v>9</v>
      </c>
      <c r="V21" s="228">
        <v>0</v>
      </c>
      <c r="W21" s="222">
        <v>0</v>
      </c>
      <c r="X21" s="222">
        <v>0</v>
      </c>
      <c r="Y21" s="223">
        <v>0</v>
      </c>
      <c r="Z21" s="224">
        <v>0</v>
      </c>
      <c r="AA21" s="224">
        <v>0</v>
      </c>
      <c r="AB21" s="224">
        <v>0</v>
      </c>
      <c r="AC21" s="222">
        <v>0</v>
      </c>
      <c r="AD21" s="225">
        <v>0</v>
      </c>
      <c r="AE21" s="226">
        <v>0</v>
      </c>
      <c r="AF21" s="221">
        <v>0</v>
      </c>
      <c r="AG21" s="222">
        <v>0</v>
      </c>
      <c r="AH21" s="222">
        <v>0</v>
      </c>
      <c r="AI21" s="223">
        <v>0</v>
      </c>
      <c r="AJ21" s="224">
        <v>0</v>
      </c>
      <c r="AK21" s="224">
        <v>0</v>
      </c>
      <c r="AL21" s="224">
        <v>0</v>
      </c>
      <c r="AM21" s="222">
        <v>0</v>
      </c>
      <c r="AN21" s="225">
        <v>0</v>
      </c>
      <c r="AO21" s="227">
        <v>0</v>
      </c>
      <c r="AP21" s="37"/>
    </row>
    <row r="22" spans="1:42" ht="20.25" customHeight="1" x14ac:dyDescent="0.2">
      <c r="A22" s="62" t="s">
        <v>20</v>
      </c>
      <c r="B22" s="221">
        <v>0</v>
      </c>
      <c r="C22" s="222">
        <v>0</v>
      </c>
      <c r="D22" s="222">
        <v>0</v>
      </c>
      <c r="E22" s="223">
        <v>0</v>
      </c>
      <c r="F22" s="224">
        <v>0</v>
      </c>
      <c r="G22" s="224">
        <v>4</v>
      </c>
      <c r="H22" s="224">
        <v>10</v>
      </c>
      <c r="I22" s="222">
        <v>6</v>
      </c>
      <c r="J22" s="225">
        <v>20</v>
      </c>
      <c r="K22" s="226">
        <v>20</v>
      </c>
      <c r="L22" s="221">
        <v>0</v>
      </c>
      <c r="M22" s="222">
        <v>0</v>
      </c>
      <c r="N22" s="225">
        <v>0</v>
      </c>
      <c r="O22" s="228">
        <v>1</v>
      </c>
      <c r="P22" s="224">
        <v>3</v>
      </c>
      <c r="Q22" s="224">
        <v>6</v>
      </c>
      <c r="R22" s="224">
        <v>2</v>
      </c>
      <c r="S22" s="222">
        <v>1</v>
      </c>
      <c r="T22" s="225">
        <v>13</v>
      </c>
      <c r="U22" s="229">
        <v>13</v>
      </c>
      <c r="V22" s="228">
        <v>0</v>
      </c>
      <c r="W22" s="222">
        <v>0</v>
      </c>
      <c r="X22" s="222">
        <v>0</v>
      </c>
      <c r="Y22" s="223">
        <v>0</v>
      </c>
      <c r="Z22" s="224">
        <v>0</v>
      </c>
      <c r="AA22" s="224">
        <v>0</v>
      </c>
      <c r="AB22" s="224">
        <v>0</v>
      </c>
      <c r="AC22" s="222">
        <v>0</v>
      </c>
      <c r="AD22" s="225">
        <v>0</v>
      </c>
      <c r="AE22" s="226">
        <v>0</v>
      </c>
      <c r="AF22" s="221">
        <v>0</v>
      </c>
      <c r="AG22" s="222">
        <v>0</v>
      </c>
      <c r="AH22" s="222">
        <v>0</v>
      </c>
      <c r="AI22" s="223">
        <v>0</v>
      </c>
      <c r="AJ22" s="224">
        <v>0</v>
      </c>
      <c r="AK22" s="224">
        <v>0</v>
      </c>
      <c r="AL22" s="224">
        <v>0</v>
      </c>
      <c r="AM22" s="222">
        <v>2</v>
      </c>
      <c r="AN22" s="225">
        <v>2</v>
      </c>
      <c r="AO22" s="227">
        <v>2</v>
      </c>
      <c r="AP22" s="37"/>
    </row>
    <row r="23" spans="1:42" ht="20.25" customHeight="1" x14ac:dyDescent="0.2">
      <c r="A23" s="62" t="s">
        <v>21</v>
      </c>
      <c r="B23" s="221">
        <v>0</v>
      </c>
      <c r="C23" s="222">
        <v>0</v>
      </c>
      <c r="D23" s="222">
        <v>0</v>
      </c>
      <c r="E23" s="223">
        <v>0</v>
      </c>
      <c r="F23" s="224">
        <v>0</v>
      </c>
      <c r="G23" s="224">
        <v>9</v>
      </c>
      <c r="H23" s="224">
        <v>8</v>
      </c>
      <c r="I23" s="222">
        <v>7</v>
      </c>
      <c r="J23" s="225">
        <v>24</v>
      </c>
      <c r="K23" s="226">
        <v>24</v>
      </c>
      <c r="L23" s="221">
        <v>0</v>
      </c>
      <c r="M23" s="222">
        <v>0</v>
      </c>
      <c r="N23" s="225">
        <v>0</v>
      </c>
      <c r="O23" s="228">
        <v>0</v>
      </c>
      <c r="P23" s="224">
        <v>1</v>
      </c>
      <c r="Q23" s="224">
        <v>1</v>
      </c>
      <c r="R23" s="224">
        <v>3</v>
      </c>
      <c r="S23" s="222">
        <v>0</v>
      </c>
      <c r="T23" s="225">
        <v>5</v>
      </c>
      <c r="U23" s="229">
        <v>5</v>
      </c>
      <c r="V23" s="228">
        <v>0</v>
      </c>
      <c r="W23" s="222">
        <v>0</v>
      </c>
      <c r="X23" s="222">
        <v>0</v>
      </c>
      <c r="Y23" s="223">
        <v>0</v>
      </c>
      <c r="Z23" s="224">
        <v>0</v>
      </c>
      <c r="AA23" s="224">
        <v>0</v>
      </c>
      <c r="AB23" s="224">
        <v>0</v>
      </c>
      <c r="AC23" s="222">
        <v>1</v>
      </c>
      <c r="AD23" s="225">
        <v>1</v>
      </c>
      <c r="AE23" s="226">
        <v>1</v>
      </c>
      <c r="AF23" s="221">
        <v>0</v>
      </c>
      <c r="AG23" s="222">
        <v>0</v>
      </c>
      <c r="AH23" s="222">
        <v>0</v>
      </c>
      <c r="AI23" s="223">
        <v>0</v>
      </c>
      <c r="AJ23" s="224">
        <v>0</v>
      </c>
      <c r="AK23" s="224">
        <v>0</v>
      </c>
      <c r="AL23" s="224">
        <v>1</v>
      </c>
      <c r="AM23" s="222">
        <v>1</v>
      </c>
      <c r="AN23" s="225">
        <v>2</v>
      </c>
      <c r="AO23" s="227">
        <v>2</v>
      </c>
      <c r="AP23" s="37"/>
    </row>
    <row r="24" spans="1:42" ht="20.25" customHeight="1" x14ac:dyDescent="0.2">
      <c r="A24" s="62" t="s">
        <v>22</v>
      </c>
      <c r="B24" s="221">
        <v>0</v>
      </c>
      <c r="C24" s="222">
        <v>0</v>
      </c>
      <c r="D24" s="222">
        <v>0</v>
      </c>
      <c r="E24" s="223">
        <v>0</v>
      </c>
      <c r="F24" s="224">
        <v>0</v>
      </c>
      <c r="G24" s="224">
        <v>2</v>
      </c>
      <c r="H24" s="224">
        <v>2</v>
      </c>
      <c r="I24" s="222">
        <v>0</v>
      </c>
      <c r="J24" s="225">
        <v>4</v>
      </c>
      <c r="K24" s="226">
        <v>4</v>
      </c>
      <c r="L24" s="221">
        <v>0</v>
      </c>
      <c r="M24" s="222">
        <v>0</v>
      </c>
      <c r="N24" s="225">
        <v>0</v>
      </c>
      <c r="O24" s="228">
        <v>0</v>
      </c>
      <c r="P24" s="224">
        <v>2</v>
      </c>
      <c r="Q24" s="224">
        <v>1</v>
      </c>
      <c r="R24" s="224">
        <v>0</v>
      </c>
      <c r="S24" s="222">
        <v>0</v>
      </c>
      <c r="T24" s="225">
        <v>3</v>
      </c>
      <c r="U24" s="229">
        <v>3</v>
      </c>
      <c r="V24" s="228">
        <v>0</v>
      </c>
      <c r="W24" s="222">
        <v>0</v>
      </c>
      <c r="X24" s="222">
        <v>0</v>
      </c>
      <c r="Y24" s="223">
        <v>0</v>
      </c>
      <c r="Z24" s="224">
        <v>0</v>
      </c>
      <c r="AA24" s="224">
        <v>0</v>
      </c>
      <c r="AB24" s="224">
        <v>0</v>
      </c>
      <c r="AC24" s="222">
        <v>0</v>
      </c>
      <c r="AD24" s="225">
        <v>0</v>
      </c>
      <c r="AE24" s="226">
        <v>0</v>
      </c>
      <c r="AF24" s="221">
        <v>0</v>
      </c>
      <c r="AG24" s="222">
        <v>0</v>
      </c>
      <c r="AH24" s="222">
        <v>0</v>
      </c>
      <c r="AI24" s="223">
        <v>0</v>
      </c>
      <c r="AJ24" s="224">
        <v>0</v>
      </c>
      <c r="AK24" s="224">
        <v>0</v>
      </c>
      <c r="AL24" s="224">
        <v>0</v>
      </c>
      <c r="AM24" s="222">
        <v>0</v>
      </c>
      <c r="AN24" s="225">
        <v>0</v>
      </c>
      <c r="AO24" s="227">
        <v>0</v>
      </c>
      <c r="AP24" s="37"/>
    </row>
    <row r="25" spans="1:42" ht="20.25" customHeight="1" x14ac:dyDescent="0.2">
      <c r="A25" s="62" t="s">
        <v>23</v>
      </c>
      <c r="B25" s="221">
        <v>0</v>
      </c>
      <c r="C25" s="222">
        <v>0</v>
      </c>
      <c r="D25" s="222">
        <v>0</v>
      </c>
      <c r="E25" s="223">
        <v>1</v>
      </c>
      <c r="F25" s="224">
        <v>0</v>
      </c>
      <c r="G25" s="224">
        <v>3</v>
      </c>
      <c r="H25" s="224">
        <v>3</v>
      </c>
      <c r="I25" s="222">
        <v>1</v>
      </c>
      <c r="J25" s="225">
        <v>8</v>
      </c>
      <c r="K25" s="226">
        <v>8</v>
      </c>
      <c r="L25" s="221">
        <v>0</v>
      </c>
      <c r="M25" s="222">
        <v>0</v>
      </c>
      <c r="N25" s="225">
        <v>0</v>
      </c>
      <c r="O25" s="228">
        <v>0</v>
      </c>
      <c r="P25" s="224">
        <v>1</v>
      </c>
      <c r="Q25" s="224">
        <v>1</v>
      </c>
      <c r="R25" s="224">
        <v>3</v>
      </c>
      <c r="S25" s="222">
        <v>0</v>
      </c>
      <c r="T25" s="225">
        <v>5</v>
      </c>
      <c r="U25" s="229">
        <v>5</v>
      </c>
      <c r="V25" s="228">
        <v>0</v>
      </c>
      <c r="W25" s="222">
        <v>0</v>
      </c>
      <c r="X25" s="222">
        <v>0</v>
      </c>
      <c r="Y25" s="223">
        <v>0</v>
      </c>
      <c r="Z25" s="224">
        <v>0</v>
      </c>
      <c r="AA25" s="224">
        <v>0</v>
      </c>
      <c r="AB25" s="224">
        <v>0</v>
      </c>
      <c r="AC25" s="222">
        <v>0</v>
      </c>
      <c r="AD25" s="225">
        <v>0</v>
      </c>
      <c r="AE25" s="226">
        <v>0</v>
      </c>
      <c r="AF25" s="221">
        <v>0</v>
      </c>
      <c r="AG25" s="222">
        <v>0</v>
      </c>
      <c r="AH25" s="222">
        <v>0</v>
      </c>
      <c r="AI25" s="223">
        <v>0</v>
      </c>
      <c r="AJ25" s="224">
        <v>0</v>
      </c>
      <c r="AK25" s="224">
        <v>0</v>
      </c>
      <c r="AL25" s="224">
        <v>0</v>
      </c>
      <c r="AM25" s="222">
        <v>1</v>
      </c>
      <c r="AN25" s="225">
        <v>1</v>
      </c>
      <c r="AO25" s="227">
        <v>1</v>
      </c>
      <c r="AP25" s="37"/>
    </row>
    <row r="26" spans="1:42" ht="20.25" customHeight="1" x14ac:dyDescent="0.2">
      <c r="A26" s="62" t="s">
        <v>24</v>
      </c>
      <c r="B26" s="221">
        <v>0</v>
      </c>
      <c r="C26" s="222">
        <v>0</v>
      </c>
      <c r="D26" s="222">
        <v>0</v>
      </c>
      <c r="E26" s="223">
        <v>0</v>
      </c>
      <c r="F26" s="224">
        <v>0</v>
      </c>
      <c r="G26" s="224">
        <v>0</v>
      </c>
      <c r="H26" s="224">
        <v>1</v>
      </c>
      <c r="I26" s="222">
        <v>5</v>
      </c>
      <c r="J26" s="225">
        <v>6</v>
      </c>
      <c r="K26" s="226">
        <v>6</v>
      </c>
      <c r="L26" s="221">
        <v>0</v>
      </c>
      <c r="M26" s="222">
        <v>0</v>
      </c>
      <c r="N26" s="225">
        <v>0</v>
      </c>
      <c r="O26" s="228">
        <v>2</v>
      </c>
      <c r="P26" s="224">
        <v>2</v>
      </c>
      <c r="Q26" s="224">
        <v>2</v>
      </c>
      <c r="R26" s="224">
        <v>3</v>
      </c>
      <c r="S26" s="222">
        <v>0</v>
      </c>
      <c r="T26" s="225">
        <v>9</v>
      </c>
      <c r="U26" s="229">
        <v>9</v>
      </c>
      <c r="V26" s="228">
        <v>0</v>
      </c>
      <c r="W26" s="222">
        <v>0</v>
      </c>
      <c r="X26" s="222">
        <v>0</v>
      </c>
      <c r="Y26" s="223">
        <v>0</v>
      </c>
      <c r="Z26" s="224">
        <v>0</v>
      </c>
      <c r="AA26" s="224">
        <v>0</v>
      </c>
      <c r="AB26" s="224">
        <v>0</v>
      </c>
      <c r="AC26" s="222">
        <v>0</v>
      </c>
      <c r="AD26" s="225">
        <v>0</v>
      </c>
      <c r="AE26" s="226">
        <v>0</v>
      </c>
      <c r="AF26" s="221">
        <v>0</v>
      </c>
      <c r="AG26" s="222">
        <v>0</v>
      </c>
      <c r="AH26" s="222">
        <v>0</v>
      </c>
      <c r="AI26" s="223">
        <v>0</v>
      </c>
      <c r="AJ26" s="224">
        <v>0</v>
      </c>
      <c r="AK26" s="224">
        <v>0</v>
      </c>
      <c r="AL26" s="224">
        <v>0</v>
      </c>
      <c r="AM26" s="222">
        <v>0</v>
      </c>
      <c r="AN26" s="225">
        <v>0</v>
      </c>
      <c r="AO26" s="227">
        <v>0</v>
      </c>
      <c r="AP26" s="37"/>
    </row>
    <row r="27" spans="1:42" ht="20.25" customHeight="1" x14ac:dyDescent="0.2">
      <c r="A27" s="62" t="s">
        <v>25</v>
      </c>
      <c r="B27" s="221">
        <v>0</v>
      </c>
      <c r="C27" s="222">
        <v>0</v>
      </c>
      <c r="D27" s="222">
        <v>0</v>
      </c>
      <c r="E27" s="223">
        <v>1</v>
      </c>
      <c r="F27" s="224">
        <v>0</v>
      </c>
      <c r="G27" s="224">
        <v>6</v>
      </c>
      <c r="H27" s="224">
        <v>2</v>
      </c>
      <c r="I27" s="222">
        <v>1</v>
      </c>
      <c r="J27" s="225">
        <v>10</v>
      </c>
      <c r="K27" s="226">
        <v>10</v>
      </c>
      <c r="L27" s="221">
        <v>0</v>
      </c>
      <c r="M27" s="222">
        <v>0</v>
      </c>
      <c r="N27" s="225">
        <v>0</v>
      </c>
      <c r="O27" s="228">
        <v>1</v>
      </c>
      <c r="P27" s="224">
        <v>0</v>
      </c>
      <c r="Q27" s="224">
        <v>1</v>
      </c>
      <c r="R27" s="224">
        <v>1</v>
      </c>
      <c r="S27" s="222">
        <v>1</v>
      </c>
      <c r="T27" s="225">
        <v>4</v>
      </c>
      <c r="U27" s="229">
        <v>4</v>
      </c>
      <c r="V27" s="228">
        <v>0</v>
      </c>
      <c r="W27" s="222">
        <v>0</v>
      </c>
      <c r="X27" s="222">
        <v>0</v>
      </c>
      <c r="Y27" s="223">
        <v>0</v>
      </c>
      <c r="Z27" s="224">
        <v>0</v>
      </c>
      <c r="AA27" s="224">
        <v>0</v>
      </c>
      <c r="AB27" s="224">
        <v>0</v>
      </c>
      <c r="AC27" s="222">
        <v>0</v>
      </c>
      <c r="AD27" s="225">
        <v>0</v>
      </c>
      <c r="AE27" s="226">
        <v>0</v>
      </c>
      <c r="AF27" s="221">
        <v>0</v>
      </c>
      <c r="AG27" s="222">
        <v>0</v>
      </c>
      <c r="AH27" s="222">
        <v>0</v>
      </c>
      <c r="AI27" s="223">
        <v>0</v>
      </c>
      <c r="AJ27" s="224">
        <v>0</v>
      </c>
      <c r="AK27" s="224">
        <v>0</v>
      </c>
      <c r="AL27" s="224">
        <v>0</v>
      </c>
      <c r="AM27" s="222">
        <v>0</v>
      </c>
      <c r="AN27" s="225">
        <v>0</v>
      </c>
      <c r="AO27" s="227">
        <v>0</v>
      </c>
      <c r="AP27" s="37"/>
    </row>
    <row r="28" spans="1:42" ht="20.25" customHeight="1" x14ac:dyDescent="0.2">
      <c r="A28" s="62" t="s">
        <v>26</v>
      </c>
      <c r="B28" s="221">
        <v>0</v>
      </c>
      <c r="C28" s="222">
        <v>0</v>
      </c>
      <c r="D28" s="222">
        <v>0</v>
      </c>
      <c r="E28" s="223">
        <v>0</v>
      </c>
      <c r="F28" s="224">
        <v>0</v>
      </c>
      <c r="G28" s="224">
        <v>1</v>
      </c>
      <c r="H28" s="224">
        <v>3</v>
      </c>
      <c r="I28" s="222">
        <v>2</v>
      </c>
      <c r="J28" s="225">
        <v>6</v>
      </c>
      <c r="K28" s="226">
        <v>6</v>
      </c>
      <c r="L28" s="221">
        <v>0</v>
      </c>
      <c r="M28" s="222">
        <v>0</v>
      </c>
      <c r="N28" s="225">
        <v>0</v>
      </c>
      <c r="O28" s="228">
        <v>0</v>
      </c>
      <c r="P28" s="224">
        <v>0</v>
      </c>
      <c r="Q28" s="224">
        <v>3</v>
      </c>
      <c r="R28" s="224">
        <v>0</v>
      </c>
      <c r="S28" s="222">
        <v>1</v>
      </c>
      <c r="T28" s="225">
        <v>4</v>
      </c>
      <c r="U28" s="229">
        <v>4</v>
      </c>
      <c r="V28" s="228">
        <v>0</v>
      </c>
      <c r="W28" s="222">
        <v>0</v>
      </c>
      <c r="X28" s="222">
        <v>0</v>
      </c>
      <c r="Y28" s="223">
        <v>0</v>
      </c>
      <c r="Z28" s="224">
        <v>0</v>
      </c>
      <c r="AA28" s="224">
        <v>0</v>
      </c>
      <c r="AB28" s="224">
        <v>0</v>
      </c>
      <c r="AC28" s="222">
        <v>0</v>
      </c>
      <c r="AD28" s="225">
        <v>0</v>
      </c>
      <c r="AE28" s="226">
        <v>0</v>
      </c>
      <c r="AF28" s="221">
        <v>0</v>
      </c>
      <c r="AG28" s="222">
        <v>0</v>
      </c>
      <c r="AH28" s="222">
        <v>0</v>
      </c>
      <c r="AI28" s="223">
        <v>0</v>
      </c>
      <c r="AJ28" s="224">
        <v>0</v>
      </c>
      <c r="AK28" s="224">
        <v>0</v>
      </c>
      <c r="AL28" s="224">
        <v>0</v>
      </c>
      <c r="AM28" s="222">
        <v>0</v>
      </c>
      <c r="AN28" s="225">
        <v>0</v>
      </c>
      <c r="AO28" s="227">
        <v>0</v>
      </c>
      <c r="AP28" s="37"/>
    </row>
    <row r="29" spans="1:42" ht="20.25" customHeight="1" x14ac:dyDescent="0.2">
      <c r="A29" s="62" t="s">
        <v>27</v>
      </c>
      <c r="B29" s="221">
        <v>0</v>
      </c>
      <c r="C29" s="222">
        <v>0</v>
      </c>
      <c r="D29" s="222">
        <v>0</v>
      </c>
      <c r="E29" s="223">
        <v>0</v>
      </c>
      <c r="F29" s="224">
        <v>1</v>
      </c>
      <c r="G29" s="224">
        <v>0</v>
      </c>
      <c r="H29" s="224">
        <v>1</v>
      </c>
      <c r="I29" s="222">
        <v>3</v>
      </c>
      <c r="J29" s="225">
        <v>5</v>
      </c>
      <c r="K29" s="226">
        <v>5</v>
      </c>
      <c r="L29" s="221">
        <v>0</v>
      </c>
      <c r="M29" s="222">
        <v>0</v>
      </c>
      <c r="N29" s="225">
        <v>0</v>
      </c>
      <c r="O29" s="228">
        <v>0</v>
      </c>
      <c r="P29" s="224">
        <v>1</v>
      </c>
      <c r="Q29" s="224">
        <v>3</v>
      </c>
      <c r="R29" s="224">
        <v>1</v>
      </c>
      <c r="S29" s="222">
        <v>0</v>
      </c>
      <c r="T29" s="225">
        <v>5</v>
      </c>
      <c r="U29" s="229">
        <v>5</v>
      </c>
      <c r="V29" s="228">
        <v>0</v>
      </c>
      <c r="W29" s="222">
        <v>0</v>
      </c>
      <c r="X29" s="222">
        <v>0</v>
      </c>
      <c r="Y29" s="223">
        <v>0</v>
      </c>
      <c r="Z29" s="224">
        <v>0</v>
      </c>
      <c r="AA29" s="224">
        <v>0</v>
      </c>
      <c r="AB29" s="224">
        <v>0</v>
      </c>
      <c r="AC29" s="222">
        <v>0</v>
      </c>
      <c r="AD29" s="225">
        <v>0</v>
      </c>
      <c r="AE29" s="226">
        <v>0</v>
      </c>
      <c r="AF29" s="221">
        <v>0</v>
      </c>
      <c r="AG29" s="222">
        <v>0</v>
      </c>
      <c r="AH29" s="222">
        <v>0</v>
      </c>
      <c r="AI29" s="223">
        <v>0</v>
      </c>
      <c r="AJ29" s="224">
        <v>0</v>
      </c>
      <c r="AK29" s="224">
        <v>0</v>
      </c>
      <c r="AL29" s="224">
        <v>1</v>
      </c>
      <c r="AM29" s="222">
        <v>0</v>
      </c>
      <c r="AN29" s="225">
        <v>1</v>
      </c>
      <c r="AO29" s="227">
        <v>1</v>
      </c>
      <c r="AP29" s="37"/>
    </row>
    <row r="30" spans="1:42" ht="20.25" customHeight="1" x14ac:dyDescent="0.2">
      <c r="A30" s="62" t="s">
        <v>28</v>
      </c>
      <c r="B30" s="221">
        <v>0</v>
      </c>
      <c r="C30" s="222">
        <v>0</v>
      </c>
      <c r="D30" s="222">
        <v>0</v>
      </c>
      <c r="E30" s="223">
        <v>0</v>
      </c>
      <c r="F30" s="224">
        <v>0</v>
      </c>
      <c r="G30" s="224">
        <v>0</v>
      </c>
      <c r="H30" s="224">
        <v>1</v>
      </c>
      <c r="I30" s="222">
        <v>0</v>
      </c>
      <c r="J30" s="225">
        <v>1</v>
      </c>
      <c r="K30" s="226">
        <v>1</v>
      </c>
      <c r="L30" s="221">
        <v>0</v>
      </c>
      <c r="M30" s="222">
        <v>0</v>
      </c>
      <c r="N30" s="225">
        <v>0</v>
      </c>
      <c r="O30" s="228">
        <v>0</v>
      </c>
      <c r="P30" s="224">
        <v>1</v>
      </c>
      <c r="Q30" s="224">
        <v>0</v>
      </c>
      <c r="R30" s="224">
        <v>1</v>
      </c>
      <c r="S30" s="222">
        <v>0</v>
      </c>
      <c r="T30" s="225">
        <v>2</v>
      </c>
      <c r="U30" s="229">
        <v>2</v>
      </c>
      <c r="V30" s="228">
        <v>0</v>
      </c>
      <c r="W30" s="222">
        <v>0</v>
      </c>
      <c r="X30" s="222">
        <v>0</v>
      </c>
      <c r="Y30" s="223">
        <v>0</v>
      </c>
      <c r="Z30" s="224">
        <v>0</v>
      </c>
      <c r="AA30" s="224">
        <v>0</v>
      </c>
      <c r="AB30" s="224">
        <v>0</v>
      </c>
      <c r="AC30" s="222">
        <v>0</v>
      </c>
      <c r="AD30" s="225">
        <v>0</v>
      </c>
      <c r="AE30" s="226">
        <v>0</v>
      </c>
      <c r="AF30" s="221">
        <v>0</v>
      </c>
      <c r="AG30" s="222">
        <v>0</v>
      </c>
      <c r="AH30" s="222">
        <v>0</v>
      </c>
      <c r="AI30" s="223">
        <v>0</v>
      </c>
      <c r="AJ30" s="224">
        <v>0</v>
      </c>
      <c r="AK30" s="224">
        <v>0</v>
      </c>
      <c r="AL30" s="224">
        <v>0</v>
      </c>
      <c r="AM30" s="222">
        <v>0</v>
      </c>
      <c r="AN30" s="225">
        <v>0</v>
      </c>
      <c r="AO30" s="227">
        <v>0</v>
      </c>
      <c r="AP30" s="37"/>
    </row>
    <row r="31" spans="1:42" ht="20.25" customHeight="1" x14ac:dyDescent="0.2">
      <c r="A31" s="62" t="s">
        <v>29</v>
      </c>
      <c r="B31" s="221">
        <v>0</v>
      </c>
      <c r="C31" s="222">
        <v>0</v>
      </c>
      <c r="D31" s="222">
        <v>0</v>
      </c>
      <c r="E31" s="223">
        <v>0</v>
      </c>
      <c r="F31" s="224">
        <v>0</v>
      </c>
      <c r="G31" s="224">
        <v>1</v>
      </c>
      <c r="H31" s="224">
        <v>1</v>
      </c>
      <c r="I31" s="222">
        <v>1</v>
      </c>
      <c r="J31" s="225">
        <v>3</v>
      </c>
      <c r="K31" s="226">
        <v>3</v>
      </c>
      <c r="L31" s="221">
        <v>0</v>
      </c>
      <c r="M31" s="222">
        <v>0</v>
      </c>
      <c r="N31" s="225">
        <v>0</v>
      </c>
      <c r="O31" s="228">
        <v>0</v>
      </c>
      <c r="P31" s="224">
        <v>1</v>
      </c>
      <c r="Q31" s="224">
        <v>0</v>
      </c>
      <c r="R31" s="224">
        <v>0</v>
      </c>
      <c r="S31" s="222">
        <v>0</v>
      </c>
      <c r="T31" s="225">
        <v>1</v>
      </c>
      <c r="U31" s="229">
        <v>1</v>
      </c>
      <c r="V31" s="228">
        <v>0</v>
      </c>
      <c r="W31" s="222">
        <v>0</v>
      </c>
      <c r="X31" s="222">
        <v>0</v>
      </c>
      <c r="Y31" s="223">
        <v>0</v>
      </c>
      <c r="Z31" s="224">
        <v>0</v>
      </c>
      <c r="AA31" s="224">
        <v>0</v>
      </c>
      <c r="AB31" s="224">
        <v>0</v>
      </c>
      <c r="AC31" s="222">
        <v>0</v>
      </c>
      <c r="AD31" s="225">
        <v>0</v>
      </c>
      <c r="AE31" s="226">
        <v>0</v>
      </c>
      <c r="AF31" s="221">
        <v>0</v>
      </c>
      <c r="AG31" s="222">
        <v>0</v>
      </c>
      <c r="AH31" s="222">
        <v>0</v>
      </c>
      <c r="AI31" s="223">
        <v>0</v>
      </c>
      <c r="AJ31" s="224">
        <v>0</v>
      </c>
      <c r="AK31" s="224">
        <v>0</v>
      </c>
      <c r="AL31" s="224">
        <v>0</v>
      </c>
      <c r="AM31" s="222">
        <v>0</v>
      </c>
      <c r="AN31" s="225">
        <v>0</v>
      </c>
      <c r="AO31" s="227">
        <v>0</v>
      </c>
      <c r="AP31" s="37"/>
    </row>
    <row r="32" spans="1:42" ht="20.25" customHeight="1" x14ac:dyDescent="0.2">
      <c r="A32" s="62" t="s">
        <v>30</v>
      </c>
      <c r="B32" s="221">
        <v>0</v>
      </c>
      <c r="C32" s="222">
        <v>0</v>
      </c>
      <c r="D32" s="222">
        <v>0</v>
      </c>
      <c r="E32" s="223">
        <v>0</v>
      </c>
      <c r="F32" s="224">
        <v>0</v>
      </c>
      <c r="G32" s="224">
        <v>0</v>
      </c>
      <c r="H32" s="224">
        <v>3</v>
      </c>
      <c r="I32" s="222">
        <v>0</v>
      </c>
      <c r="J32" s="225">
        <v>3</v>
      </c>
      <c r="K32" s="226">
        <v>3</v>
      </c>
      <c r="L32" s="221">
        <v>0</v>
      </c>
      <c r="M32" s="222">
        <v>0</v>
      </c>
      <c r="N32" s="225">
        <v>0</v>
      </c>
      <c r="O32" s="228">
        <v>1</v>
      </c>
      <c r="P32" s="224">
        <v>0</v>
      </c>
      <c r="Q32" s="224">
        <v>2</v>
      </c>
      <c r="R32" s="224">
        <v>2</v>
      </c>
      <c r="S32" s="222">
        <v>0</v>
      </c>
      <c r="T32" s="225">
        <v>5</v>
      </c>
      <c r="U32" s="229">
        <v>5</v>
      </c>
      <c r="V32" s="228">
        <v>0</v>
      </c>
      <c r="W32" s="222">
        <v>0</v>
      </c>
      <c r="X32" s="222">
        <v>0</v>
      </c>
      <c r="Y32" s="223">
        <v>0</v>
      </c>
      <c r="Z32" s="224">
        <v>0</v>
      </c>
      <c r="AA32" s="224">
        <v>0</v>
      </c>
      <c r="AB32" s="224">
        <v>0</v>
      </c>
      <c r="AC32" s="222">
        <v>0</v>
      </c>
      <c r="AD32" s="225">
        <v>0</v>
      </c>
      <c r="AE32" s="226">
        <v>0</v>
      </c>
      <c r="AF32" s="221">
        <v>0</v>
      </c>
      <c r="AG32" s="222">
        <v>0</v>
      </c>
      <c r="AH32" s="222">
        <v>0</v>
      </c>
      <c r="AI32" s="223">
        <v>0</v>
      </c>
      <c r="AJ32" s="224">
        <v>0</v>
      </c>
      <c r="AK32" s="224">
        <v>0</v>
      </c>
      <c r="AL32" s="224">
        <v>0</v>
      </c>
      <c r="AM32" s="222">
        <v>1</v>
      </c>
      <c r="AN32" s="225">
        <v>1</v>
      </c>
      <c r="AO32" s="227">
        <v>1</v>
      </c>
      <c r="AP32" s="37"/>
    </row>
    <row r="33" spans="1:42" ht="20.25" customHeight="1" x14ac:dyDescent="0.2">
      <c r="A33" s="62" t="s">
        <v>31</v>
      </c>
      <c r="B33" s="221">
        <v>0</v>
      </c>
      <c r="C33" s="222">
        <v>0</v>
      </c>
      <c r="D33" s="222">
        <v>0</v>
      </c>
      <c r="E33" s="223">
        <v>0</v>
      </c>
      <c r="F33" s="224">
        <v>0</v>
      </c>
      <c r="G33" s="224">
        <v>1</v>
      </c>
      <c r="H33" s="224">
        <v>0</v>
      </c>
      <c r="I33" s="222">
        <v>0</v>
      </c>
      <c r="J33" s="225">
        <v>1</v>
      </c>
      <c r="K33" s="226">
        <v>1</v>
      </c>
      <c r="L33" s="221">
        <v>0</v>
      </c>
      <c r="M33" s="222">
        <v>0</v>
      </c>
      <c r="N33" s="225">
        <v>0</v>
      </c>
      <c r="O33" s="228">
        <v>0</v>
      </c>
      <c r="P33" s="224">
        <v>2</v>
      </c>
      <c r="Q33" s="224">
        <v>0</v>
      </c>
      <c r="R33" s="224">
        <v>1</v>
      </c>
      <c r="S33" s="222">
        <v>0</v>
      </c>
      <c r="T33" s="225">
        <v>3</v>
      </c>
      <c r="U33" s="229">
        <v>3</v>
      </c>
      <c r="V33" s="228">
        <v>0</v>
      </c>
      <c r="W33" s="222">
        <v>0</v>
      </c>
      <c r="X33" s="222">
        <v>0</v>
      </c>
      <c r="Y33" s="223">
        <v>0</v>
      </c>
      <c r="Z33" s="224">
        <v>0</v>
      </c>
      <c r="AA33" s="224">
        <v>0</v>
      </c>
      <c r="AB33" s="224">
        <v>0</v>
      </c>
      <c r="AC33" s="222">
        <v>0</v>
      </c>
      <c r="AD33" s="225">
        <v>0</v>
      </c>
      <c r="AE33" s="226">
        <v>0</v>
      </c>
      <c r="AF33" s="221">
        <v>0</v>
      </c>
      <c r="AG33" s="222">
        <v>0</v>
      </c>
      <c r="AH33" s="222">
        <v>0</v>
      </c>
      <c r="AI33" s="223">
        <v>0</v>
      </c>
      <c r="AJ33" s="224">
        <v>0</v>
      </c>
      <c r="AK33" s="224">
        <v>0</v>
      </c>
      <c r="AL33" s="224">
        <v>0</v>
      </c>
      <c r="AM33" s="222">
        <v>0</v>
      </c>
      <c r="AN33" s="225">
        <v>0</v>
      </c>
      <c r="AO33" s="227">
        <v>0</v>
      </c>
      <c r="AP33" s="37"/>
    </row>
    <row r="34" spans="1:42" ht="20.25" customHeight="1" x14ac:dyDescent="0.2">
      <c r="A34" s="62" t="s">
        <v>32</v>
      </c>
      <c r="B34" s="221">
        <v>0</v>
      </c>
      <c r="C34" s="222">
        <v>0</v>
      </c>
      <c r="D34" s="222">
        <v>0</v>
      </c>
      <c r="E34" s="223">
        <v>0</v>
      </c>
      <c r="F34" s="224">
        <v>0</v>
      </c>
      <c r="G34" s="224">
        <v>0</v>
      </c>
      <c r="H34" s="224">
        <v>2</v>
      </c>
      <c r="I34" s="222">
        <v>1</v>
      </c>
      <c r="J34" s="225">
        <v>3</v>
      </c>
      <c r="K34" s="226">
        <v>3</v>
      </c>
      <c r="L34" s="221">
        <v>0</v>
      </c>
      <c r="M34" s="222">
        <v>0</v>
      </c>
      <c r="N34" s="225">
        <v>0</v>
      </c>
      <c r="O34" s="228">
        <v>1</v>
      </c>
      <c r="P34" s="224">
        <v>0</v>
      </c>
      <c r="Q34" s="224">
        <v>1</v>
      </c>
      <c r="R34" s="224">
        <v>0</v>
      </c>
      <c r="S34" s="222">
        <v>1</v>
      </c>
      <c r="T34" s="225">
        <v>3</v>
      </c>
      <c r="U34" s="229">
        <v>3</v>
      </c>
      <c r="V34" s="228">
        <v>0</v>
      </c>
      <c r="W34" s="222">
        <v>0</v>
      </c>
      <c r="X34" s="222">
        <v>0</v>
      </c>
      <c r="Y34" s="223">
        <v>0</v>
      </c>
      <c r="Z34" s="224">
        <v>0</v>
      </c>
      <c r="AA34" s="224">
        <v>0</v>
      </c>
      <c r="AB34" s="224">
        <v>0</v>
      </c>
      <c r="AC34" s="222">
        <v>0</v>
      </c>
      <c r="AD34" s="225">
        <v>0</v>
      </c>
      <c r="AE34" s="226">
        <v>0</v>
      </c>
      <c r="AF34" s="221">
        <v>0</v>
      </c>
      <c r="AG34" s="222">
        <v>0</v>
      </c>
      <c r="AH34" s="222">
        <v>0</v>
      </c>
      <c r="AI34" s="223">
        <v>0</v>
      </c>
      <c r="AJ34" s="224">
        <v>0</v>
      </c>
      <c r="AK34" s="224">
        <v>0</v>
      </c>
      <c r="AL34" s="224">
        <v>0</v>
      </c>
      <c r="AM34" s="222">
        <v>0</v>
      </c>
      <c r="AN34" s="225">
        <v>0</v>
      </c>
      <c r="AO34" s="227">
        <v>0</v>
      </c>
      <c r="AP34" s="37"/>
    </row>
    <row r="35" spans="1:42" ht="20.25" customHeight="1" x14ac:dyDescent="0.2">
      <c r="A35" s="62" t="s">
        <v>33</v>
      </c>
      <c r="B35" s="221">
        <v>0</v>
      </c>
      <c r="C35" s="222">
        <v>0</v>
      </c>
      <c r="D35" s="222">
        <v>0</v>
      </c>
      <c r="E35" s="223">
        <v>0</v>
      </c>
      <c r="F35" s="224">
        <v>0</v>
      </c>
      <c r="G35" s="224">
        <v>0</v>
      </c>
      <c r="H35" s="224">
        <v>0</v>
      </c>
      <c r="I35" s="222">
        <v>0</v>
      </c>
      <c r="J35" s="225">
        <v>0</v>
      </c>
      <c r="K35" s="226">
        <v>0</v>
      </c>
      <c r="L35" s="221">
        <v>0</v>
      </c>
      <c r="M35" s="222">
        <v>0</v>
      </c>
      <c r="N35" s="225">
        <v>0</v>
      </c>
      <c r="O35" s="228">
        <v>1</v>
      </c>
      <c r="P35" s="224">
        <v>0</v>
      </c>
      <c r="Q35" s="224">
        <v>0</v>
      </c>
      <c r="R35" s="224">
        <v>0</v>
      </c>
      <c r="S35" s="222">
        <v>1</v>
      </c>
      <c r="T35" s="225">
        <v>2</v>
      </c>
      <c r="U35" s="229">
        <v>2</v>
      </c>
      <c r="V35" s="228">
        <v>0</v>
      </c>
      <c r="W35" s="222">
        <v>0</v>
      </c>
      <c r="X35" s="222">
        <v>0</v>
      </c>
      <c r="Y35" s="223">
        <v>0</v>
      </c>
      <c r="Z35" s="224">
        <v>0</v>
      </c>
      <c r="AA35" s="224">
        <v>0</v>
      </c>
      <c r="AB35" s="224">
        <v>0</v>
      </c>
      <c r="AC35" s="222">
        <v>0</v>
      </c>
      <c r="AD35" s="225">
        <v>0</v>
      </c>
      <c r="AE35" s="226">
        <v>0</v>
      </c>
      <c r="AF35" s="221">
        <v>0</v>
      </c>
      <c r="AG35" s="222">
        <v>0</v>
      </c>
      <c r="AH35" s="222">
        <v>0</v>
      </c>
      <c r="AI35" s="223">
        <v>0</v>
      </c>
      <c r="AJ35" s="224">
        <v>0</v>
      </c>
      <c r="AK35" s="224">
        <v>1</v>
      </c>
      <c r="AL35" s="224">
        <v>1</v>
      </c>
      <c r="AM35" s="222">
        <v>0</v>
      </c>
      <c r="AN35" s="225">
        <v>2</v>
      </c>
      <c r="AO35" s="227">
        <v>2</v>
      </c>
      <c r="AP35" s="37"/>
    </row>
    <row r="36" spans="1:42" ht="20.25" customHeight="1" x14ac:dyDescent="0.2">
      <c r="A36" s="62" t="s">
        <v>34</v>
      </c>
      <c r="B36" s="221">
        <v>0</v>
      </c>
      <c r="C36" s="222">
        <v>0</v>
      </c>
      <c r="D36" s="222">
        <v>0</v>
      </c>
      <c r="E36" s="223">
        <v>0</v>
      </c>
      <c r="F36" s="224">
        <v>0</v>
      </c>
      <c r="G36" s="224">
        <v>1</v>
      </c>
      <c r="H36" s="224">
        <v>0</v>
      </c>
      <c r="I36" s="222">
        <v>1</v>
      </c>
      <c r="J36" s="225">
        <v>2</v>
      </c>
      <c r="K36" s="226">
        <v>2</v>
      </c>
      <c r="L36" s="221">
        <v>0</v>
      </c>
      <c r="M36" s="222">
        <v>0</v>
      </c>
      <c r="N36" s="225">
        <v>0</v>
      </c>
      <c r="O36" s="228">
        <v>0</v>
      </c>
      <c r="P36" s="224">
        <v>0</v>
      </c>
      <c r="Q36" s="224">
        <v>0</v>
      </c>
      <c r="R36" s="224">
        <v>0</v>
      </c>
      <c r="S36" s="222">
        <v>0</v>
      </c>
      <c r="T36" s="225">
        <v>0</v>
      </c>
      <c r="U36" s="229">
        <v>0</v>
      </c>
      <c r="V36" s="228">
        <v>0</v>
      </c>
      <c r="W36" s="222">
        <v>0</v>
      </c>
      <c r="X36" s="222">
        <v>0</v>
      </c>
      <c r="Y36" s="223">
        <v>0</v>
      </c>
      <c r="Z36" s="224">
        <v>0</v>
      </c>
      <c r="AA36" s="224">
        <v>0</v>
      </c>
      <c r="AB36" s="224">
        <v>0</v>
      </c>
      <c r="AC36" s="222">
        <v>0</v>
      </c>
      <c r="AD36" s="225">
        <v>0</v>
      </c>
      <c r="AE36" s="226">
        <v>0</v>
      </c>
      <c r="AF36" s="221">
        <v>0</v>
      </c>
      <c r="AG36" s="222">
        <v>0</v>
      </c>
      <c r="AH36" s="222">
        <v>0</v>
      </c>
      <c r="AI36" s="223">
        <v>0</v>
      </c>
      <c r="AJ36" s="224">
        <v>0</v>
      </c>
      <c r="AK36" s="224">
        <v>0</v>
      </c>
      <c r="AL36" s="224">
        <v>0</v>
      </c>
      <c r="AM36" s="222">
        <v>0</v>
      </c>
      <c r="AN36" s="225">
        <v>0</v>
      </c>
      <c r="AO36" s="227">
        <v>0</v>
      </c>
      <c r="AP36" s="37"/>
    </row>
    <row r="37" spans="1:42" ht="20.25" customHeight="1" x14ac:dyDescent="0.2">
      <c r="A37" s="62" t="s">
        <v>35</v>
      </c>
      <c r="B37" s="221">
        <v>0</v>
      </c>
      <c r="C37" s="222">
        <v>0</v>
      </c>
      <c r="D37" s="222">
        <v>0</v>
      </c>
      <c r="E37" s="223">
        <v>0</v>
      </c>
      <c r="F37" s="224">
        <v>0</v>
      </c>
      <c r="G37" s="224">
        <v>0</v>
      </c>
      <c r="H37" s="224">
        <v>3</v>
      </c>
      <c r="I37" s="222">
        <v>1</v>
      </c>
      <c r="J37" s="225">
        <v>4</v>
      </c>
      <c r="K37" s="226">
        <v>4</v>
      </c>
      <c r="L37" s="221">
        <v>0</v>
      </c>
      <c r="M37" s="222">
        <v>0</v>
      </c>
      <c r="N37" s="225">
        <v>0</v>
      </c>
      <c r="O37" s="228">
        <v>0</v>
      </c>
      <c r="P37" s="224">
        <v>0</v>
      </c>
      <c r="Q37" s="224">
        <v>1</v>
      </c>
      <c r="R37" s="224">
        <v>2</v>
      </c>
      <c r="S37" s="222">
        <v>0</v>
      </c>
      <c r="T37" s="225">
        <v>3</v>
      </c>
      <c r="U37" s="229">
        <v>3</v>
      </c>
      <c r="V37" s="228">
        <v>0</v>
      </c>
      <c r="W37" s="222">
        <v>0</v>
      </c>
      <c r="X37" s="222">
        <v>0</v>
      </c>
      <c r="Y37" s="223">
        <v>0</v>
      </c>
      <c r="Z37" s="224">
        <v>0</v>
      </c>
      <c r="AA37" s="224">
        <v>0</v>
      </c>
      <c r="AB37" s="224">
        <v>0</v>
      </c>
      <c r="AC37" s="222">
        <v>0</v>
      </c>
      <c r="AD37" s="225">
        <v>0</v>
      </c>
      <c r="AE37" s="226">
        <v>0</v>
      </c>
      <c r="AF37" s="221">
        <v>0</v>
      </c>
      <c r="AG37" s="222">
        <v>0</v>
      </c>
      <c r="AH37" s="222">
        <v>0</v>
      </c>
      <c r="AI37" s="223">
        <v>0</v>
      </c>
      <c r="AJ37" s="224">
        <v>0</v>
      </c>
      <c r="AK37" s="224">
        <v>0</v>
      </c>
      <c r="AL37" s="224">
        <v>0</v>
      </c>
      <c r="AM37" s="222">
        <v>0</v>
      </c>
      <c r="AN37" s="225">
        <v>0</v>
      </c>
      <c r="AO37" s="227">
        <v>0</v>
      </c>
      <c r="AP37" s="37"/>
    </row>
    <row r="38" spans="1:42" ht="20.25" customHeight="1" x14ac:dyDescent="0.2">
      <c r="A38" s="62" t="s">
        <v>36</v>
      </c>
      <c r="B38" s="221">
        <v>0</v>
      </c>
      <c r="C38" s="222">
        <v>0</v>
      </c>
      <c r="D38" s="222">
        <v>0</v>
      </c>
      <c r="E38" s="223">
        <v>0</v>
      </c>
      <c r="F38" s="224">
        <v>0</v>
      </c>
      <c r="G38" s="224">
        <v>0</v>
      </c>
      <c r="H38" s="224">
        <v>3</v>
      </c>
      <c r="I38" s="222">
        <v>4</v>
      </c>
      <c r="J38" s="225">
        <v>7</v>
      </c>
      <c r="K38" s="226">
        <v>7</v>
      </c>
      <c r="L38" s="221">
        <v>0</v>
      </c>
      <c r="M38" s="222">
        <v>0</v>
      </c>
      <c r="N38" s="225">
        <v>0</v>
      </c>
      <c r="O38" s="228">
        <v>0</v>
      </c>
      <c r="P38" s="224">
        <v>0</v>
      </c>
      <c r="Q38" s="224">
        <v>3</v>
      </c>
      <c r="R38" s="224">
        <v>0</v>
      </c>
      <c r="S38" s="222">
        <v>0</v>
      </c>
      <c r="T38" s="225">
        <v>3</v>
      </c>
      <c r="U38" s="229">
        <v>3</v>
      </c>
      <c r="V38" s="228">
        <v>0</v>
      </c>
      <c r="W38" s="222">
        <v>0</v>
      </c>
      <c r="X38" s="222">
        <v>0</v>
      </c>
      <c r="Y38" s="223">
        <v>0</v>
      </c>
      <c r="Z38" s="224">
        <v>0</v>
      </c>
      <c r="AA38" s="224">
        <v>0</v>
      </c>
      <c r="AB38" s="224">
        <v>0</v>
      </c>
      <c r="AC38" s="222">
        <v>0</v>
      </c>
      <c r="AD38" s="225">
        <v>0</v>
      </c>
      <c r="AE38" s="226">
        <v>0</v>
      </c>
      <c r="AF38" s="221">
        <v>0</v>
      </c>
      <c r="AG38" s="222">
        <v>0</v>
      </c>
      <c r="AH38" s="222">
        <v>0</v>
      </c>
      <c r="AI38" s="223">
        <v>0</v>
      </c>
      <c r="AJ38" s="224">
        <v>0</v>
      </c>
      <c r="AK38" s="224">
        <v>0</v>
      </c>
      <c r="AL38" s="224">
        <v>0</v>
      </c>
      <c r="AM38" s="222">
        <v>0</v>
      </c>
      <c r="AN38" s="225">
        <v>0</v>
      </c>
      <c r="AO38" s="227">
        <v>0</v>
      </c>
      <c r="AP38" s="37"/>
    </row>
    <row r="39" spans="1:42" ht="20.25" customHeight="1" thickBot="1" x14ac:dyDescent="0.25">
      <c r="A39" s="63" t="s">
        <v>37</v>
      </c>
      <c r="B39" s="230">
        <v>0</v>
      </c>
      <c r="C39" s="231">
        <v>0</v>
      </c>
      <c r="D39" s="231">
        <v>0</v>
      </c>
      <c r="E39" s="232">
        <v>0</v>
      </c>
      <c r="F39" s="233">
        <v>0</v>
      </c>
      <c r="G39" s="233">
        <v>1</v>
      </c>
      <c r="H39" s="233">
        <v>0</v>
      </c>
      <c r="I39" s="231">
        <v>1</v>
      </c>
      <c r="J39" s="234">
        <v>2</v>
      </c>
      <c r="K39" s="235">
        <v>2</v>
      </c>
      <c r="L39" s="230">
        <v>0</v>
      </c>
      <c r="M39" s="231">
        <v>0</v>
      </c>
      <c r="N39" s="234">
        <v>0</v>
      </c>
      <c r="O39" s="237">
        <v>0</v>
      </c>
      <c r="P39" s="233">
        <v>0</v>
      </c>
      <c r="Q39" s="233">
        <v>0</v>
      </c>
      <c r="R39" s="233">
        <v>0</v>
      </c>
      <c r="S39" s="231">
        <v>0</v>
      </c>
      <c r="T39" s="234">
        <v>0</v>
      </c>
      <c r="U39" s="238">
        <v>0</v>
      </c>
      <c r="V39" s="237">
        <v>0</v>
      </c>
      <c r="W39" s="231">
        <v>0</v>
      </c>
      <c r="X39" s="231">
        <v>0</v>
      </c>
      <c r="Y39" s="232">
        <v>0</v>
      </c>
      <c r="Z39" s="233">
        <v>0</v>
      </c>
      <c r="AA39" s="233">
        <v>0</v>
      </c>
      <c r="AB39" s="233">
        <v>0</v>
      </c>
      <c r="AC39" s="231">
        <v>0</v>
      </c>
      <c r="AD39" s="234">
        <v>0</v>
      </c>
      <c r="AE39" s="235">
        <v>0</v>
      </c>
      <c r="AF39" s="230">
        <v>0</v>
      </c>
      <c r="AG39" s="231">
        <v>0</v>
      </c>
      <c r="AH39" s="231">
        <v>0</v>
      </c>
      <c r="AI39" s="232">
        <v>0</v>
      </c>
      <c r="AJ39" s="233">
        <v>0</v>
      </c>
      <c r="AK39" s="233">
        <v>0</v>
      </c>
      <c r="AL39" s="233">
        <v>0</v>
      </c>
      <c r="AM39" s="231">
        <v>0</v>
      </c>
      <c r="AN39" s="234">
        <v>0</v>
      </c>
      <c r="AO39" s="236">
        <v>0</v>
      </c>
      <c r="AP39" s="37"/>
    </row>
    <row r="40" spans="1:42" x14ac:dyDescent="0.2">
      <c r="B40" s="38"/>
      <c r="C40" s="38"/>
      <c r="D40" s="38"/>
      <c r="E40" s="38"/>
      <c r="F40" s="38"/>
      <c r="G40" s="38"/>
      <c r="H40" s="38"/>
      <c r="I40" s="38"/>
      <c r="J40" s="38"/>
      <c r="K40" s="38"/>
      <c r="L40" s="37"/>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row>
    <row r="41" spans="1:42" x14ac:dyDescent="0.2">
      <c r="B41" s="38"/>
      <c r="C41" s="38"/>
      <c r="D41" s="38"/>
      <c r="E41" s="38"/>
      <c r="F41" s="38"/>
      <c r="G41" s="38"/>
      <c r="H41" s="38"/>
      <c r="I41" s="38"/>
      <c r="J41" s="38"/>
      <c r="K41" s="38"/>
      <c r="L41" s="37"/>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row>
    <row r="42" spans="1:42" x14ac:dyDescent="0.2">
      <c r="B42" s="38"/>
      <c r="C42" s="38"/>
      <c r="D42" s="38"/>
      <c r="E42" s="38"/>
      <c r="F42" s="38"/>
      <c r="G42" s="38"/>
      <c r="H42" s="38"/>
      <c r="I42" s="38"/>
      <c r="J42" s="38"/>
      <c r="K42" s="38"/>
      <c r="L42" s="37"/>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row>
    <row r="43" spans="1:42" x14ac:dyDescent="0.2">
      <c r="B43" s="38"/>
      <c r="C43" s="38"/>
      <c r="D43" s="38"/>
      <c r="E43" s="38"/>
      <c r="F43" s="38"/>
      <c r="G43" s="38"/>
      <c r="H43" s="38"/>
      <c r="I43" s="38"/>
      <c r="J43" s="38"/>
      <c r="K43" s="38"/>
      <c r="L43" s="37"/>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row>
    <row r="44" spans="1:42" x14ac:dyDescent="0.2">
      <c r="B44" s="38"/>
      <c r="C44" s="38"/>
      <c r="D44" s="38"/>
      <c r="E44" s="38"/>
      <c r="F44" s="38"/>
      <c r="G44" s="38"/>
      <c r="H44" s="38"/>
      <c r="I44" s="38"/>
      <c r="J44" s="38"/>
      <c r="K44" s="38"/>
      <c r="L44" s="37"/>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row>
    <row r="45" spans="1:42" x14ac:dyDescent="0.2">
      <c r="B45" s="3"/>
      <c r="C45" s="3"/>
      <c r="D45" s="3"/>
      <c r="E45" s="3"/>
      <c r="F45" s="3"/>
      <c r="G45" s="3"/>
      <c r="H45" s="3"/>
      <c r="I45" s="3"/>
      <c r="J45" s="3"/>
      <c r="K45" s="3"/>
    </row>
    <row r="46" spans="1:42" x14ac:dyDescent="0.2">
      <c r="B46" s="3"/>
      <c r="C46" s="3"/>
      <c r="D46" s="3"/>
      <c r="E46" s="3"/>
      <c r="F46" s="3"/>
      <c r="G46" s="3"/>
      <c r="H46" s="3"/>
      <c r="I46" s="3"/>
      <c r="J46" s="3"/>
      <c r="K46" s="3"/>
    </row>
    <row r="47" spans="1:42" x14ac:dyDescent="0.2">
      <c r="B47" s="3"/>
      <c r="C47" s="3"/>
      <c r="D47" s="3"/>
      <c r="E47" s="3"/>
      <c r="F47" s="3"/>
      <c r="G47" s="3"/>
      <c r="H47" s="3"/>
      <c r="I47" s="3"/>
      <c r="J47" s="3"/>
      <c r="K47" s="3"/>
    </row>
    <row r="48" spans="1:42" x14ac:dyDescent="0.2">
      <c r="B48" s="3"/>
      <c r="C48" s="3"/>
      <c r="D48" s="3"/>
      <c r="E48" s="3"/>
      <c r="F48" s="3"/>
      <c r="G48" s="3"/>
      <c r="H48" s="3"/>
      <c r="I48" s="3"/>
      <c r="J48" s="3"/>
      <c r="K48" s="3"/>
    </row>
    <row r="49" spans="2:11" x14ac:dyDescent="0.2">
      <c r="B49" s="3"/>
      <c r="C49" s="3"/>
      <c r="D49" s="3"/>
      <c r="E49" s="3"/>
      <c r="F49" s="3"/>
      <c r="G49" s="3"/>
      <c r="H49" s="3"/>
      <c r="I49" s="3"/>
      <c r="J49" s="3"/>
      <c r="K49" s="3"/>
    </row>
    <row r="50" spans="2:11" x14ac:dyDescent="0.2">
      <c r="B50" s="3"/>
      <c r="C50" s="3"/>
      <c r="D50" s="3"/>
      <c r="E50" s="3"/>
      <c r="F50" s="3"/>
      <c r="G50" s="3"/>
      <c r="H50" s="3"/>
      <c r="I50" s="3"/>
      <c r="J50" s="3"/>
      <c r="K50" s="3"/>
    </row>
    <row r="51" spans="2:11" x14ac:dyDescent="0.2">
      <c r="B51" s="3"/>
      <c r="C51" s="3"/>
      <c r="D51" s="3"/>
      <c r="E51" s="3"/>
      <c r="F51" s="3"/>
      <c r="G51" s="3"/>
      <c r="H51" s="3"/>
      <c r="I51" s="3"/>
      <c r="J51" s="3"/>
      <c r="K51" s="3"/>
    </row>
    <row r="52" spans="2:11" x14ac:dyDescent="0.2">
      <c r="B52" s="3"/>
      <c r="C52" s="3"/>
      <c r="D52" s="3"/>
      <c r="E52" s="3"/>
      <c r="F52" s="3"/>
      <c r="G52" s="3"/>
      <c r="H52" s="3"/>
      <c r="I52" s="3"/>
      <c r="J52" s="3"/>
      <c r="K52" s="3"/>
    </row>
    <row r="53" spans="2:11" x14ac:dyDescent="0.2">
      <c r="B53" s="3"/>
      <c r="C53" s="3"/>
      <c r="D53" s="3"/>
      <c r="E53" s="3"/>
      <c r="F53" s="3"/>
      <c r="G53" s="3"/>
      <c r="H53" s="3"/>
      <c r="I53" s="3"/>
      <c r="J53" s="3"/>
      <c r="K53" s="3"/>
    </row>
    <row r="54" spans="2:11" x14ac:dyDescent="0.2">
      <c r="B54" s="3"/>
      <c r="C54" s="3"/>
      <c r="D54" s="3"/>
      <c r="E54" s="3"/>
      <c r="F54" s="3"/>
      <c r="G54" s="3"/>
      <c r="H54" s="3"/>
      <c r="I54" s="3"/>
      <c r="J54" s="3"/>
      <c r="K54" s="3"/>
    </row>
    <row r="55" spans="2:11" x14ac:dyDescent="0.2">
      <c r="B55" s="3"/>
      <c r="C55" s="3"/>
      <c r="D55" s="3"/>
      <c r="E55" s="3"/>
      <c r="F55" s="3"/>
      <c r="G55" s="3"/>
      <c r="H55" s="3"/>
      <c r="I55" s="3"/>
      <c r="J55" s="3"/>
      <c r="K55" s="3"/>
    </row>
    <row r="56" spans="2:11" x14ac:dyDescent="0.2">
      <c r="B56" s="3"/>
      <c r="C56" s="3"/>
      <c r="D56" s="3"/>
      <c r="E56" s="3"/>
      <c r="F56" s="3"/>
      <c r="G56" s="3"/>
      <c r="H56" s="3"/>
      <c r="I56" s="3"/>
      <c r="J56" s="3"/>
      <c r="K56" s="3"/>
    </row>
    <row r="57" spans="2:11" x14ac:dyDescent="0.2">
      <c r="B57" s="3"/>
      <c r="C57" s="3"/>
      <c r="D57" s="3"/>
      <c r="E57" s="3"/>
      <c r="F57" s="3"/>
      <c r="G57" s="3"/>
      <c r="H57" s="3"/>
      <c r="I57" s="3"/>
      <c r="J57" s="3"/>
      <c r="K57" s="3"/>
    </row>
    <row r="58" spans="2:11" x14ac:dyDescent="0.2">
      <c r="B58" s="3"/>
      <c r="C58" s="3"/>
      <c r="D58" s="3"/>
      <c r="E58" s="3"/>
      <c r="F58" s="3"/>
      <c r="G58" s="3"/>
      <c r="H58" s="3"/>
      <c r="I58" s="3"/>
      <c r="J58" s="3"/>
      <c r="K58" s="3"/>
    </row>
    <row r="59" spans="2:11" x14ac:dyDescent="0.2">
      <c r="B59" s="3"/>
      <c r="C59" s="3"/>
      <c r="D59" s="3"/>
      <c r="E59" s="3"/>
      <c r="F59" s="3"/>
      <c r="G59" s="3"/>
      <c r="H59" s="3"/>
      <c r="I59" s="3"/>
      <c r="J59" s="3"/>
      <c r="K59" s="3"/>
    </row>
    <row r="60" spans="2:11" x14ac:dyDescent="0.2">
      <c r="B60" s="3"/>
      <c r="C60" s="3"/>
      <c r="D60" s="3"/>
      <c r="E60" s="3"/>
      <c r="F60" s="3"/>
      <c r="G60" s="3"/>
      <c r="H60" s="3"/>
      <c r="I60" s="3"/>
      <c r="J60" s="3"/>
      <c r="K60" s="3"/>
    </row>
    <row r="61" spans="2:11" x14ac:dyDescent="0.2">
      <c r="B61" s="3"/>
      <c r="C61" s="3"/>
      <c r="D61" s="3"/>
      <c r="E61" s="3"/>
      <c r="F61" s="3"/>
      <c r="G61" s="3"/>
      <c r="H61" s="3"/>
      <c r="I61" s="3"/>
      <c r="J61" s="3"/>
      <c r="K61" s="3"/>
    </row>
    <row r="62" spans="2:11" x14ac:dyDescent="0.2">
      <c r="B62" s="3"/>
      <c r="C62" s="3"/>
      <c r="D62" s="3"/>
      <c r="E62" s="3"/>
      <c r="F62" s="3"/>
      <c r="G62" s="3"/>
      <c r="H62" s="3"/>
      <c r="I62" s="3"/>
      <c r="J62" s="3"/>
      <c r="K62" s="3"/>
    </row>
    <row r="63" spans="2:11" x14ac:dyDescent="0.2">
      <c r="B63" s="3"/>
      <c r="C63" s="3"/>
      <c r="D63" s="3"/>
      <c r="E63" s="3"/>
      <c r="F63" s="3"/>
      <c r="G63" s="3"/>
      <c r="H63" s="3"/>
      <c r="I63" s="3"/>
      <c r="J63" s="3"/>
      <c r="K63" s="3"/>
    </row>
    <row r="64" spans="2:11" x14ac:dyDescent="0.2">
      <c r="B64" s="3"/>
      <c r="C64" s="3"/>
      <c r="D64" s="3"/>
      <c r="E64" s="3"/>
      <c r="F64" s="3"/>
      <c r="G64" s="3"/>
      <c r="H64" s="3"/>
      <c r="I64" s="3"/>
      <c r="J64" s="3"/>
      <c r="K64" s="3"/>
    </row>
    <row r="65" spans="2:11" x14ac:dyDescent="0.2">
      <c r="B65" s="3"/>
      <c r="C65" s="3"/>
      <c r="D65" s="3"/>
      <c r="E65" s="3"/>
      <c r="F65" s="3"/>
      <c r="G65" s="3"/>
      <c r="H65" s="3"/>
      <c r="I65" s="3"/>
      <c r="J65" s="3"/>
      <c r="K65" s="3"/>
    </row>
    <row r="66" spans="2:11" x14ac:dyDescent="0.2">
      <c r="B66" s="3"/>
      <c r="C66" s="3"/>
      <c r="D66" s="3"/>
      <c r="E66" s="3"/>
      <c r="F66" s="3"/>
      <c r="G66" s="3"/>
      <c r="H66" s="3"/>
      <c r="I66" s="3"/>
      <c r="J66" s="3"/>
      <c r="K66" s="3"/>
    </row>
    <row r="67" spans="2:11" x14ac:dyDescent="0.2">
      <c r="B67" s="3"/>
      <c r="C67" s="3"/>
      <c r="D67" s="3"/>
      <c r="E67" s="3"/>
      <c r="F67" s="3"/>
      <c r="G67" s="3"/>
      <c r="H67" s="3"/>
      <c r="I67" s="3"/>
      <c r="J67" s="3"/>
      <c r="K67" s="3"/>
    </row>
    <row r="68" spans="2:11" x14ac:dyDescent="0.2">
      <c r="B68" s="3"/>
      <c r="C68" s="3"/>
      <c r="D68" s="3"/>
      <c r="E68" s="3"/>
      <c r="F68" s="3"/>
      <c r="G68" s="3"/>
      <c r="H68" s="3"/>
      <c r="I68" s="3"/>
      <c r="J68" s="3"/>
      <c r="K68" s="3"/>
    </row>
    <row r="69" spans="2:11" x14ac:dyDescent="0.2">
      <c r="B69" s="3"/>
      <c r="C69" s="3"/>
      <c r="D69" s="3"/>
      <c r="E69" s="3"/>
      <c r="F69" s="3"/>
      <c r="G69" s="3"/>
      <c r="H69" s="3"/>
      <c r="I69" s="3"/>
      <c r="J69" s="3"/>
      <c r="K69" s="3"/>
    </row>
    <row r="70" spans="2:11" x14ac:dyDescent="0.2">
      <c r="B70" s="3"/>
      <c r="C70" s="3"/>
      <c r="D70" s="3"/>
      <c r="E70" s="3"/>
      <c r="F70" s="3"/>
      <c r="G70" s="3"/>
      <c r="H70" s="3"/>
      <c r="I70" s="3"/>
      <c r="J70" s="3"/>
      <c r="K70" s="3"/>
    </row>
    <row r="71" spans="2:11" x14ac:dyDescent="0.2">
      <c r="B71" s="3"/>
      <c r="C71" s="3"/>
      <c r="D71" s="3"/>
      <c r="E71" s="3"/>
      <c r="F71" s="3"/>
      <c r="G71" s="3"/>
      <c r="H71" s="3"/>
      <c r="I71" s="3"/>
      <c r="J71" s="3"/>
      <c r="K71" s="3"/>
    </row>
    <row r="72" spans="2:11" x14ac:dyDescent="0.2">
      <c r="B72" s="3"/>
      <c r="C72" s="3"/>
      <c r="D72" s="3"/>
      <c r="E72" s="3"/>
      <c r="F72" s="3"/>
      <c r="G72" s="3"/>
      <c r="H72" s="3"/>
      <c r="I72" s="3"/>
      <c r="J72" s="3"/>
      <c r="K72" s="3"/>
    </row>
    <row r="73" spans="2:11" x14ac:dyDescent="0.2">
      <c r="B73" s="3"/>
      <c r="C73" s="3"/>
      <c r="D73" s="3"/>
      <c r="E73" s="3"/>
      <c r="F73" s="3"/>
      <c r="G73" s="3"/>
      <c r="H73" s="3"/>
      <c r="I73" s="3"/>
      <c r="J73" s="3"/>
      <c r="K73" s="3"/>
    </row>
    <row r="74" spans="2:11" x14ac:dyDescent="0.2">
      <c r="B74" s="3"/>
      <c r="C74" s="3"/>
      <c r="D74" s="3"/>
      <c r="E74" s="3"/>
      <c r="F74" s="3"/>
      <c r="G74" s="3"/>
      <c r="H74" s="3"/>
      <c r="I74" s="3"/>
      <c r="J74" s="3"/>
      <c r="K74" s="3"/>
    </row>
    <row r="75" spans="2:11" x14ac:dyDescent="0.2">
      <c r="B75" s="3"/>
      <c r="C75" s="3"/>
      <c r="D75" s="3"/>
      <c r="E75" s="3"/>
      <c r="F75" s="3"/>
      <c r="G75" s="3"/>
      <c r="H75" s="3"/>
      <c r="I75" s="3"/>
      <c r="J75" s="3"/>
      <c r="K75" s="3"/>
    </row>
    <row r="76" spans="2:11" x14ac:dyDescent="0.2">
      <c r="B76" s="3"/>
      <c r="C76" s="3"/>
      <c r="D76" s="3"/>
      <c r="E76" s="3"/>
      <c r="F76" s="3"/>
      <c r="G76" s="3"/>
      <c r="H76" s="3"/>
      <c r="I76" s="3"/>
      <c r="J76" s="3"/>
      <c r="K76" s="3"/>
    </row>
    <row r="77" spans="2:11" x14ac:dyDescent="0.2">
      <c r="B77" s="3"/>
      <c r="C77" s="3"/>
      <c r="D77" s="3"/>
      <c r="E77" s="3"/>
      <c r="F77" s="3"/>
      <c r="G77" s="3"/>
      <c r="H77" s="3"/>
      <c r="I77" s="3"/>
      <c r="J77" s="3"/>
      <c r="K77" s="3"/>
    </row>
    <row r="78" spans="2:11" x14ac:dyDescent="0.2">
      <c r="B78" s="3"/>
      <c r="C78" s="3"/>
      <c r="D78" s="3"/>
      <c r="E78" s="3"/>
      <c r="F78" s="3"/>
      <c r="G78" s="3"/>
      <c r="H78" s="3"/>
      <c r="I78" s="3"/>
      <c r="J78" s="3"/>
      <c r="K78" s="3"/>
    </row>
    <row r="79" spans="2:11" x14ac:dyDescent="0.2">
      <c r="B79" s="3"/>
      <c r="C79" s="3"/>
      <c r="D79" s="3"/>
      <c r="E79" s="3"/>
      <c r="F79" s="3"/>
      <c r="G79" s="3"/>
      <c r="H79" s="3"/>
      <c r="I79" s="3"/>
      <c r="J79" s="3"/>
      <c r="K79" s="3"/>
    </row>
    <row r="80" spans="2:11" x14ac:dyDescent="0.2">
      <c r="B80" s="3"/>
      <c r="C80" s="3"/>
      <c r="D80" s="3"/>
      <c r="E80" s="3"/>
      <c r="F80" s="3"/>
      <c r="G80" s="3"/>
      <c r="H80" s="3"/>
      <c r="I80" s="3"/>
      <c r="J80" s="3"/>
      <c r="K80" s="3"/>
    </row>
    <row r="81" spans="2:11" x14ac:dyDescent="0.2">
      <c r="B81" s="3"/>
      <c r="C81" s="3"/>
      <c r="D81" s="3"/>
      <c r="E81" s="3"/>
      <c r="F81" s="3"/>
      <c r="G81" s="3"/>
      <c r="H81" s="3"/>
      <c r="I81" s="3"/>
      <c r="J81" s="3"/>
      <c r="K81" s="3"/>
    </row>
    <row r="82" spans="2:11" x14ac:dyDescent="0.2">
      <c r="B82" s="3"/>
      <c r="C82" s="3"/>
      <c r="D82" s="3"/>
      <c r="E82" s="3"/>
      <c r="F82" s="3"/>
      <c r="G82" s="3"/>
      <c r="H82" s="3"/>
      <c r="I82" s="3"/>
      <c r="J82" s="3"/>
      <c r="K82" s="3"/>
    </row>
    <row r="83" spans="2:11" x14ac:dyDescent="0.2">
      <c r="B83" s="3"/>
      <c r="C83" s="3"/>
      <c r="D83" s="3"/>
      <c r="E83" s="3"/>
      <c r="F83" s="3"/>
      <c r="G83" s="3"/>
      <c r="H83" s="3"/>
      <c r="I83" s="3"/>
      <c r="J83" s="3"/>
      <c r="K83" s="3"/>
    </row>
    <row r="84" spans="2:11" x14ac:dyDescent="0.2">
      <c r="B84" s="3"/>
      <c r="C84" s="3"/>
      <c r="D84" s="3"/>
      <c r="E84" s="3"/>
      <c r="F84" s="3"/>
      <c r="G84" s="3"/>
      <c r="H84" s="3"/>
      <c r="I84" s="3"/>
      <c r="J84" s="3"/>
      <c r="K84" s="3"/>
    </row>
    <row r="85" spans="2:11" x14ac:dyDescent="0.2">
      <c r="B85" s="3"/>
      <c r="C85" s="3"/>
      <c r="D85" s="3"/>
      <c r="E85" s="3"/>
      <c r="F85" s="3"/>
      <c r="G85" s="3"/>
      <c r="H85" s="3"/>
      <c r="I85" s="3"/>
      <c r="J85" s="3"/>
      <c r="K85" s="3"/>
    </row>
    <row r="86" spans="2:11" x14ac:dyDescent="0.2">
      <c r="B86" s="3"/>
      <c r="C86" s="3"/>
      <c r="D86" s="3"/>
      <c r="E86" s="3"/>
      <c r="F86" s="3"/>
      <c r="G86" s="3"/>
      <c r="H86" s="3"/>
      <c r="I86" s="3"/>
      <c r="J86" s="3"/>
      <c r="K86" s="3"/>
    </row>
    <row r="87" spans="2:11" x14ac:dyDescent="0.2">
      <c r="B87" s="3"/>
      <c r="C87" s="3"/>
      <c r="D87" s="3"/>
      <c r="E87" s="3"/>
      <c r="F87" s="3"/>
      <c r="G87" s="3"/>
      <c r="H87" s="3"/>
      <c r="I87" s="3"/>
      <c r="J87" s="3"/>
      <c r="K87" s="3"/>
    </row>
    <row r="88" spans="2:11" x14ac:dyDescent="0.2">
      <c r="B88" s="3"/>
      <c r="C88" s="3"/>
      <c r="D88" s="3"/>
      <c r="E88" s="3"/>
      <c r="F88" s="3"/>
      <c r="G88" s="3"/>
      <c r="H88" s="3"/>
      <c r="I88" s="3"/>
      <c r="J88" s="3"/>
      <c r="K88" s="3"/>
    </row>
    <row r="89" spans="2:11" x14ac:dyDescent="0.2">
      <c r="B89" s="3"/>
      <c r="C89" s="3"/>
      <c r="D89" s="3"/>
      <c r="E89" s="3"/>
      <c r="F89" s="3"/>
      <c r="G89" s="3"/>
      <c r="H89" s="3"/>
      <c r="I89" s="3"/>
      <c r="J89" s="3"/>
      <c r="K89" s="3"/>
    </row>
    <row r="90" spans="2:11" x14ac:dyDescent="0.2">
      <c r="B90" s="3"/>
      <c r="C90" s="3"/>
      <c r="D90" s="3"/>
      <c r="E90" s="3"/>
      <c r="F90" s="3"/>
      <c r="G90" s="3"/>
      <c r="H90" s="3"/>
      <c r="I90" s="3"/>
      <c r="J90" s="3"/>
      <c r="K90" s="3"/>
    </row>
    <row r="91" spans="2:11" x14ac:dyDescent="0.2">
      <c r="B91" s="3"/>
      <c r="C91" s="3"/>
      <c r="D91" s="3"/>
      <c r="E91" s="3"/>
      <c r="F91" s="3"/>
      <c r="G91" s="3"/>
      <c r="H91" s="3"/>
      <c r="I91" s="3"/>
      <c r="J91" s="3"/>
      <c r="K91" s="3"/>
    </row>
    <row r="92" spans="2:11" x14ac:dyDescent="0.2">
      <c r="B92" s="3"/>
      <c r="C92" s="3"/>
      <c r="D92" s="3"/>
      <c r="E92" s="3"/>
      <c r="F92" s="3"/>
      <c r="G92" s="3"/>
      <c r="H92" s="3"/>
      <c r="I92" s="3"/>
      <c r="J92" s="3"/>
      <c r="K92" s="3"/>
    </row>
    <row r="93" spans="2:11" x14ac:dyDescent="0.2">
      <c r="B93" s="3"/>
      <c r="C93" s="3"/>
      <c r="D93" s="3"/>
      <c r="E93" s="3"/>
      <c r="F93" s="3"/>
      <c r="G93" s="3"/>
      <c r="H93" s="3"/>
      <c r="I93" s="3"/>
      <c r="J93" s="3"/>
      <c r="K93" s="3"/>
    </row>
    <row r="94" spans="2:11" x14ac:dyDescent="0.2">
      <c r="B94" s="3"/>
      <c r="C94" s="3"/>
      <c r="D94" s="3"/>
      <c r="E94" s="3"/>
      <c r="F94" s="3"/>
      <c r="G94" s="3"/>
      <c r="H94" s="3"/>
      <c r="I94" s="3"/>
      <c r="J94" s="3"/>
      <c r="K94" s="3"/>
    </row>
    <row r="95" spans="2:11" x14ac:dyDescent="0.2">
      <c r="B95" s="3"/>
      <c r="C95" s="3"/>
      <c r="D95" s="3"/>
      <c r="E95" s="3"/>
      <c r="F95" s="3"/>
      <c r="G95" s="3"/>
      <c r="H95" s="3"/>
      <c r="I95" s="3"/>
      <c r="J95" s="3"/>
      <c r="K95" s="3"/>
    </row>
    <row r="96" spans="2:11" x14ac:dyDescent="0.2">
      <c r="B96" s="3"/>
      <c r="C96" s="3"/>
      <c r="D96" s="3"/>
      <c r="E96" s="3"/>
      <c r="F96" s="3"/>
      <c r="G96" s="3"/>
      <c r="H96" s="3"/>
      <c r="I96" s="3"/>
      <c r="J96" s="3"/>
      <c r="K96" s="3"/>
    </row>
    <row r="97" spans="2:11" x14ac:dyDescent="0.2">
      <c r="B97" s="3"/>
      <c r="C97" s="3"/>
      <c r="D97" s="3"/>
      <c r="E97" s="3"/>
      <c r="F97" s="3"/>
      <c r="G97" s="3"/>
      <c r="H97" s="3"/>
      <c r="I97" s="3"/>
      <c r="J97" s="3"/>
      <c r="K97" s="3"/>
    </row>
    <row r="98" spans="2:11" x14ac:dyDescent="0.2">
      <c r="B98" s="3"/>
      <c r="C98" s="3"/>
      <c r="D98" s="3"/>
      <c r="E98" s="3"/>
      <c r="F98" s="3"/>
      <c r="G98" s="3"/>
      <c r="H98" s="3"/>
      <c r="I98" s="3"/>
      <c r="J98" s="3"/>
      <c r="K98" s="3"/>
    </row>
    <row r="99" spans="2:11" x14ac:dyDescent="0.2">
      <c r="B99" s="3"/>
      <c r="C99" s="3"/>
      <c r="D99" s="3"/>
      <c r="E99" s="3"/>
      <c r="F99" s="3"/>
      <c r="G99" s="3"/>
      <c r="H99" s="3"/>
      <c r="I99" s="3"/>
      <c r="J99" s="3"/>
      <c r="K99" s="3"/>
    </row>
    <row r="100" spans="2:11" x14ac:dyDescent="0.2">
      <c r="B100" s="3"/>
      <c r="C100" s="3"/>
      <c r="D100" s="3"/>
      <c r="E100" s="3"/>
      <c r="F100" s="3"/>
      <c r="G100" s="3"/>
      <c r="H100" s="3"/>
      <c r="I100" s="3"/>
      <c r="J100" s="3"/>
      <c r="K100" s="3"/>
    </row>
    <row r="101" spans="2:11" x14ac:dyDescent="0.2">
      <c r="B101" s="3"/>
      <c r="C101" s="3"/>
      <c r="D101" s="3"/>
      <c r="E101" s="3"/>
      <c r="F101" s="3"/>
      <c r="G101" s="3"/>
      <c r="H101" s="3"/>
      <c r="I101" s="3"/>
      <c r="J101" s="3"/>
      <c r="K101" s="3"/>
    </row>
    <row r="102" spans="2:11" x14ac:dyDescent="0.2">
      <c r="B102" s="3"/>
      <c r="C102" s="3"/>
      <c r="D102" s="3"/>
      <c r="E102" s="3"/>
      <c r="F102" s="3"/>
      <c r="G102" s="3"/>
      <c r="H102" s="3"/>
      <c r="I102" s="3"/>
      <c r="J102" s="3"/>
      <c r="K102" s="3"/>
    </row>
    <row r="103" spans="2:11" x14ac:dyDescent="0.2">
      <c r="B103" s="3"/>
      <c r="C103" s="3"/>
      <c r="D103" s="3"/>
      <c r="E103" s="3"/>
      <c r="F103" s="3"/>
      <c r="G103" s="3"/>
      <c r="H103" s="3"/>
      <c r="I103" s="3"/>
      <c r="J103" s="3"/>
      <c r="K103" s="3"/>
    </row>
    <row r="104" spans="2:11" x14ac:dyDescent="0.2">
      <c r="B104" s="3"/>
      <c r="C104" s="3"/>
      <c r="D104" s="3"/>
      <c r="E104" s="3"/>
      <c r="F104" s="3"/>
      <c r="G104" s="3"/>
      <c r="H104" s="3"/>
      <c r="I104" s="3"/>
      <c r="J104" s="3"/>
      <c r="K104" s="3"/>
    </row>
    <row r="105" spans="2:11" x14ac:dyDescent="0.2">
      <c r="B105" s="3"/>
      <c r="C105" s="3"/>
      <c r="D105" s="3"/>
      <c r="E105" s="3"/>
      <c r="F105" s="3"/>
      <c r="G105" s="3"/>
      <c r="H105" s="3"/>
      <c r="I105" s="3"/>
      <c r="J105" s="3"/>
      <c r="K105" s="3"/>
    </row>
    <row r="106" spans="2:11" x14ac:dyDescent="0.2">
      <c r="B106" s="3"/>
      <c r="C106" s="3"/>
      <c r="D106" s="3"/>
      <c r="E106" s="3"/>
      <c r="F106" s="3"/>
      <c r="G106" s="3"/>
      <c r="H106" s="3"/>
      <c r="I106" s="3"/>
      <c r="J106" s="3"/>
      <c r="K106" s="3"/>
    </row>
    <row r="107" spans="2:11" x14ac:dyDescent="0.2">
      <c r="B107" s="3"/>
      <c r="C107" s="3"/>
      <c r="D107" s="3"/>
      <c r="E107" s="3"/>
      <c r="F107" s="3"/>
      <c r="G107" s="3"/>
      <c r="H107" s="3"/>
      <c r="I107" s="3"/>
      <c r="J107" s="3"/>
      <c r="K107" s="3"/>
    </row>
    <row r="108" spans="2:11" x14ac:dyDescent="0.2">
      <c r="B108" s="3"/>
      <c r="C108" s="3"/>
      <c r="D108" s="3"/>
      <c r="E108" s="3"/>
      <c r="F108" s="3"/>
      <c r="G108" s="3"/>
      <c r="H108" s="3"/>
      <c r="I108" s="3"/>
      <c r="J108" s="3"/>
      <c r="K108" s="3"/>
    </row>
    <row r="109" spans="2:11" x14ac:dyDescent="0.2">
      <c r="B109" s="3"/>
      <c r="C109" s="3"/>
      <c r="D109" s="3"/>
      <c r="E109" s="3"/>
      <c r="F109" s="3"/>
      <c r="G109" s="3"/>
      <c r="H109" s="3"/>
      <c r="I109" s="3"/>
      <c r="J109" s="3"/>
      <c r="K109" s="3"/>
    </row>
    <row r="110" spans="2:11" x14ac:dyDescent="0.2">
      <c r="B110" s="3"/>
      <c r="C110" s="3"/>
      <c r="D110" s="3"/>
      <c r="E110" s="3"/>
      <c r="F110" s="3"/>
      <c r="G110" s="3"/>
      <c r="H110" s="3"/>
      <c r="I110" s="3"/>
      <c r="J110" s="3"/>
      <c r="K110" s="3"/>
    </row>
    <row r="111" spans="2:11" x14ac:dyDescent="0.2">
      <c r="B111" s="3"/>
      <c r="C111" s="3"/>
      <c r="D111" s="3"/>
      <c r="E111" s="3"/>
      <c r="F111" s="3"/>
      <c r="G111" s="3"/>
      <c r="H111" s="3"/>
      <c r="I111" s="3"/>
      <c r="J111" s="3"/>
      <c r="K111" s="3"/>
    </row>
    <row r="112" spans="2:11" x14ac:dyDescent="0.2">
      <c r="B112" s="3"/>
      <c r="C112" s="3"/>
      <c r="D112" s="3"/>
      <c r="E112" s="3"/>
      <c r="F112" s="3"/>
      <c r="G112" s="3"/>
      <c r="H112" s="3"/>
      <c r="I112" s="3"/>
      <c r="J112" s="3"/>
      <c r="K112" s="3"/>
    </row>
    <row r="113" spans="2:11" x14ac:dyDescent="0.2">
      <c r="B113" s="3"/>
      <c r="C113" s="3"/>
      <c r="D113" s="3"/>
      <c r="E113" s="3"/>
      <c r="F113" s="3"/>
      <c r="G113" s="3"/>
      <c r="H113" s="3"/>
      <c r="I113" s="3"/>
      <c r="J113" s="3"/>
      <c r="K113" s="3"/>
    </row>
    <row r="114" spans="2:11" x14ac:dyDescent="0.2">
      <c r="B114" s="3"/>
      <c r="C114" s="3"/>
      <c r="D114" s="3"/>
      <c r="E114" s="3"/>
      <c r="F114" s="3"/>
      <c r="G114" s="3"/>
      <c r="H114" s="3"/>
      <c r="I114" s="3"/>
      <c r="J114" s="3"/>
      <c r="K114" s="3"/>
    </row>
    <row r="115" spans="2:11" x14ac:dyDescent="0.2">
      <c r="B115" s="3"/>
      <c r="C115" s="3"/>
      <c r="D115" s="3"/>
      <c r="E115" s="3"/>
      <c r="F115" s="3"/>
      <c r="G115" s="3"/>
      <c r="H115" s="3"/>
      <c r="I115" s="3"/>
      <c r="J115" s="3"/>
      <c r="K115" s="3"/>
    </row>
    <row r="116" spans="2:11" x14ac:dyDescent="0.2">
      <c r="B116" s="3"/>
      <c r="C116" s="3"/>
      <c r="D116" s="3"/>
      <c r="E116" s="3"/>
      <c r="F116" s="3"/>
      <c r="G116" s="3"/>
      <c r="H116" s="3"/>
      <c r="I116" s="3"/>
      <c r="J116" s="3"/>
      <c r="K116" s="3"/>
    </row>
    <row r="117" spans="2:11" x14ac:dyDescent="0.2">
      <c r="B117" s="3"/>
      <c r="C117" s="3"/>
      <c r="D117" s="3"/>
      <c r="E117" s="3"/>
      <c r="F117" s="3"/>
      <c r="G117" s="3"/>
      <c r="H117" s="3"/>
      <c r="I117" s="3"/>
      <c r="J117" s="3"/>
      <c r="K117" s="3"/>
    </row>
    <row r="118" spans="2:11" x14ac:dyDescent="0.2">
      <c r="B118" s="3"/>
      <c r="C118" s="3"/>
      <c r="D118" s="3"/>
      <c r="E118" s="3"/>
      <c r="F118" s="3"/>
      <c r="G118" s="3"/>
      <c r="H118" s="3"/>
      <c r="I118" s="3"/>
      <c r="J118" s="3"/>
      <c r="K118" s="3"/>
    </row>
    <row r="119" spans="2:11" x14ac:dyDescent="0.2">
      <c r="B119" s="3"/>
      <c r="C119" s="3"/>
      <c r="D119" s="3"/>
      <c r="E119" s="3"/>
      <c r="F119" s="3"/>
      <c r="G119" s="3"/>
      <c r="H119" s="3"/>
      <c r="I119" s="3"/>
      <c r="J119" s="3"/>
      <c r="K119" s="3"/>
    </row>
    <row r="120" spans="2:11" x14ac:dyDescent="0.2">
      <c r="B120" s="3"/>
      <c r="C120" s="3"/>
      <c r="D120" s="3"/>
      <c r="E120" s="3"/>
      <c r="F120" s="3"/>
      <c r="G120" s="3"/>
      <c r="H120" s="3"/>
      <c r="I120" s="3"/>
      <c r="J120" s="3"/>
      <c r="K120" s="3"/>
    </row>
    <row r="121" spans="2:11" x14ac:dyDescent="0.2">
      <c r="B121" s="3"/>
      <c r="C121" s="3"/>
      <c r="D121" s="3"/>
      <c r="E121" s="3"/>
      <c r="F121" s="3"/>
      <c r="G121" s="3"/>
      <c r="H121" s="3"/>
      <c r="I121" s="3"/>
      <c r="J121" s="3"/>
      <c r="K121" s="3"/>
    </row>
    <row r="122" spans="2:11" x14ac:dyDescent="0.2">
      <c r="B122" s="3"/>
      <c r="C122" s="3"/>
      <c r="D122" s="3"/>
      <c r="E122" s="3"/>
      <c r="F122" s="3"/>
      <c r="G122" s="3"/>
      <c r="H122" s="3"/>
      <c r="I122" s="3"/>
      <c r="J122" s="3"/>
      <c r="K122" s="3"/>
    </row>
    <row r="123" spans="2:11" x14ac:dyDescent="0.2">
      <c r="B123" s="3"/>
      <c r="C123" s="3"/>
      <c r="D123" s="3"/>
      <c r="E123" s="3"/>
      <c r="F123" s="3"/>
      <c r="G123" s="3"/>
      <c r="H123" s="3"/>
      <c r="I123" s="3"/>
      <c r="J123" s="3"/>
      <c r="K123" s="3"/>
    </row>
    <row r="124" spans="2:11" x14ac:dyDescent="0.2">
      <c r="B124" s="3"/>
      <c r="C124" s="3"/>
      <c r="D124" s="3"/>
      <c r="E124" s="3"/>
      <c r="F124" s="3"/>
      <c r="G124" s="3"/>
      <c r="H124" s="3"/>
      <c r="I124" s="3"/>
      <c r="J124" s="3"/>
      <c r="K124" s="3"/>
    </row>
    <row r="125" spans="2:11" x14ac:dyDescent="0.2">
      <c r="B125" s="3"/>
      <c r="C125" s="3"/>
      <c r="D125" s="3"/>
      <c r="E125" s="3"/>
      <c r="F125" s="3"/>
      <c r="G125" s="3"/>
      <c r="H125" s="3"/>
      <c r="I125" s="3"/>
      <c r="J125" s="3"/>
      <c r="K125" s="3"/>
    </row>
    <row r="126" spans="2:11" x14ac:dyDescent="0.2">
      <c r="B126" s="3"/>
      <c r="C126" s="3"/>
      <c r="D126" s="3"/>
      <c r="E126" s="3"/>
      <c r="F126" s="3"/>
      <c r="G126" s="3"/>
      <c r="H126" s="3"/>
      <c r="I126" s="3"/>
      <c r="J126" s="3"/>
      <c r="K126" s="3"/>
    </row>
    <row r="127" spans="2:11" x14ac:dyDescent="0.2">
      <c r="B127" s="3"/>
      <c r="C127" s="3"/>
      <c r="D127" s="3"/>
      <c r="E127" s="3"/>
      <c r="F127" s="3"/>
      <c r="G127" s="3"/>
      <c r="H127" s="3"/>
      <c r="I127" s="3"/>
      <c r="J127" s="3"/>
      <c r="K127" s="3"/>
    </row>
    <row r="128" spans="2:11" x14ac:dyDescent="0.2">
      <c r="B128" s="3"/>
      <c r="C128" s="3"/>
      <c r="D128" s="3"/>
      <c r="E128" s="3"/>
      <c r="F128" s="3"/>
      <c r="G128" s="3"/>
      <c r="H128" s="3"/>
      <c r="I128" s="3"/>
      <c r="J128" s="3"/>
      <c r="K128" s="3"/>
    </row>
    <row r="129" spans="2:11" x14ac:dyDescent="0.2">
      <c r="B129" s="3"/>
      <c r="C129" s="3"/>
      <c r="D129" s="3"/>
      <c r="E129" s="3"/>
      <c r="F129" s="3"/>
      <c r="G129" s="3"/>
      <c r="H129" s="3"/>
      <c r="I129" s="3"/>
      <c r="J129" s="3"/>
      <c r="K129" s="3"/>
    </row>
    <row r="130" spans="2:11" x14ac:dyDescent="0.2">
      <c r="B130" s="3"/>
      <c r="C130" s="3"/>
      <c r="D130" s="3"/>
      <c r="E130" s="3"/>
      <c r="F130" s="3"/>
      <c r="G130" s="3"/>
      <c r="H130" s="3"/>
      <c r="I130" s="3"/>
      <c r="J130" s="3"/>
      <c r="K130" s="3"/>
    </row>
    <row r="131" spans="2:11" x14ac:dyDescent="0.2">
      <c r="B131" s="3"/>
      <c r="C131" s="3"/>
      <c r="D131" s="3"/>
      <c r="E131" s="3"/>
      <c r="F131" s="3"/>
      <c r="G131" s="3"/>
      <c r="H131" s="3"/>
      <c r="I131" s="3"/>
      <c r="J131" s="3"/>
      <c r="K131" s="3"/>
    </row>
    <row r="132" spans="2:11" x14ac:dyDescent="0.2">
      <c r="B132" s="3"/>
      <c r="C132" s="3"/>
      <c r="D132" s="3"/>
      <c r="E132" s="3"/>
      <c r="F132" s="3"/>
      <c r="G132" s="3"/>
      <c r="H132" s="3"/>
      <c r="I132" s="3"/>
      <c r="J132" s="3"/>
      <c r="K132" s="3"/>
    </row>
    <row r="133" spans="2:11" x14ac:dyDescent="0.2">
      <c r="B133" s="3"/>
      <c r="C133" s="3"/>
      <c r="D133" s="3"/>
      <c r="E133" s="3"/>
      <c r="F133" s="3"/>
      <c r="G133" s="3"/>
      <c r="H133" s="3"/>
      <c r="I133" s="3"/>
      <c r="J133" s="3"/>
      <c r="K133" s="3"/>
    </row>
    <row r="134" spans="2:11" x14ac:dyDescent="0.2">
      <c r="B134" s="3"/>
      <c r="C134" s="3"/>
      <c r="D134" s="3"/>
      <c r="E134" s="3"/>
      <c r="F134" s="3"/>
      <c r="G134" s="3"/>
      <c r="H134" s="3"/>
      <c r="I134" s="3"/>
      <c r="J134" s="3"/>
      <c r="K134" s="3"/>
    </row>
    <row r="135" spans="2:11" x14ac:dyDescent="0.2">
      <c r="B135" s="3"/>
      <c r="C135" s="3"/>
      <c r="D135" s="3"/>
      <c r="E135" s="3"/>
      <c r="F135" s="3"/>
      <c r="G135" s="3"/>
      <c r="H135" s="3"/>
      <c r="I135" s="3"/>
      <c r="J135" s="3"/>
      <c r="K135" s="3"/>
    </row>
    <row r="136" spans="2:11" x14ac:dyDescent="0.2">
      <c r="B136" s="3"/>
      <c r="C136" s="3"/>
      <c r="D136" s="3"/>
      <c r="E136" s="3"/>
      <c r="F136" s="3"/>
      <c r="G136" s="3"/>
      <c r="H136" s="3"/>
      <c r="I136" s="3"/>
      <c r="J136" s="3"/>
      <c r="K136" s="3"/>
    </row>
    <row r="137" spans="2:11" x14ac:dyDescent="0.2">
      <c r="B137" s="3"/>
      <c r="C137" s="3"/>
      <c r="D137" s="3"/>
      <c r="E137" s="3"/>
      <c r="F137" s="3"/>
      <c r="G137" s="3"/>
      <c r="H137" s="3"/>
      <c r="I137" s="3"/>
      <c r="J137" s="3"/>
      <c r="K137" s="3"/>
    </row>
    <row r="138" spans="2:11" x14ac:dyDescent="0.2">
      <c r="B138" s="3"/>
      <c r="C138" s="3"/>
      <c r="D138" s="3"/>
      <c r="E138" s="3"/>
      <c r="F138" s="3"/>
      <c r="G138" s="3"/>
      <c r="H138" s="3"/>
      <c r="I138" s="3"/>
      <c r="J138" s="3"/>
      <c r="K138" s="3"/>
    </row>
    <row r="139" spans="2:11" x14ac:dyDescent="0.2">
      <c r="B139" s="3"/>
      <c r="C139" s="3"/>
      <c r="D139" s="3"/>
      <c r="E139" s="3"/>
      <c r="F139" s="3"/>
      <c r="G139" s="3"/>
      <c r="H139" s="3"/>
      <c r="I139" s="3"/>
      <c r="J139" s="3"/>
      <c r="K139" s="3"/>
    </row>
    <row r="140" spans="2:11" x14ac:dyDescent="0.2">
      <c r="B140" s="3"/>
      <c r="C140" s="3"/>
      <c r="D140" s="3"/>
      <c r="E140" s="3"/>
      <c r="F140" s="3"/>
      <c r="G140" s="3"/>
      <c r="H140" s="3"/>
      <c r="I140" s="3"/>
      <c r="J140" s="3"/>
      <c r="K140" s="3"/>
    </row>
    <row r="141" spans="2:11" x14ac:dyDescent="0.2">
      <c r="B141" s="3"/>
      <c r="C141" s="3"/>
      <c r="D141" s="3"/>
      <c r="E141" s="3"/>
      <c r="F141" s="3"/>
      <c r="G141" s="3"/>
      <c r="H141" s="3"/>
      <c r="I141" s="3"/>
      <c r="J141" s="3"/>
      <c r="K141" s="3"/>
    </row>
    <row r="142" spans="2:11" x14ac:dyDescent="0.2">
      <c r="B142" s="3"/>
      <c r="C142" s="3"/>
      <c r="D142" s="3"/>
      <c r="E142" s="3"/>
      <c r="F142" s="3"/>
      <c r="G142" s="3"/>
      <c r="H142" s="3"/>
      <c r="I142" s="3"/>
      <c r="J142" s="3"/>
      <c r="K142" s="3"/>
    </row>
    <row r="143" spans="2:11" x14ac:dyDescent="0.2">
      <c r="B143" s="3"/>
      <c r="C143" s="3"/>
      <c r="D143" s="3"/>
      <c r="E143" s="3"/>
      <c r="F143" s="3"/>
      <c r="G143" s="3"/>
      <c r="H143" s="3"/>
      <c r="I143" s="3"/>
      <c r="J143" s="3"/>
      <c r="K143" s="3"/>
    </row>
    <row r="144" spans="2:11" x14ac:dyDescent="0.2">
      <c r="B144" s="3"/>
      <c r="C144" s="3"/>
      <c r="D144" s="3"/>
      <c r="E144" s="3"/>
      <c r="F144" s="3"/>
      <c r="G144" s="3"/>
      <c r="H144" s="3"/>
      <c r="I144" s="3"/>
      <c r="J144" s="3"/>
      <c r="K144" s="3"/>
    </row>
    <row r="145" spans="2:11" x14ac:dyDescent="0.2">
      <c r="B145" s="3"/>
      <c r="C145" s="3"/>
      <c r="D145" s="3"/>
      <c r="E145" s="3"/>
      <c r="F145" s="3"/>
      <c r="G145" s="3"/>
      <c r="H145" s="3"/>
      <c r="I145" s="3"/>
      <c r="J145" s="3"/>
      <c r="K145" s="3"/>
    </row>
    <row r="146" spans="2:11" x14ac:dyDescent="0.2">
      <c r="B146" s="3"/>
      <c r="C146" s="3"/>
      <c r="D146" s="3"/>
      <c r="E146" s="3"/>
      <c r="F146" s="3"/>
      <c r="G146" s="3"/>
      <c r="H146" s="3"/>
      <c r="I146" s="3"/>
      <c r="J146" s="3"/>
      <c r="K146" s="3"/>
    </row>
    <row r="147" spans="2:11" x14ac:dyDescent="0.2">
      <c r="B147" s="3"/>
      <c r="C147" s="3"/>
      <c r="D147" s="3"/>
      <c r="E147" s="3"/>
      <c r="F147" s="3"/>
      <c r="G147" s="3"/>
      <c r="H147" s="3"/>
      <c r="I147" s="3"/>
      <c r="J147" s="3"/>
      <c r="K147" s="3"/>
    </row>
    <row r="148" spans="2:11" x14ac:dyDescent="0.2">
      <c r="B148" s="3"/>
      <c r="C148" s="3"/>
      <c r="D148" s="3"/>
      <c r="E148" s="3"/>
      <c r="F148" s="3"/>
      <c r="G148" s="3"/>
      <c r="H148" s="3"/>
      <c r="I148" s="3"/>
      <c r="J148" s="3"/>
      <c r="K148" s="3"/>
    </row>
    <row r="149" spans="2:11" x14ac:dyDescent="0.2">
      <c r="B149" s="3"/>
      <c r="C149" s="3"/>
      <c r="D149" s="3"/>
      <c r="E149" s="3"/>
      <c r="F149" s="3"/>
      <c r="G149" s="3"/>
      <c r="H149" s="3"/>
      <c r="I149" s="3"/>
      <c r="J149" s="3"/>
      <c r="K149" s="3"/>
    </row>
    <row r="150" spans="2:11" x14ac:dyDescent="0.2">
      <c r="B150" s="3"/>
      <c r="C150" s="3"/>
      <c r="D150" s="3"/>
      <c r="E150" s="3"/>
      <c r="F150" s="3"/>
      <c r="G150" s="3"/>
      <c r="H150" s="3"/>
      <c r="I150" s="3"/>
      <c r="J150" s="3"/>
      <c r="K150" s="3"/>
    </row>
    <row r="151" spans="2:11" x14ac:dyDescent="0.2">
      <c r="B151" s="3"/>
      <c r="C151" s="3"/>
      <c r="D151" s="3"/>
      <c r="E151" s="3"/>
      <c r="F151" s="3"/>
      <c r="G151" s="3"/>
      <c r="H151" s="3"/>
      <c r="I151" s="3"/>
      <c r="J151" s="3"/>
      <c r="K151" s="3"/>
    </row>
    <row r="152" spans="2:11" x14ac:dyDescent="0.2">
      <c r="B152" s="3"/>
      <c r="C152" s="3"/>
      <c r="D152" s="3"/>
      <c r="E152" s="3"/>
      <c r="F152" s="3"/>
      <c r="G152" s="3"/>
      <c r="H152" s="3"/>
      <c r="I152" s="3"/>
      <c r="J152" s="3"/>
      <c r="K152" s="3"/>
    </row>
    <row r="153" spans="2:11" x14ac:dyDescent="0.2">
      <c r="B153" s="3"/>
      <c r="C153" s="3"/>
      <c r="D153" s="3"/>
      <c r="E153" s="3"/>
      <c r="F153" s="3"/>
      <c r="G153" s="3"/>
      <c r="H153" s="3"/>
      <c r="I153" s="3"/>
      <c r="J153" s="3"/>
      <c r="K153" s="3"/>
    </row>
    <row r="154" spans="2:11" x14ac:dyDescent="0.2">
      <c r="B154" s="3"/>
      <c r="C154" s="3"/>
      <c r="D154" s="3"/>
      <c r="E154" s="3"/>
      <c r="F154" s="3"/>
      <c r="G154" s="3"/>
      <c r="H154" s="3"/>
      <c r="I154" s="3"/>
      <c r="J154" s="3"/>
      <c r="K154" s="3"/>
    </row>
    <row r="155" spans="2:11" x14ac:dyDescent="0.2">
      <c r="B155" s="3"/>
      <c r="C155" s="3"/>
      <c r="D155" s="3"/>
      <c r="E155" s="3"/>
      <c r="F155" s="3"/>
      <c r="G155" s="3"/>
      <c r="H155" s="3"/>
      <c r="I155" s="3"/>
      <c r="J155" s="3"/>
      <c r="K155" s="3"/>
    </row>
    <row r="156" spans="2:11" x14ac:dyDescent="0.2">
      <c r="B156" s="3"/>
      <c r="C156" s="3"/>
      <c r="D156" s="3"/>
      <c r="E156" s="3"/>
      <c r="F156" s="3"/>
      <c r="G156" s="3"/>
      <c r="H156" s="3"/>
      <c r="I156" s="3"/>
      <c r="J156" s="3"/>
      <c r="K156" s="3"/>
    </row>
    <row r="157" spans="2:11" x14ac:dyDescent="0.2">
      <c r="B157" s="3"/>
      <c r="C157" s="3"/>
      <c r="D157" s="3"/>
      <c r="E157" s="3"/>
      <c r="F157" s="3"/>
      <c r="G157" s="3"/>
      <c r="H157" s="3"/>
      <c r="I157" s="3"/>
      <c r="J157" s="3"/>
      <c r="K157" s="3"/>
    </row>
    <row r="158" spans="2:11" x14ac:dyDescent="0.2">
      <c r="B158" s="3"/>
      <c r="C158" s="3"/>
      <c r="D158" s="3"/>
      <c r="E158" s="3"/>
      <c r="F158" s="3"/>
      <c r="G158" s="3"/>
      <c r="H158" s="3"/>
      <c r="I158" s="3"/>
      <c r="J158" s="3"/>
      <c r="K158" s="3"/>
    </row>
    <row r="159" spans="2:11" x14ac:dyDescent="0.2">
      <c r="B159" s="3"/>
      <c r="C159" s="3"/>
      <c r="D159" s="3"/>
      <c r="E159" s="3"/>
      <c r="F159" s="3"/>
      <c r="G159" s="3"/>
      <c r="H159" s="3"/>
      <c r="I159" s="3"/>
      <c r="J159" s="3"/>
      <c r="K159" s="3"/>
    </row>
    <row r="160" spans="2:11" x14ac:dyDescent="0.2">
      <c r="B160" s="3"/>
      <c r="C160" s="3"/>
      <c r="D160" s="3"/>
      <c r="E160" s="3"/>
      <c r="F160" s="3"/>
      <c r="G160" s="3"/>
      <c r="H160" s="3"/>
      <c r="I160" s="3"/>
      <c r="J160" s="3"/>
      <c r="K160" s="3"/>
    </row>
    <row r="161" spans="2:11" x14ac:dyDescent="0.2">
      <c r="B161" s="3"/>
      <c r="C161" s="3"/>
      <c r="D161" s="3"/>
      <c r="E161" s="3"/>
      <c r="F161" s="3"/>
      <c r="G161" s="3"/>
      <c r="H161" s="3"/>
      <c r="I161" s="3"/>
      <c r="J161" s="3"/>
      <c r="K161" s="3"/>
    </row>
    <row r="162" spans="2:11" x14ac:dyDescent="0.2">
      <c r="B162" s="3"/>
      <c r="C162" s="3"/>
      <c r="D162" s="3"/>
      <c r="E162" s="3"/>
      <c r="F162" s="3"/>
      <c r="G162" s="3"/>
      <c r="H162" s="3"/>
      <c r="I162" s="3"/>
      <c r="J162" s="3"/>
      <c r="K162" s="3"/>
    </row>
    <row r="163" spans="2:11" x14ac:dyDescent="0.2">
      <c r="B163" s="3"/>
      <c r="C163" s="3"/>
      <c r="D163" s="3"/>
      <c r="E163" s="3"/>
      <c r="F163" s="3"/>
      <c r="G163" s="3"/>
      <c r="H163" s="3"/>
      <c r="I163" s="3"/>
      <c r="J163" s="3"/>
      <c r="K163" s="3"/>
    </row>
    <row r="164" spans="2:11" x14ac:dyDescent="0.2">
      <c r="B164" s="3"/>
      <c r="C164" s="3"/>
      <c r="D164" s="3"/>
      <c r="E164" s="3"/>
      <c r="F164" s="3"/>
      <c r="G164" s="3"/>
      <c r="H164" s="3"/>
      <c r="I164" s="3"/>
      <c r="J164" s="3"/>
      <c r="K164" s="3"/>
    </row>
    <row r="165" spans="2:11" x14ac:dyDescent="0.2">
      <c r="B165" s="3"/>
      <c r="C165" s="3"/>
      <c r="D165" s="3"/>
      <c r="E165" s="3"/>
      <c r="F165" s="3"/>
      <c r="G165" s="3"/>
      <c r="H165" s="3"/>
      <c r="I165" s="3"/>
      <c r="J165" s="3"/>
      <c r="K165" s="3"/>
    </row>
    <row r="166" spans="2:11" x14ac:dyDescent="0.2">
      <c r="B166" s="3"/>
      <c r="C166" s="3"/>
      <c r="D166" s="3"/>
      <c r="E166" s="3"/>
      <c r="F166" s="3"/>
      <c r="G166" s="3"/>
      <c r="H166" s="3"/>
      <c r="I166" s="3"/>
      <c r="J166" s="3"/>
      <c r="K166" s="3"/>
    </row>
    <row r="167" spans="2:11" x14ac:dyDescent="0.2">
      <c r="B167" s="3"/>
      <c r="C167" s="3"/>
      <c r="D167" s="3"/>
      <c r="E167" s="3"/>
      <c r="F167" s="3"/>
      <c r="G167" s="3"/>
      <c r="H167" s="3"/>
      <c r="I167" s="3"/>
      <c r="J167" s="3"/>
      <c r="K167" s="3"/>
    </row>
    <row r="168" spans="2:11" x14ac:dyDescent="0.2">
      <c r="B168" s="3"/>
      <c r="C168" s="3"/>
      <c r="D168" s="3"/>
      <c r="E168" s="3"/>
      <c r="F168" s="3"/>
      <c r="G168" s="3"/>
      <c r="H168" s="3"/>
      <c r="I168" s="3"/>
      <c r="J168" s="3"/>
      <c r="K168" s="3"/>
    </row>
    <row r="169" spans="2:11" x14ac:dyDescent="0.2">
      <c r="B169" s="3"/>
      <c r="C169" s="3"/>
      <c r="D169" s="3"/>
      <c r="E169" s="3"/>
      <c r="F169" s="3"/>
      <c r="G169" s="3"/>
      <c r="H169" s="3"/>
      <c r="I169" s="3"/>
      <c r="J169" s="3"/>
      <c r="K169" s="3"/>
    </row>
    <row r="170" spans="2:11" x14ac:dyDescent="0.2">
      <c r="B170" s="3"/>
      <c r="C170" s="3"/>
      <c r="D170" s="3"/>
      <c r="E170" s="3"/>
      <c r="F170" s="3"/>
      <c r="G170" s="3"/>
      <c r="H170" s="3"/>
      <c r="I170" s="3"/>
      <c r="J170" s="3"/>
      <c r="K170" s="3"/>
    </row>
    <row r="171" spans="2:11" x14ac:dyDescent="0.2">
      <c r="B171" s="3"/>
      <c r="C171" s="3"/>
      <c r="D171" s="3"/>
      <c r="E171" s="3"/>
      <c r="F171" s="3"/>
      <c r="G171" s="3"/>
      <c r="H171" s="3"/>
      <c r="I171" s="3"/>
      <c r="J171" s="3"/>
      <c r="K171" s="3"/>
    </row>
    <row r="172" spans="2:11" x14ac:dyDescent="0.2">
      <c r="B172" s="3"/>
      <c r="C172" s="3"/>
      <c r="D172" s="3"/>
      <c r="E172" s="3"/>
      <c r="F172" s="3"/>
      <c r="G172" s="3"/>
      <c r="H172" s="3"/>
      <c r="I172" s="3"/>
      <c r="J172" s="3"/>
      <c r="K172" s="3"/>
    </row>
    <row r="173" spans="2:11" x14ac:dyDescent="0.2">
      <c r="B173" s="3"/>
      <c r="C173" s="3"/>
      <c r="D173" s="3"/>
      <c r="E173" s="3"/>
      <c r="F173" s="3"/>
      <c r="G173" s="3"/>
      <c r="H173" s="3"/>
      <c r="I173" s="3"/>
      <c r="J173" s="3"/>
      <c r="K173" s="3"/>
    </row>
    <row r="174" spans="2:11" x14ac:dyDescent="0.2">
      <c r="B174" s="3"/>
      <c r="C174" s="3"/>
      <c r="D174" s="3"/>
      <c r="E174" s="3"/>
      <c r="F174" s="3"/>
      <c r="G174" s="3"/>
      <c r="H174" s="3"/>
      <c r="I174" s="3"/>
      <c r="J174" s="3"/>
      <c r="K174" s="3"/>
    </row>
    <row r="175" spans="2:11" x14ac:dyDescent="0.2">
      <c r="B175" s="3"/>
      <c r="C175" s="3"/>
      <c r="D175" s="3"/>
      <c r="E175" s="3"/>
      <c r="F175" s="3"/>
      <c r="G175" s="3"/>
      <c r="H175" s="3"/>
      <c r="I175" s="3"/>
      <c r="J175" s="3"/>
      <c r="K175" s="3"/>
    </row>
    <row r="176" spans="2:11" x14ac:dyDescent="0.2">
      <c r="B176" s="3"/>
      <c r="C176" s="3"/>
      <c r="D176" s="3"/>
      <c r="E176" s="3"/>
      <c r="F176" s="3"/>
      <c r="G176" s="3"/>
      <c r="H176" s="3"/>
      <c r="I176" s="3"/>
      <c r="J176" s="3"/>
      <c r="K176" s="3"/>
    </row>
    <row r="177" spans="2:11" x14ac:dyDescent="0.2">
      <c r="B177" s="3"/>
      <c r="C177" s="3"/>
      <c r="D177" s="3"/>
      <c r="E177" s="3"/>
      <c r="F177" s="3"/>
      <c r="G177" s="3"/>
      <c r="H177" s="3"/>
      <c r="I177" s="3"/>
      <c r="J177" s="3"/>
      <c r="K177" s="3"/>
    </row>
    <row r="178" spans="2:11" x14ac:dyDescent="0.2">
      <c r="B178" s="3"/>
      <c r="C178" s="3"/>
      <c r="D178" s="3"/>
      <c r="E178" s="3"/>
      <c r="F178" s="3"/>
      <c r="G178" s="3"/>
      <c r="H178" s="3"/>
      <c r="I178" s="3"/>
      <c r="J178" s="3"/>
      <c r="K178" s="3"/>
    </row>
    <row r="179" spans="2:11" x14ac:dyDescent="0.2">
      <c r="B179" s="3"/>
      <c r="C179" s="3"/>
      <c r="D179" s="3"/>
      <c r="E179" s="3"/>
      <c r="F179" s="3"/>
      <c r="G179" s="3"/>
      <c r="H179" s="3"/>
      <c r="I179" s="3"/>
      <c r="J179" s="3"/>
      <c r="K179" s="3"/>
    </row>
    <row r="180" spans="2:11" x14ac:dyDescent="0.2">
      <c r="B180" s="3"/>
      <c r="C180" s="3"/>
      <c r="D180" s="3"/>
      <c r="E180" s="3"/>
      <c r="F180" s="3"/>
      <c r="G180" s="3"/>
      <c r="H180" s="3"/>
      <c r="I180" s="3"/>
      <c r="J180" s="3"/>
      <c r="K180" s="3"/>
    </row>
    <row r="181" spans="2:11" x14ac:dyDescent="0.2">
      <c r="B181" s="3"/>
      <c r="C181" s="3"/>
      <c r="D181" s="3"/>
      <c r="E181" s="3"/>
      <c r="F181" s="3"/>
      <c r="G181" s="3"/>
      <c r="H181" s="3"/>
      <c r="I181" s="3"/>
      <c r="J181" s="3"/>
      <c r="K181" s="3"/>
    </row>
    <row r="182" spans="2:11" x14ac:dyDescent="0.2">
      <c r="B182" s="3"/>
      <c r="C182" s="3"/>
      <c r="D182" s="3"/>
      <c r="E182" s="3"/>
      <c r="F182" s="3"/>
      <c r="G182" s="3"/>
      <c r="H182" s="3"/>
      <c r="I182" s="3"/>
      <c r="J182" s="3"/>
      <c r="K182" s="3"/>
    </row>
    <row r="183" spans="2:11" x14ac:dyDescent="0.2">
      <c r="B183" s="3"/>
      <c r="C183" s="3"/>
      <c r="D183" s="3"/>
      <c r="E183" s="3"/>
      <c r="F183" s="3"/>
      <c r="G183" s="3"/>
      <c r="H183" s="3"/>
      <c r="I183" s="3"/>
      <c r="J183" s="3"/>
      <c r="K183" s="3"/>
    </row>
    <row r="184" spans="2:11" x14ac:dyDescent="0.2">
      <c r="B184" s="3"/>
      <c r="C184" s="3"/>
      <c r="D184" s="3"/>
      <c r="E184" s="3"/>
      <c r="F184" s="3"/>
      <c r="G184" s="3"/>
      <c r="H184" s="3"/>
      <c r="I184" s="3"/>
      <c r="J184" s="3"/>
      <c r="K184" s="3"/>
    </row>
    <row r="185" spans="2:11" x14ac:dyDescent="0.2">
      <c r="B185" s="3"/>
      <c r="C185" s="3"/>
      <c r="D185" s="3"/>
      <c r="E185" s="3"/>
      <c r="F185" s="3"/>
      <c r="G185" s="3"/>
      <c r="H185" s="3"/>
      <c r="I185" s="3"/>
      <c r="J185" s="3"/>
      <c r="K185" s="3"/>
    </row>
    <row r="186" spans="2:11" x14ac:dyDescent="0.2">
      <c r="B186" s="3"/>
      <c r="C186" s="3"/>
      <c r="D186" s="3"/>
      <c r="E186" s="3"/>
      <c r="F186" s="3"/>
      <c r="G186" s="3"/>
      <c r="H186" s="3"/>
      <c r="I186" s="3"/>
      <c r="J186" s="3"/>
      <c r="K186" s="3"/>
    </row>
    <row r="187" spans="2:11" x14ac:dyDescent="0.2">
      <c r="B187" s="3"/>
      <c r="C187" s="3"/>
      <c r="D187" s="3"/>
      <c r="E187" s="3"/>
      <c r="F187" s="3"/>
      <c r="G187" s="3"/>
      <c r="H187" s="3"/>
      <c r="I187" s="3"/>
      <c r="J187" s="3"/>
      <c r="K187" s="3"/>
    </row>
    <row r="188" spans="2:11" x14ac:dyDescent="0.2">
      <c r="B188" s="3"/>
      <c r="C188" s="3"/>
      <c r="D188" s="3"/>
      <c r="E188" s="3"/>
      <c r="F188" s="3"/>
      <c r="G188" s="3"/>
      <c r="H188" s="3"/>
      <c r="I188" s="3"/>
      <c r="J188" s="3"/>
      <c r="K188" s="3"/>
    </row>
    <row r="189" spans="2:11" x14ac:dyDescent="0.2">
      <c r="B189" s="3"/>
      <c r="C189" s="3"/>
      <c r="D189" s="3"/>
      <c r="E189" s="3"/>
      <c r="F189" s="3"/>
      <c r="G189" s="3"/>
      <c r="H189" s="3"/>
      <c r="I189" s="3"/>
      <c r="J189" s="3"/>
      <c r="K189" s="3"/>
    </row>
    <row r="190" spans="2:11" x14ac:dyDescent="0.2">
      <c r="B190" s="3"/>
      <c r="C190" s="3"/>
      <c r="D190" s="3"/>
      <c r="E190" s="3"/>
      <c r="F190" s="3"/>
      <c r="G190" s="3"/>
      <c r="H190" s="3"/>
      <c r="I190" s="3"/>
      <c r="J190" s="3"/>
      <c r="K190" s="3"/>
    </row>
    <row r="191" spans="2:11" x14ac:dyDescent="0.2">
      <c r="B191" s="3"/>
      <c r="C191" s="3"/>
      <c r="D191" s="3"/>
      <c r="E191" s="3"/>
      <c r="F191" s="3"/>
      <c r="G191" s="3"/>
      <c r="H191" s="3"/>
      <c r="I191" s="3"/>
      <c r="J191" s="3"/>
      <c r="K191" s="3"/>
    </row>
    <row r="192" spans="2:11" x14ac:dyDescent="0.2">
      <c r="B192" s="3"/>
      <c r="C192" s="3"/>
      <c r="D192" s="3"/>
      <c r="E192" s="3"/>
      <c r="F192" s="3"/>
      <c r="G192" s="3"/>
      <c r="H192" s="3"/>
      <c r="I192" s="3"/>
      <c r="J192" s="3"/>
      <c r="K192" s="3"/>
    </row>
    <row r="193" spans="2:11" x14ac:dyDescent="0.2">
      <c r="B193" s="3"/>
      <c r="C193" s="3"/>
      <c r="D193" s="3"/>
      <c r="E193" s="3"/>
      <c r="F193" s="3"/>
      <c r="G193" s="3"/>
      <c r="H193" s="3"/>
      <c r="I193" s="3"/>
      <c r="J193" s="3"/>
      <c r="K193" s="3"/>
    </row>
    <row r="194" spans="2:11" x14ac:dyDescent="0.2">
      <c r="B194" s="3"/>
      <c r="C194" s="3"/>
      <c r="D194" s="3"/>
      <c r="E194" s="3"/>
      <c r="F194" s="3"/>
      <c r="G194" s="3"/>
      <c r="H194" s="3"/>
      <c r="I194" s="3"/>
      <c r="J194" s="3"/>
      <c r="K194" s="3"/>
    </row>
    <row r="195" spans="2:11" x14ac:dyDescent="0.2">
      <c r="B195" s="3"/>
      <c r="C195" s="3"/>
      <c r="D195" s="3"/>
      <c r="E195" s="3"/>
      <c r="F195" s="3"/>
      <c r="G195" s="3"/>
      <c r="H195" s="3"/>
      <c r="I195" s="3"/>
      <c r="J195" s="3"/>
      <c r="K195" s="3"/>
    </row>
    <row r="196" spans="2:11" x14ac:dyDescent="0.2">
      <c r="B196" s="3"/>
      <c r="C196" s="3"/>
      <c r="D196" s="3"/>
      <c r="E196" s="3"/>
      <c r="F196" s="3"/>
      <c r="G196" s="3"/>
      <c r="H196" s="3"/>
      <c r="I196" s="3"/>
      <c r="J196" s="3"/>
      <c r="K196" s="3"/>
    </row>
    <row r="197" spans="2:11" x14ac:dyDescent="0.2">
      <c r="B197" s="3"/>
      <c r="C197" s="3"/>
      <c r="D197" s="3"/>
      <c r="E197" s="3"/>
      <c r="F197" s="3"/>
      <c r="G197" s="3"/>
      <c r="H197" s="3"/>
      <c r="I197" s="3"/>
      <c r="J197" s="3"/>
      <c r="K197" s="3"/>
    </row>
    <row r="198" spans="2:11" x14ac:dyDescent="0.2">
      <c r="B198" s="3"/>
      <c r="C198" s="3"/>
      <c r="D198" s="3"/>
      <c r="E198" s="3"/>
      <c r="F198" s="3"/>
      <c r="G198" s="3"/>
      <c r="H198" s="3"/>
      <c r="I198" s="3"/>
      <c r="J198" s="3"/>
      <c r="K198" s="3"/>
    </row>
    <row r="199" spans="2:11" x14ac:dyDescent="0.2">
      <c r="B199" s="3"/>
      <c r="C199" s="3"/>
      <c r="D199" s="3"/>
      <c r="E199" s="3"/>
      <c r="F199" s="3"/>
      <c r="G199" s="3"/>
      <c r="H199" s="3"/>
      <c r="I199" s="3"/>
      <c r="J199" s="3"/>
      <c r="K199" s="3"/>
    </row>
    <row r="200" spans="2:11" x14ac:dyDescent="0.2">
      <c r="B200" s="3"/>
      <c r="C200" s="3"/>
      <c r="D200" s="3"/>
      <c r="E200" s="3"/>
      <c r="F200" s="3"/>
      <c r="G200" s="3"/>
      <c r="H200" s="3"/>
      <c r="I200" s="3"/>
      <c r="J200" s="3"/>
      <c r="K200" s="3"/>
    </row>
    <row r="201" spans="2:11" x14ac:dyDescent="0.2">
      <c r="B201" s="3"/>
      <c r="C201" s="3"/>
      <c r="D201" s="3"/>
      <c r="E201" s="3"/>
      <c r="F201" s="3"/>
      <c r="G201" s="3"/>
      <c r="H201" s="3"/>
      <c r="I201" s="3"/>
      <c r="J201" s="3"/>
      <c r="K201" s="3"/>
    </row>
    <row r="202" spans="2:11" x14ac:dyDescent="0.2">
      <c r="B202" s="3"/>
      <c r="C202" s="3"/>
      <c r="D202" s="3"/>
      <c r="E202" s="3"/>
      <c r="F202" s="3"/>
      <c r="G202" s="3"/>
      <c r="H202" s="3"/>
      <c r="I202" s="3"/>
      <c r="J202" s="3"/>
      <c r="K202" s="3"/>
    </row>
    <row r="203" spans="2:11" x14ac:dyDescent="0.2">
      <c r="B203" s="3"/>
      <c r="C203" s="3"/>
      <c r="D203" s="3"/>
      <c r="E203" s="3"/>
      <c r="F203" s="3"/>
      <c r="G203" s="3"/>
      <c r="H203" s="3"/>
      <c r="I203" s="3"/>
      <c r="J203" s="3"/>
      <c r="K203" s="3"/>
    </row>
    <row r="204" spans="2:11" x14ac:dyDescent="0.2">
      <c r="B204" s="3"/>
      <c r="C204" s="3"/>
      <c r="D204" s="3"/>
      <c r="E204" s="3"/>
      <c r="F204" s="3"/>
      <c r="G204" s="3"/>
      <c r="H204" s="3"/>
      <c r="I204" s="3"/>
      <c r="J204" s="3"/>
      <c r="K204" s="3"/>
    </row>
    <row r="205" spans="2:11" x14ac:dyDescent="0.2">
      <c r="B205" s="3"/>
      <c r="C205" s="3"/>
      <c r="D205" s="3"/>
      <c r="E205" s="3"/>
      <c r="F205" s="3"/>
      <c r="G205" s="3"/>
      <c r="H205" s="3"/>
      <c r="I205" s="3"/>
      <c r="J205" s="3"/>
      <c r="K205" s="3"/>
    </row>
    <row r="206" spans="2:11" x14ac:dyDescent="0.2">
      <c r="B206" s="3"/>
      <c r="C206" s="3"/>
      <c r="D206" s="3"/>
      <c r="E206" s="3"/>
      <c r="F206" s="3"/>
      <c r="G206" s="3"/>
      <c r="H206" s="3"/>
      <c r="I206" s="3"/>
      <c r="J206" s="3"/>
      <c r="K206" s="3"/>
    </row>
    <row r="207" spans="2:11" x14ac:dyDescent="0.2">
      <c r="B207" s="3"/>
      <c r="C207" s="3"/>
      <c r="D207" s="3"/>
      <c r="E207" s="3"/>
      <c r="F207" s="3"/>
      <c r="G207" s="3"/>
      <c r="H207" s="3"/>
      <c r="I207" s="3"/>
      <c r="J207" s="3"/>
      <c r="K207" s="3"/>
    </row>
    <row r="208" spans="2:11" x14ac:dyDescent="0.2">
      <c r="B208" s="3"/>
      <c r="C208" s="3"/>
      <c r="D208" s="3"/>
      <c r="E208" s="3"/>
      <c r="F208" s="3"/>
      <c r="G208" s="3"/>
      <c r="H208" s="3"/>
      <c r="I208" s="3"/>
      <c r="J208" s="3"/>
      <c r="K208" s="3"/>
    </row>
    <row r="209" spans="2:11" x14ac:dyDescent="0.2">
      <c r="B209" s="3"/>
      <c r="C209" s="3"/>
      <c r="D209" s="3"/>
      <c r="E209" s="3"/>
      <c r="F209" s="3"/>
      <c r="G209" s="3"/>
      <c r="H209" s="3"/>
      <c r="I209" s="3"/>
      <c r="J209" s="3"/>
      <c r="K209" s="3"/>
    </row>
    <row r="210" spans="2:11" x14ac:dyDescent="0.2">
      <c r="B210" s="3"/>
      <c r="C210" s="3"/>
      <c r="D210" s="3"/>
      <c r="E210" s="3"/>
      <c r="F210" s="3"/>
      <c r="G210" s="3"/>
      <c r="H210" s="3"/>
      <c r="I210" s="3"/>
      <c r="J210" s="3"/>
      <c r="K210" s="3"/>
    </row>
    <row r="211" spans="2:11" x14ac:dyDescent="0.2">
      <c r="B211" s="3"/>
      <c r="C211" s="3"/>
      <c r="D211" s="3"/>
      <c r="E211" s="3"/>
      <c r="F211" s="3"/>
      <c r="G211" s="3"/>
      <c r="H211" s="3"/>
      <c r="I211" s="3"/>
      <c r="J211" s="3"/>
      <c r="K211" s="3"/>
    </row>
    <row r="212" spans="2:11" x14ac:dyDescent="0.2">
      <c r="B212" s="3"/>
      <c r="C212" s="3"/>
      <c r="D212" s="3"/>
      <c r="E212" s="3"/>
      <c r="F212" s="3"/>
      <c r="G212" s="3"/>
      <c r="H212" s="3"/>
      <c r="I212" s="3"/>
      <c r="J212" s="3"/>
      <c r="K212" s="3"/>
    </row>
    <row r="213" spans="2:11" x14ac:dyDescent="0.2">
      <c r="B213" s="3"/>
      <c r="C213" s="3"/>
      <c r="D213" s="3"/>
      <c r="E213" s="3"/>
      <c r="F213" s="3"/>
      <c r="G213" s="3"/>
      <c r="H213" s="3"/>
      <c r="I213" s="3"/>
      <c r="J213" s="3"/>
      <c r="K213" s="3"/>
    </row>
    <row r="214" spans="2:11" x14ac:dyDescent="0.2">
      <c r="B214" s="3"/>
      <c r="C214" s="3"/>
      <c r="D214" s="3"/>
      <c r="E214" s="3"/>
      <c r="F214" s="3"/>
      <c r="G214" s="3"/>
      <c r="H214" s="3"/>
      <c r="I214" s="3"/>
      <c r="J214" s="3"/>
      <c r="K214" s="3"/>
    </row>
    <row r="215" spans="2:11" x14ac:dyDescent="0.2">
      <c r="B215" s="3"/>
      <c r="C215" s="3"/>
      <c r="D215" s="3"/>
      <c r="E215" s="3"/>
      <c r="F215" s="3"/>
      <c r="G215" s="3"/>
      <c r="H215" s="3"/>
      <c r="I215" s="3"/>
      <c r="J215" s="3"/>
      <c r="K215" s="3"/>
    </row>
    <row r="216" spans="2:11" x14ac:dyDescent="0.2">
      <c r="B216" s="3"/>
      <c r="C216" s="3"/>
      <c r="D216" s="3"/>
      <c r="E216" s="3"/>
      <c r="F216" s="3"/>
      <c r="G216" s="3"/>
      <c r="H216" s="3"/>
      <c r="I216" s="3"/>
      <c r="J216" s="3"/>
      <c r="K216" s="3"/>
    </row>
    <row r="217" spans="2:11" x14ac:dyDescent="0.2">
      <c r="B217" s="3"/>
      <c r="C217" s="3"/>
      <c r="D217" s="3"/>
      <c r="E217" s="3"/>
      <c r="F217" s="3"/>
      <c r="G217" s="3"/>
      <c r="H217" s="3"/>
      <c r="I217" s="3"/>
      <c r="J217" s="3"/>
      <c r="K217" s="3"/>
    </row>
    <row r="218" spans="2:11" x14ac:dyDescent="0.2">
      <c r="B218" s="3"/>
      <c r="C218" s="3"/>
      <c r="D218" s="3"/>
      <c r="E218" s="3"/>
      <c r="F218" s="3"/>
      <c r="G218" s="3"/>
      <c r="H218" s="3"/>
      <c r="I218" s="3"/>
      <c r="J218" s="3"/>
      <c r="K218" s="3"/>
    </row>
  </sheetData>
  <mergeCells count="18">
    <mergeCell ref="F1:G1"/>
    <mergeCell ref="A3:A4"/>
    <mergeCell ref="B3:K3"/>
    <mergeCell ref="L3:U3"/>
    <mergeCell ref="B4:D4"/>
    <mergeCell ref="E4:J4"/>
    <mergeCell ref="K4:K5"/>
    <mergeCell ref="V3:AE3"/>
    <mergeCell ref="AF3:AO3"/>
    <mergeCell ref="L4:N4"/>
    <mergeCell ref="O4:T4"/>
    <mergeCell ref="U4:U5"/>
    <mergeCell ref="V4:X4"/>
    <mergeCell ref="Y4:AD4"/>
    <mergeCell ref="AE4:AE5"/>
    <mergeCell ref="AF4:AH4"/>
    <mergeCell ref="AI4:AN4"/>
    <mergeCell ref="AO4:AO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P218"/>
  <sheetViews>
    <sheetView zoomScaleNormal="100" zoomScaleSheetLayoutView="55" workbookViewId="0">
      <pane xSplit="1" ySplit="6" topLeftCell="B7"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12.6640625" style="1" customWidth="1"/>
    <col min="2" max="2" width="8.88671875" style="1" customWidth="1"/>
    <col min="3" max="3" width="8.109375" style="1" customWidth="1"/>
    <col min="4" max="4" width="10.109375" style="1" bestFit="1" customWidth="1"/>
    <col min="5" max="10" width="9" style="1"/>
    <col min="11" max="11" width="9.6640625" style="1" customWidth="1"/>
    <col min="12" max="21" width="8.77734375" style="1" customWidth="1"/>
    <col min="22" max="41" width="9.6640625" style="1" customWidth="1"/>
    <col min="42" max="16384" width="9" style="1"/>
  </cols>
  <sheetData>
    <row r="1" spans="1:42" ht="25.5" customHeight="1" x14ac:dyDescent="0.2">
      <c r="A1" s="20" t="s">
        <v>56</v>
      </c>
      <c r="D1" s="520">
        <f>第１表!F2</f>
        <v>4</v>
      </c>
      <c r="E1" s="280">
        <f>第１表!G2</f>
        <v>4</v>
      </c>
      <c r="F1" s="575">
        <f>IF(E1&lt;3,E1-2+12,E1-2)</f>
        <v>2</v>
      </c>
      <c r="G1" s="575"/>
    </row>
    <row r="2" spans="1:42" ht="17.25" customHeight="1" thickBot="1" x14ac:dyDescent="0.25">
      <c r="A2" s="20" t="s">
        <v>159</v>
      </c>
      <c r="E2" s="20" t="s">
        <v>140</v>
      </c>
    </row>
    <row r="3" spans="1:42" ht="24.75" customHeight="1" x14ac:dyDescent="0.2">
      <c r="A3" s="621"/>
      <c r="B3" s="611" t="s">
        <v>57</v>
      </c>
      <c r="C3" s="612"/>
      <c r="D3" s="612"/>
      <c r="E3" s="612"/>
      <c r="F3" s="612"/>
      <c r="G3" s="612"/>
      <c r="H3" s="612"/>
      <c r="I3" s="612"/>
      <c r="J3" s="612"/>
      <c r="K3" s="612"/>
      <c r="L3" s="611" t="s">
        <v>58</v>
      </c>
      <c r="M3" s="624"/>
      <c r="N3" s="624"/>
      <c r="O3" s="624"/>
      <c r="P3" s="624"/>
      <c r="Q3" s="624"/>
      <c r="R3" s="624"/>
      <c r="S3" s="624"/>
      <c r="T3" s="624"/>
      <c r="U3" s="624"/>
      <c r="V3" s="611" t="s">
        <v>59</v>
      </c>
      <c r="W3" s="612"/>
      <c r="X3" s="612"/>
      <c r="Y3" s="612"/>
      <c r="Z3" s="612"/>
      <c r="AA3" s="612"/>
      <c r="AB3" s="612"/>
      <c r="AC3" s="612"/>
      <c r="AD3" s="612"/>
      <c r="AE3" s="612"/>
      <c r="AF3" s="620" t="s">
        <v>151</v>
      </c>
      <c r="AG3" s="612"/>
      <c r="AH3" s="612"/>
      <c r="AI3" s="612"/>
      <c r="AJ3" s="612"/>
      <c r="AK3" s="612"/>
      <c r="AL3" s="612"/>
      <c r="AM3" s="612"/>
      <c r="AN3" s="612"/>
      <c r="AO3" s="613"/>
    </row>
    <row r="4" spans="1:42" ht="24.75" customHeight="1" x14ac:dyDescent="0.2">
      <c r="A4" s="623"/>
      <c r="B4" s="593" t="s">
        <v>61</v>
      </c>
      <c r="C4" s="594"/>
      <c r="D4" s="595"/>
      <c r="E4" s="596" t="s">
        <v>62</v>
      </c>
      <c r="F4" s="597"/>
      <c r="G4" s="597"/>
      <c r="H4" s="597"/>
      <c r="I4" s="597"/>
      <c r="J4" s="598"/>
      <c r="K4" s="608" t="s">
        <v>52</v>
      </c>
      <c r="L4" s="593" t="s">
        <v>61</v>
      </c>
      <c r="M4" s="594"/>
      <c r="N4" s="595"/>
      <c r="O4" s="596" t="s">
        <v>62</v>
      </c>
      <c r="P4" s="597"/>
      <c r="Q4" s="597"/>
      <c r="R4" s="597"/>
      <c r="S4" s="597"/>
      <c r="T4" s="598"/>
      <c r="U4" s="599" t="s">
        <v>52</v>
      </c>
      <c r="V4" s="593" t="s">
        <v>61</v>
      </c>
      <c r="W4" s="594"/>
      <c r="X4" s="595"/>
      <c r="Y4" s="596" t="s">
        <v>62</v>
      </c>
      <c r="Z4" s="597"/>
      <c r="AA4" s="597"/>
      <c r="AB4" s="597"/>
      <c r="AC4" s="597"/>
      <c r="AD4" s="598"/>
      <c r="AE4" s="608" t="s">
        <v>52</v>
      </c>
      <c r="AF4" s="593" t="s">
        <v>61</v>
      </c>
      <c r="AG4" s="594"/>
      <c r="AH4" s="595"/>
      <c r="AI4" s="596" t="s">
        <v>62</v>
      </c>
      <c r="AJ4" s="597"/>
      <c r="AK4" s="597"/>
      <c r="AL4" s="597"/>
      <c r="AM4" s="597"/>
      <c r="AN4" s="598"/>
      <c r="AO4" s="599" t="s">
        <v>52</v>
      </c>
    </row>
    <row r="5" spans="1:42" ht="24.75" customHeight="1" thickBot="1" x14ac:dyDescent="0.25">
      <c r="A5" s="408" t="s">
        <v>42</v>
      </c>
      <c r="B5" s="31" t="s">
        <v>43</v>
      </c>
      <c r="C5" s="32" t="s">
        <v>44</v>
      </c>
      <c r="D5" s="32" t="s">
        <v>45</v>
      </c>
      <c r="E5" s="33" t="s">
        <v>47</v>
      </c>
      <c r="F5" s="34" t="s">
        <v>48</v>
      </c>
      <c r="G5" s="34" t="s">
        <v>49</v>
      </c>
      <c r="H5" s="35" t="s">
        <v>50</v>
      </c>
      <c r="I5" s="32" t="s">
        <v>51</v>
      </c>
      <c r="J5" s="36" t="s">
        <v>95</v>
      </c>
      <c r="K5" s="609"/>
      <c r="L5" s="31" t="s">
        <v>43</v>
      </c>
      <c r="M5" s="32" t="s">
        <v>44</v>
      </c>
      <c r="N5" s="36" t="s">
        <v>45</v>
      </c>
      <c r="O5" s="15" t="s">
        <v>47</v>
      </c>
      <c r="P5" s="34" t="s">
        <v>48</v>
      </c>
      <c r="Q5" s="34" t="s">
        <v>49</v>
      </c>
      <c r="R5" s="35" t="s">
        <v>50</v>
      </c>
      <c r="S5" s="32" t="s">
        <v>51</v>
      </c>
      <c r="T5" s="36" t="s">
        <v>45</v>
      </c>
      <c r="U5" s="600"/>
      <c r="V5" s="31" t="s">
        <v>43</v>
      </c>
      <c r="W5" s="32" t="s">
        <v>44</v>
      </c>
      <c r="X5" s="32" t="s">
        <v>45</v>
      </c>
      <c r="Y5" s="33" t="s">
        <v>47</v>
      </c>
      <c r="Z5" s="34" t="s">
        <v>48</v>
      </c>
      <c r="AA5" s="34" t="s">
        <v>49</v>
      </c>
      <c r="AB5" s="35" t="s">
        <v>50</v>
      </c>
      <c r="AC5" s="32" t="s">
        <v>51</v>
      </c>
      <c r="AD5" s="36" t="s">
        <v>45</v>
      </c>
      <c r="AE5" s="609"/>
      <c r="AF5" s="31" t="s">
        <v>43</v>
      </c>
      <c r="AG5" s="32" t="s">
        <v>44</v>
      </c>
      <c r="AH5" s="32" t="s">
        <v>45</v>
      </c>
      <c r="AI5" s="33" t="s">
        <v>47</v>
      </c>
      <c r="AJ5" s="34" t="s">
        <v>48</v>
      </c>
      <c r="AK5" s="34" t="s">
        <v>49</v>
      </c>
      <c r="AL5" s="35" t="s">
        <v>50</v>
      </c>
      <c r="AM5" s="32" t="s">
        <v>51</v>
      </c>
      <c r="AN5" s="36" t="s">
        <v>45</v>
      </c>
      <c r="AO5" s="600"/>
    </row>
    <row r="6" spans="1:42" ht="20.25" customHeight="1" x14ac:dyDescent="0.2">
      <c r="A6" s="407" t="s">
        <v>4</v>
      </c>
      <c r="B6" s="212">
        <v>0</v>
      </c>
      <c r="C6" s="213">
        <v>0</v>
      </c>
      <c r="D6" s="213">
        <v>0</v>
      </c>
      <c r="E6" s="214">
        <v>4</v>
      </c>
      <c r="F6" s="215">
        <v>34</v>
      </c>
      <c r="G6" s="215">
        <v>236</v>
      </c>
      <c r="H6" s="215">
        <v>406</v>
      </c>
      <c r="I6" s="213">
        <v>278</v>
      </c>
      <c r="J6" s="216">
        <v>958</v>
      </c>
      <c r="K6" s="217">
        <v>958</v>
      </c>
      <c r="L6" s="212">
        <v>0</v>
      </c>
      <c r="M6" s="213">
        <v>0</v>
      </c>
      <c r="N6" s="216">
        <v>0</v>
      </c>
      <c r="O6" s="219">
        <v>60</v>
      </c>
      <c r="P6" s="215">
        <v>152</v>
      </c>
      <c r="Q6" s="215">
        <v>203</v>
      </c>
      <c r="R6" s="215">
        <v>251</v>
      </c>
      <c r="S6" s="213">
        <v>118</v>
      </c>
      <c r="T6" s="216">
        <v>784</v>
      </c>
      <c r="U6" s="220">
        <v>784</v>
      </c>
      <c r="V6" s="219">
        <v>0</v>
      </c>
      <c r="W6" s="213">
        <v>0</v>
      </c>
      <c r="X6" s="213">
        <v>0</v>
      </c>
      <c r="Y6" s="214">
        <v>0</v>
      </c>
      <c r="Z6" s="215">
        <v>0</v>
      </c>
      <c r="AA6" s="215">
        <v>1</v>
      </c>
      <c r="AB6" s="215">
        <v>12</v>
      </c>
      <c r="AC6" s="213">
        <v>19</v>
      </c>
      <c r="AD6" s="216">
        <v>32</v>
      </c>
      <c r="AE6" s="217">
        <v>32</v>
      </c>
      <c r="AF6" s="212">
        <v>0</v>
      </c>
      <c r="AG6" s="213">
        <v>0</v>
      </c>
      <c r="AH6" s="213">
        <v>0</v>
      </c>
      <c r="AI6" s="214">
        <v>0</v>
      </c>
      <c r="AJ6" s="215">
        <v>3</v>
      </c>
      <c r="AK6" s="215">
        <v>0</v>
      </c>
      <c r="AL6" s="215">
        <v>8</v>
      </c>
      <c r="AM6" s="213">
        <v>13</v>
      </c>
      <c r="AN6" s="216">
        <v>24</v>
      </c>
      <c r="AO6" s="218">
        <v>24</v>
      </c>
      <c r="AP6" s="37"/>
    </row>
    <row r="7" spans="1:42" ht="20.25" customHeight="1" x14ac:dyDescent="0.2">
      <c r="A7" s="62" t="s">
        <v>5</v>
      </c>
      <c r="B7" s="221">
        <v>0</v>
      </c>
      <c r="C7" s="222">
        <v>0</v>
      </c>
      <c r="D7" s="222">
        <v>0</v>
      </c>
      <c r="E7" s="223">
        <v>3</v>
      </c>
      <c r="F7" s="224">
        <v>21</v>
      </c>
      <c r="G7" s="224">
        <v>111</v>
      </c>
      <c r="H7" s="224">
        <v>179</v>
      </c>
      <c r="I7" s="222">
        <v>137</v>
      </c>
      <c r="J7" s="225">
        <v>451</v>
      </c>
      <c r="K7" s="226">
        <v>451</v>
      </c>
      <c r="L7" s="221">
        <v>0</v>
      </c>
      <c r="M7" s="222">
        <v>0</v>
      </c>
      <c r="N7" s="225">
        <v>0</v>
      </c>
      <c r="O7" s="228">
        <v>27</v>
      </c>
      <c r="P7" s="224">
        <v>78</v>
      </c>
      <c r="Q7" s="224">
        <v>91</v>
      </c>
      <c r="R7" s="224">
        <v>123</v>
      </c>
      <c r="S7" s="222">
        <v>68</v>
      </c>
      <c r="T7" s="225">
        <v>387</v>
      </c>
      <c r="U7" s="229">
        <v>387</v>
      </c>
      <c r="V7" s="228">
        <v>0</v>
      </c>
      <c r="W7" s="222">
        <v>0</v>
      </c>
      <c r="X7" s="222">
        <v>0</v>
      </c>
      <c r="Y7" s="223">
        <v>0</v>
      </c>
      <c r="Z7" s="224">
        <v>0</v>
      </c>
      <c r="AA7" s="224">
        <v>1</v>
      </c>
      <c r="AB7" s="224">
        <v>4</v>
      </c>
      <c r="AC7" s="222">
        <v>5</v>
      </c>
      <c r="AD7" s="225">
        <v>10</v>
      </c>
      <c r="AE7" s="226">
        <v>10</v>
      </c>
      <c r="AF7" s="221">
        <v>0</v>
      </c>
      <c r="AG7" s="222">
        <v>0</v>
      </c>
      <c r="AH7" s="222">
        <v>0</v>
      </c>
      <c r="AI7" s="223">
        <v>0</v>
      </c>
      <c r="AJ7" s="224">
        <v>2</v>
      </c>
      <c r="AK7" s="224">
        <v>0</v>
      </c>
      <c r="AL7" s="224">
        <v>4</v>
      </c>
      <c r="AM7" s="222">
        <v>6</v>
      </c>
      <c r="AN7" s="225">
        <v>12</v>
      </c>
      <c r="AO7" s="227">
        <v>12</v>
      </c>
      <c r="AP7" s="37"/>
    </row>
    <row r="8" spans="1:42" ht="20.25" customHeight="1" x14ac:dyDescent="0.2">
      <c r="A8" s="62" t="s">
        <v>6</v>
      </c>
      <c r="B8" s="221">
        <v>0</v>
      </c>
      <c r="C8" s="222">
        <v>0</v>
      </c>
      <c r="D8" s="222">
        <v>0</v>
      </c>
      <c r="E8" s="223">
        <v>0</v>
      </c>
      <c r="F8" s="224">
        <v>6</v>
      </c>
      <c r="G8" s="224">
        <v>30</v>
      </c>
      <c r="H8" s="224">
        <v>45</v>
      </c>
      <c r="I8" s="222">
        <v>33</v>
      </c>
      <c r="J8" s="225">
        <v>114</v>
      </c>
      <c r="K8" s="226">
        <v>114</v>
      </c>
      <c r="L8" s="221">
        <v>0</v>
      </c>
      <c r="M8" s="222">
        <v>0</v>
      </c>
      <c r="N8" s="225">
        <v>0</v>
      </c>
      <c r="O8" s="228">
        <v>7</v>
      </c>
      <c r="P8" s="224">
        <v>21</v>
      </c>
      <c r="Q8" s="224">
        <v>23</v>
      </c>
      <c r="R8" s="224">
        <v>41</v>
      </c>
      <c r="S8" s="222">
        <v>18</v>
      </c>
      <c r="T8" s="225">
        <v>110</v>
      </c>
      <c r="U8" s="229">
        <v>110</v>
      </c>
      <c r="V8" s="228">
        <v>0</v>
      </c>
      <c r="W8" s="222">
        <v>0</v>
      </c>
      <c r="X8" s="222">
        <v>0</v>
      </c>
      <c r="Y8" s="223">
        <v>0</v>
      </c>
      <c r="Z8" s="224">
        <v>0</v>
      </c>
      <c r="AA8" s="224">
        <v>0</v>
      </c>
      <c r="AB8" s="224">
        <v>8</v>
      </c>
      <c r="AC8" s="222">
        <v>11</v>
      </c>
      <c r="AD8" s="225">
        <v>19</v>
      </c>
      <c r="AE8" s="226">
        <v>19</v>
      </c>
      <c r="AF8" s="221">
        <v>0</v>
      </c>
      <c r="AG8" s="222">
        <v>0</v>
      </c>
      <c r="AH8" s="222">
        <v>0</v>
      </c>
      <c r="AI8" s="223">
        <v>0</v>
      </c>
      <c r="AJ8" s="224">
        <v>0</v>
      </c>
      <c r="AK8" s="224">
        <v>0</v>
      </c>
      <c r="AL8" s="224">
        <v>1</v>
      </c>
      <c r="AM8" s="222">
        <v>1</v>
      </c>
      <c r="AN8" s="225">
        <v>2</v>
      </c>
      <c r="AO8" s="227">
        <v>2</v>
      </c>
      <c r="AP8" s="37"/>
    </row>
    <row r="9" spans="1:42" ht="20.25" customHeight="1" x14ac:dyDescent="0.2">
      <c r="A9" s="62" t="s">
        <v>14</v>
      </c>
      <c r="B9" s="221">
        <v>0</v>
      </c>
      <c r="C9" s="222">
        <v>0</v>
      </c>
      <c r="D9" s="222">
        <v>0</v>
      </c>
      <c r="E9" s="223">
        <v>0</v>
      </c>
      <c r="F9" s="224">
        <v>0</v>
      </c>
      <c r="G9" s="224">
        <v>18</v>
      </c>
      <c r="H9" s="224">
        <v>29</v>
      </c>
      <c r="I9" s="222">
        <v>19</v>
      </c>
      <c r="J9" s="225">
        <v>66</v>
      </c>
      <c r="K9" s="226">
        <v>66</v>
      </c>
      <c r="L9" s="221">
        <v>0</v>
      </c>
      <c r="M9" s="222">
        <v>0</v>
      </c>
      <c r="N9" s="225">
        <v>0</v>
      </c>
      <c r="O9" s="228">
        <v>2</v>
      </c>
      <c r="P9" s="224">
        <v>12</v>
      </c>
      <c r="Q9" s="224">
        <v>9</v>
      </c>
      <c r="R9" s="224">
        <v>13</v>
      </c>
      <c r="S9" s="222">
        <v>2</v>
      </c>
      <c r="T9" s="225">
        <v>38</v>
      </c>
      <c r="U9" s="229">
        <v>38</v>
      </c>
      <c r="V9" s="228">
        <v>0</v>
      </c>
      <c r="W9" s="222">
        <v>0</v>
      </c>
      <c r="X9" s="222">
        <v>0</v>
      </c>
      <c r="Y9" s="223">
        <v>0</v>
      </c>
      <c r="Z9" s="224">
        <v>0</v>
      </c>
      <c r="AA9" s="224">
        <v>0</v>
      </c>
      <c r="AB9" s="224">
        <v>0</v>
      </c>
      <c r="AC9" s="222">
        <v>1</v>
      </c>
      <c r="AD9" s="225">
        <v>1</v>
      </c>
      <c r="AE9" s="226">
        <v>1</v>
      </c>
      <c r="AF9" s="221">
        <v>0</v>
      </c>
      <c r="AG9" s="222">
        <v>0</v>
      </c>
      <c r="AH9" s="222">
        <v>0</v>
      </c>
      <c r="AI9" s="223">
        <v>0</v>
      </c>
      <c r="AJ9" s="224">
        <v>0</v>
      </c>
      <c r="AK9" s="224">
        <v>0</v>
      </c>
      <c r="AL9" s="224">
        <v>2</v>
      </c>
      <c r="AM9" s="222">
        <v>2</v>
      </c>
      <c r="AN9" s="225">
        <v>4</v>
      </c>
      <c r="AO9" s="227">
        <v>4</v>
      </c>
      <c r="AP9" s="37"/>
    </row>
    <row r="10" spans="1:42" ht="20.25" customHeight="1" x14ac:dyDescent="0.2">
      <c r="A10" s="62" t="s">
        <v>7</v>
      </c>
      <c r="B10" s="221">
        <v>0</v>
      </c>
      <c r="C10" s="222">
        <v>0</v>
      </c>
      <c r="D10" s="222">
        <v>0</v>
      </c>
      <c r="E10" s="223">
        <v>0</v>
      </c>
      <c r="F10" s="224">
        <v>1</v>
      </c>
      <c r="G10" s="224">
        <v>2</v>
      </c>
      <c r="H10" s="224">
        <v>20</v>
      </c>
      <c r="I10" s="222">
        <v>12</v>
      </c>
      <c r="J10" s="225">
        <v>35</v>
      </c>
      <c r="K10" s="226">
        <v>35</v>
      </c>
      <c r="L10" s="221">
        <v>0</v>
      </c>
      <c r="M10" s="222">
        <v>0</v>
      </c>
      <c r="N10" s="225">
        <v>0</v>
      </c>
      <c r="O10" s="228">
        <v>1</v>
      </c>
      <c r="P10" s="224">
        <v>6</v>
      </c>
      <c r="Q10" s="224">
        <v>5</v>
      </c>
      <c r="R10" s="224">
        <v>6</v>
      </c>
      <c r="S10" s="222">
        <v>2</v>
      </c>
      <c r="T10" s="225">
        <v>20</v>
      </c>
      <c r="U10" s="229">
        <v>20</v>
      </c>
      <c r="V10" s="228">
        <v>0</v>
      </c>
      <c r="W10" s="222">
        <v>0</v>
      </c>
      <c r="X10" s="222">
        <v>0</v>
      </c>
      <c r="Y10" s="223">
        <v>0</v>
      </c>
      <c r="Z10" s="224">
        <v>0</v>
      </c>
      <c r="AA10" s="224">
        <v>0</v>
      </c>
      <c r="AB10" s="224">
        <v>0</v>
      </c>
      <c r="AC10" s="222">
        <v>0</v>
      </c>
      <c r="AD10" s="225">
        <v>0</v>
      </c>
      <c r="AE10" s="226">
        <v>0</v>
      </c>
      <c r="AF10" s="221">
        <v>0</v>
      </c>
      <c r="AG10" s="222">
        <v>0</v>
      </c>
      <c r="AH10" s="222">
        <v>0</v>
      </c>
      <c r="AI10" s="223">
        <v>0</v>
      </c>
      <c r="AJ10" s="224">
        <v>0</v>
      </c>
      <c r="AK10" s="224">
        <v>0</v>
      </c>
      <c r="AL10" s="224">
        <v>0</v>
      </c>
      <c r="AM10" s="222">
        <v>0</v>
      </c>
      <c r="AN10" s="225">
        <v>0</v>
      </c>
      <c r="AO10" s="227">
        <v>0</v>
      </c>
      <c r="AP10" s="37"/>
    </row>
    <row r="11" spans="1:42" ht="20.25" customHeight="1" x14ac:dyDescent="0.2">
      <c r="A11" s="62" t="s">
        <v>8</v>
      </c>
      <c r="B11" s="221">
        <v>0</v>
      </c>
      <c r="C11" s="222">
        <v>0</v>
      </c>
      <c r="D11" s="222">
        <v>0</v>
      </c>
      <c r="E11" s="223">
        <v>0</v>
      </c>
      <c r="F11" s="224">
        <v>0</v>
      </c>
      <c r="G11" s="224">
        <v>2</v>
      </c>
      <c r="H11" s="224">
        <v>9</v>
      </c>
      <c r="I11" s="222">
        <v>5</v>
      </c>
      <c r="J11" s="225">
        <v>16</v>
      </c>
      <c r="K11" s="226">
        <v>16</v>
      </c>
      <c r="L11" s="221">
        <v>0</v>
      </c>
      <c r="M11" s="222">
        <v>0</v>
      </c>
      <c r="N11" s="225">
        <v>0</v>
      </c>
      <c r="O11" s="228">
        <v>0</v>
      </c>
      <c r="P11" s="224">
        <v>4</v>
      </c>
      <c r="Q11" s="224">
        <v>5</v>
      </c>
      <c r="R11" s="224">
        <v>7</v>
      </c>
      <c r="S11" s="222">
        <v>1</v>
      </c>
      <c r="T11" s="225">
        <v>17</v>
      </c>
      <c r="U11" s="229">
        <v>17</v>
      </c>
      <c r="V11" s="228">
        <v>0</v>
      </c>
      <c r="W11" s="222">
        <v>0</v>
      </c>
      <c r="X11" s="222">
        <v>0</v>
      </c>
      <c r="Y11" s="223">
        <v>0</v>
      </c>
      <c r="Z11" s="224">
        <v>0</v>
      </c>
      <c r="AA11" s="224">
        <v>0</v>
      </c>
      <c r="AB11" s="224">
        <v>0</v>
      </c>
      <c r="AC11" s="222">
        <v>0</v>
      </c>
      <c r="AD11" s="225">
        <v>0</v>
      </c>
      <c r="AE11" s="226">
        <v>0</v>
      </c>
      <c r="AF11" s="221">
        <v>0</v>
      </c>
      <c r="AG11" s="222">
        <v>0</v>
      </c>
      <c r="AH11" s="222">
        <v>0</v>
      </c>
      <c r="AI11" s="223">
        <v>0</v>
      </c>
      <c r="AJ11" s="224">
        <v>0</v>
      </c>
      <c r="AK11" s="224">
        <v>0</v>
      </c>
      <c r="AL11" s="224">
        <v>0</v>
      </c>
      <c r="AM11" s="222">
        <v>0</v>
      </c>
      <c r="AN11" s="225">
        <v>0</v>
      </c>
      <c r="AO11" s="227">
        <v>0</v>
      </c>
      <c r="AP11" s="37"/>
    </row>
    <row r="12" spans="1:42" ht="20.25" customHeight="1" x14ac:dyDescent="0.2">
      <c r="A12" s="62" t="s">
        <v>9</v>
      </c>
      <c r="B12" s="221">
        <v>0</v>
      </c>
      <c r="C12" s="222">
        <v>0</v>
      </c>
      <c r="D12" s="222">
        <v>0</v>
      </c>
      <c r="E12" s="223">
        <v>0</v>
      </c>
      <c r="F12" s="224">
        <v>0</v>
      </c>
      <c r="G12" s="224">
        <v>6</v>
      </c>
      <c r="H12" s="224">
        <v>20</v>
      </c>
      <c r="I12" s="222">
        <v>17</v>
      </c>
      <c r="J12" s="225">
        <v>43</v>
      </c>
      <c r="K12" s="226">
        <v>43</v>
      </c>
      <c r="L12" s="221">
        <v>0</v>
      </c>
      <c r="M12" s="222">
        <v>0</v>
      </c>
      <c r="N12" s="225">
        <v>0</v>
      </c>
      <c r="O12" s="228">
        <v>3</v>
      </c>
      <c r="P12" s="224">
        <v>2</v>
      </c>
      <c r="Q12" s="224">
        <v>11</v>
      </c>
      <c r="R12" s="224">
        <v>4</v>
      </c>
      <c r="S12" s="222">
        <v>6</v>
      </c>
      <c r="T12" s="225">
        <v>26</v>
      </c>
      <c r="U12" s="229">
        <v>26</v>
      </c>
      <c r="V12" s="228">
        <v>0</v>
      </c>
      <c r="W12" s="222">
        <v>0</v>
      </c>
      <c r="X12" s="222">
        <v>0</v>
      </c>
      <c r="Y12" s="223">
        <v>0</v>
      </c>
      <c r="Z12" s="224">
        <v>0</v>
      </c>
      <c r="AA12" s="224">
        <v>0</v>
      </c>
      <c r="AB12" s="224">
        <v>0</v>
      </c>
      <c r="AC12" s="222">
        <v>0</v>
      </c>
      <c r="AD12" s="225">
        <v>0</v>
      </c>
      <c r="AE12" s="226">
        <v>0</v>
      </c>
      <c r="AF12" s="221">
        <v>0</v>
      </c>
      <c r="AG12" s="222">
        <v>0</v>
      </c>
      <c r="AH12" s="222">
        <v>0</v>
      </c>
      <c r="AI12" s="223">
        <v>0</v>
      </c>
      <c r="AJ12" s="224">
        <v>0</v>
      </c>
      <c r="AK12" s="224">
        <v>0</v>
      </c>
      <c r="AL12" s="224">
        <v>0</v>
      </c>
      <c r="AM12" s="222">
        <v>0</v>
      </c>
      <c r="AN12" s="225">
        <v>0</v>
      </c>
      <c r="AO12" s="227">
        <v>0</v>
      </c>
      <c r="AP12" s="37"/>
    </row>
    <row r="13" spans="1:42" ht="20.25" customHeight="1" x14ac:dyDescent="0.2">
      <c r="A13" s="62" t="s">
        <v>10</v>
      </c>
      <c r="B13" s="221">
        <v>0</v>
      </c>
      <c r="C13" s="222">
        <v>0</v>
      </c>
      <c r="D13" s="222">
        <v>0</v>
      </c>
      <c r="E13" s="223">
        <v>0</v>
      </c>
      <c r="F13" s="224">
        <v>2</v>
      </c>
      <c r="G13" s="224">
        <v>18</v>
      </c>
      <c r="H13" s="224">
        <v>20</v>
      </c>
      <c r="I13" s="222">
        <v>16</v>
      </c>
      <c r="J13" s="225">
        <v>56</v>
      </c>
      <c r="K13" s="226">
        <v>56</v>
      </c>
      <c r="L13" s="221">
        <v>0</v>
      </c>
      <c r="M13" s="222">
        <v>0</v>
      </c>
      <c r="N13" s="225">
        <v>0</v>
      </c>
      <c r="O13" s="228">
        <v>3</v>
      </c>
      <c r="P13" s="224">
        <v>6</v>
      </c>
      <c r="Q13" s="224">
        <v>8</v>
      </c>
      <c r="R13" s="224">
        <v>3</v>
      </c>
      <c r="S13" s="222">
        <v>1</v>
      </c>
      <c r="T13" s="225">
        <v>21</v>
      </c>
      <c r="U13" s="229">
        <v>21</v>
      </c>
      <c r="V13" s="228">
        <v>0</v>
      </c>
      <c r="W13" s="222">
        <v>0</v>
      </c>
      <c r="X13" s="222">
        <v>0</v>
      </c>
      <c r="Y13" s="223">
        <v>0</v>
      </c>
      <c r="Z13" s="224">
        <v>0</v>
      </c>
      <c r="AA13" s="224">
        <v>0</v>
      </c>
      <c r="AB13" s="224">
        <v>0</v>
      </c>
      <c r="AC13" s="222">
        <v>0</v>
      </c>
      <c r="AD13" s="225">
        <v>0</v>
      </c>
      <c r="AE13" s="226">
        <v>0</v>
      </c>
      <c r="AF13" s="221">
        <v>0</v>
      </c>
      <c r="AG13" s="222">
        <v>0</v>
      </c>
      <c r="AH13" s="222">
        <v>0</v>
      </c>
      <c r="AI13" s="223">
        <v>0</v>
      </c>
      <c r="AJ13" s="224">
        <v>0</v>
      </c>
      <c r="AK13" s="224">
        <v>0</v>
      </c>
      <c r="AL13" s="224">
        <v>0</v>
      </c>
      <c r="AM13" s="222">
        <v>2</v>
      </c>
      <c r="AN13" s="225">
        <v>2</v>
      </c>
      <c r="AO13" s="227">
        <v>2</v>
      </c>
      <c r="AP13" s="37"/>
    </row>
    <row r="14" spans="1:42" ht="20.25" customHeight="1" x14ac:dyDescent="0.2">
      <c r="A14" s="62" t="s">
        <v>11</v>
      </c>
      <c r="B14" s="221">
        <v>0</v>
      </c>
      <c r="C14" s="222">
        <v>0</v>
      </c>
      <c r="D14" s="222">
        <v>0</v>
      </c>
      <c r="E14" s="223">
        <v>0</v>
      </c>
      <c r="F14" s="224">
        <v>0</v>
      </c>
      <c r="G14" s="224">
        <v>1</v>
      </c>
      <c r="H14" s="224">
        <v>8</v>
      </c>
      <c r="I14" s="222">
        <v>4</v>
      </c>
      <c r="J14" s="225">
        <v>13</v>
      </c>
      <c r="K14" s="226">
        <v>13</v>
      </c>
      <c r="L14" s="221">
        <v>0</v>
      </c>
      <c r="M14" s="222">
        <v>0</v>
      </c>
      <c r="N14" s="225">
        <v>0</v>
      </c>
      <c r="O14" s="228">
        <v>3</v>
      </c>
      <c r="P14" s="224">
        <v>1</v>
      </c>
      <c r="Q14" s="224">
        <v>2</v>
      </c>
      <c r="R14" s="224">
        <v>5</v>
      </c>
      <c r="S14" s="222">
        <v>1</v>
      </c>
      <c r="T14" s="225">
        <v>12</v>
      </c>
      <c r="U14" s="229">
        <v>12</v>
      </c>
      <c r="V14" s="228">
        <v>0</v>
      </c>
      <c r="W14" s="222">
        <v>0</v>
      </c>
      <c r="X14" s="222">
        <v>0</v>
      </c>
      <c r="Y14" s="223">
        <v>0</v>
      </c>
      <c r="Z14" s="224">
        <v>0</v>
      </c>
      <c r="AA14" s="224">
        <v>0</v>
      </c>
      <c r="AB14" s="224">
        <v>0</v>
      </c>
      <c r="AC14" s="222">
        <v>0</v>
      </c>
      <c r="AD14" s="225">
        <v>0</v>
      </c>
      <c r="AE14" s="226">
        <v>0</v>
      </c>
      <c r="AF14" s="221">
        <v>0</v>
      </c>
      <c r="AG14" s="222">
        <v>0</v>
      </c>
      <c r="AH14" s="222">
        <v>0</v>
      </c>
      <c r="AI14" s="223">
        <v>0</v>
      </c>
      <c r="AJ14" s="224">
        <v>0</v>
      </c>
      <c r="AK14" s="224">
        <v>0</v>
      </c>
      <c r="AL14" s="224">
        <v>0</v>
      </c>
      <c r="AM14" s="222">
        <v>0</v>
      </c>
      <c r="AN14" s="225">
        <v>0</v>
      </c>
      <c r="AO14" s="227">
        <v>0</v>
      </c>
      <c r="AP14" s="37"/>
    </row>
    <row r="15" spans="1:42" ht="20.25" customHeight="1" x14ac:dyDescent="0.2">
      <c r="A15" s="62" t="s">
        <v>12</v>
      </c>
      <c r="B15" s="221">
        <v>0</v>
      </c>
      <c r="C15" s="222">
        <v>0</v>
      </c>
      <c r="D15" s="222">
        <v>0</v>
      </c>
      <c r="E15" s="223">
        <v>0</v>
      </c>
      <c r="F15" s="224">
        <v>1</v>
      </c>
      <c r="G15" s="224">
        <v>5</v>
      </c>
      <c r="H15" s="224">
        <v>10</v>
      </c>
      <c r="I15" s="222">
        <v>6</v>
      </c>
      <c r="J15" s="225">
        <v>22</v>
      </c>
      <c r="K15" s="226">
        <v>22</v>
      </c>
      <c r="L15" s="221">
        <v>0</v>
      </c>
      <c r="M15" s="222">
        <v>0</v>
      </c>
      <c r="N15" s="225">
        <v>0</v>
      </c>
      <c r="O15" s="228">
        <v>0</v>
      </c>
      <c r="P15" s="224">
        <v>4</v>
      </c>
      <c r="Q15" s="224">
        <v>4</v>
      </c>
      <c r="R15" s="224">
        <v>10</v>
      </c>
      <c r="S15" s="222">
        <v>1</v>
      </c>
      <c r="T15" s="225">
        <v>19</v>
      </c>
      <c r="U15" s="229">
        <v>19</v>
      </c>
      <c r="V15" s="228">
        <v>0</v>
      </c>
      <c r="W15" s="222">
        <v>0</v>
      </c>
      <c r="X15" s="222">
        <v>0</v>
      </c>
      <c r="Y15" s="223">
        <v>0</v>
      </c>
      <c r="Z15" s="224">
        <v>0</v>
      </c>
      <c r="AA15" s="224">
        <v>0</v>
      </c>
      <c r="AB15" s="224">
        <v>0</v>
      </c>
      <c r="AC15" s="222">
        <v>0</v>
      </c>
      <c r="AD15" s="225">
        <v>0</v>
      </c>
      <c r="AE15" s="226">
        <v>0</v>
      </c>
      <c r="AF15" s="221">
        <v>0</v>
      </c>
      <c r="AG15" s="222">
        <v>0</v>
      </c>
      <c r="AH15" s="222">
        <v>0</v>
      </c>
      <c r="AI15" s="223">
        <v>0</v>
      </c>
      <c r="AJ15" s="224">
        <v>0</v>
      </c>
      <c r="AK15" s="224">
        <v>0</v>
      </c>
      <c r="AL15" s="224">
        <v>0</v>
      </c>
      <c r="AM15" s="222">
        <v>0</v>
      </c>
      <c r="AN15" s="225">
        <v>0</v>
      </c>
      <c r="AO15" s="227">
        <v>0</v>
      </c>
      <c r="AP15" s="37"/>
    </row>
    <row r="16" spans="1:42" ht="20.25" customHeight="1" x14ac:dyDescent="0.2">
      <c r="A16" s="62" t="s">
        <v>13</v>
      </c>
      <c r="B16" s="221">
        <v>0</v>
      </c>
      <c r="C16" s="222">
        <v>0</v>
      </c>
      <c r="D16" s="222">
        <v>0</v>
      </c>
      <c r="E16" s="223">
        <v>0</v>
      </c>
      <c r="F16" s="224">
        <v>0</v>
      </c>
      <c r="G16" s="224">
        <v>3</v>
      </c>
      <c r="H16" s="224">
        <v>4</v>
      </c>
      <c r="I16" s="222">
        <v>6</v>
      </c>
      <c r="J16" s="225">
        <v>13</v>
      </c>
      <c r="K16" s="226">
        <v>13</v>
      </c>
      <c r="L16" s="221">
        <v>0</v>
      </c>
      <c r="M16" s="222">
        <v>0</v>
      </c>
      <c r="N16" s="225">
        <v>0</v>
      </c>
      <c r="O16" s="228">
        <v>0</v>
      </c>
      <c r="P16" s="224">
        <v>0</v>
      </c>
      <c r="Q16" s="224">
        <v>2</v>
      </c>
      <c r="R16" s="224">
        <v>2</v>
      </c>
      <c r="S16" s="222">
        <v>1</v>
      </c>
      <c r="T16" s="225">
        <v>5</v>
      </c>
      <c r="U16" s="229">
        <v>5</v>
      </c>
      <c r="V16" s="228">
        <v>0</v>
      </c>
      <c r="W16" s="222">
        <v>0</v>
      </c>
      <c r="X16" s="222">
        <v>0</v>
      </c>
      <c r="Y16" s="223">
        <v>0</v>
      </c>
      <c r="Z16" s="224">
        <v>0</v>
      </c>
      <c r="AA16" s="224">
        <v>0</v>
      </c>
      <c r="AB16" s="224">
        <v>0</v>
      </c>
      <c r="AC16" s="222">
        <v>0</v>
      </c>
      <c r="AD16" s="225">
        <v>0</v>
      </c>
      <c r="AE16" s="226">
        <v>0</v>
      </c>
      <c r="AF16" s="221">
        <v>0</v>
      </c>
      <c r="AG16" s="222">
        <v>0</v>
      </c>
      <c r="AH16" s="222">
        <v>0</v>
      </c>
      <c r="AI16" s="223">
        <v>0</v>
      </c>
      <c r="AJ16" s="224">
        <v>0</v>
      </c>
      <c r="AK16" s="224">
        <v>0</v>
      </c>
      <c r="AL16" s="224">
        <v>0</v>
      </c>
      <c r="AM16" s="222">
        <v>0</v>
      </c>
      <c r="AN16" s="225">
        <v>0</v>
      </c>
      <c r="AO16" s="227">
        <v>0</v>
      </c>
      <c r="AP16" s="37"/>
    </row>
    <row r="17" spans="1:42" ht="20.25" customHeight="1" x14ac:dyDescent="0.2">
      <c r="A17" s="62" t="s">
        <v>15</v>
      </c>
      <c r="B17" s="221">
        <v>0</v>
      </c>
      <c r="C17" s="222">
        <v>0</v>
      </c>
      <c r="D17" s="222">
        <v>0</v>
      </c>
      <c r="E17" s="223">
        <v>0</v>
      </c>
      <c r="F17" s="224">
        <v>0</v>
      </c>
      <c r="G17" s="224">
        <v>0</v>
      </c>
      <c r="H17" s="224">
        <v>1</v>
      </c>
      <c r="I17" s="222">
        <v>1</v>
      </c>
      <c r="J17" s="225">
        <v>2</v>
      </c>
      <c r="K17" s="226">
        <v>2</v>
      </c>
      <c r="L17" s="221">
        <v>0</v>
      </c>
      <c r="M17" s="222">
        <v>0</v>
      </c>
      <c r="N17" s="225">
        <v>0</v>
      </c>
      <c r="O17" s="228">
        <v>1</v>
      </c>
      <c r="P17" s="224">
        <v>0</v>
      </c>
      <c r="Q17" s="224">
        <v>1</v>
      </c>
      <c r="R17" s="224">
        <v>1</v>
      </c>
      <c r="S17" s="222">
        <v>1</v>
      </c>
      <c r="T17" s="225">
        <v>4</v>
      </c>
      <c r="U17" s="229">
        <v>4</v>
      </c>
      <c r="V17" s="228">
        <v>0</v>
      </c>
      <c r="W17" s="222">
        <v>0</v>
      </c>
      <c r="X17" s="222">
        <v>0</v>
      </c>
      <c r="Y17" s="223">
        <v>0</v>
      </c>
      <c r="Z17" s="224">
        <v>0</v>
      </c>
      <c r="AA17" s="224">
        <v>0</v>
      </c>
      <c r="AB17" s="224">
        <v>0</v>
      </c>
      <c r="AC17" s="222">
        <v>0</v>
      </c>
      <c r="AD17" s="225">
        <v>0</v>
      </c>
      <c r="AE17" s="226">
        <v>0</v>
      </c>
      <c r="AF17" s="221">
        <v>0</v>
      </c>
      <c r="AG17" s="222">
        <v>0</v>
      </c>
      <c r="AH17" s="222">
        <v>0</v>
      </c>
      <c r="AI17" s="223">
        <v>0</v>
      </c>
      <c r="AJ17" s="224">
        <v>0</v>
      </c>
      <c r="AK17" s="224">
        <v>0</v>
      </c>
      <c r="AL17" s="224">
        <v>0</v>
      </c>
      <c r="AM17" s="222">
        <v>0</v>
      </c>
      <c r="AN17" s="225">
        <v>0</v>
      </c>
      <c r="AO17" s="227">
        <v>0</v>
      </c>
      <c r="AP17" s="37"/>
    </row>
    <row r="18" spans="1:42" ht="20.25" customHeight="1" x14ac:dyDescent="0.2">
      <c r="A18" s="62" t="s">
        <v>16</v>
      </c>
      <c r="B18" s="221">
        <v>0</v>
      </c>
      <c r="C18" s="222">
        <v>0</v>
      </c>
      <c r="D18" s="222">
        <v>0</v>
      </c>
      <c r="E18" s="223">
        <v>0</v>
      </c>
      <c r="F18" s="224">
        <v>0</v>
      </c>
      <c r="G18" s="224">
        <v>7</v>
      </c>
      <c r="H18" s="224">
        <v>6</v>
      </c>
      <c r="I18" s="222">
        <v>0</v>
      </c>
      <c r="J18" s="225">
        <v>13</v>
      </c>
      <c r="K18" s="226">
        <v>13</v>
      </c>
      <c r="L18" s="221">
        <v>0</v>
      </c>
      <c r="M18" s="222">
        <v>0</v>
      </c>
      <c r="N18" s="225">
        <v>0</v>
      </c>
      <c r="O18" s="228">
        <v>3</v>
      </c>
      <c r="P18" s="224">
        <v>3</v>
      </c>
      <c r="Q18" s="224">
        <v>4</v>
      </c>
      <c r="R18" s="224">
        <v>6</v>
      </c>
      <c r="S18" s="222">
        <v>3</v>
      </c>
      <c r="T18" s="225">
        <v>19</v>
      </c>
      <c r="U18" s="229">
        <v>19</v>
      </c>
      <c r="V18" s="228">
        <v>0</v>
      </c>
      <c r="W18" s="222">
        <v>0</v>
      </c>
      <c r="X18" s="222">
        <v>0</v>
      </c>
      <c r="Y18" s="223">
        <v>0</v>
      </c>
      <c r="Z18" s="224">
        <v>0</v>
      </c>
      <c r="AA18" s="224">
        <v>0</v>
      </c>
      <c r="AB18" s="224">
        <v>0</v>
      </c>
      <c r="AC18" s="222">
        <v>0</v>
      </c>
      <c r="AD18" s="225">
        <v>0</v>
      </c>
      <c r="AE18" s="226">
        <v>0</v>
      </c>
      <c r="AF18" s="221">
        <v>0</v>
      </c>
      <c r="AG18" s="222">
        <v>0</v>
      </c>
      <c r="AH18" s="222">
        <v>0</v>
      </c>
      <c r="AI18" s="223">
        <v>0</v>
      </c>
      <c r="AJ18" s="224">
        <v>0</v>
      </c>
      <c r="AK18" s="224">
        <v>0</v>
      </c>
      <c r="AL18" s="224">
        <v>1</v>
      </c>
      <c r="AM18" s="222">
        <v>0</v>
      </c>
      <c r="AN18" s="225">
        <v>1</v>
      </c>
      <c r="AO18" s="227">
        <v>1</v>
      </c>
      <c r="AP18" s="37"/>
    </row>
    <row r="19" spans="1:42" ht="20.25" customHeight="1" x14ac:dyDescent="0.2">
      <c r="A19" s="62" t="s">
        <v>17</v>
      </c>
      <c r="B19" s="221">
        <v>0</v>
      </c>
      <c r="C19" s="222">
        <v>0</v>
      </c>
      <c r="D19" s="222">
        <v>0</v>
      </c>
      <c r="E19" s="223">
        <v>1</v>
      </c>
      <c r="F19" s="224">
        <v>2</v>
      </c>
      <c r="G19" s="224">
        <v>7</v>
      </c>
      <c r="H19" s="224">
        <v>6</v>
      </c>
      <c r="I19" s="222">
        <v>4</v>
      </c>
      <c r="J19" s="225">
        <v>20</v>
      </c>
      <c r="K19" s="226">
        <v>20</v>
      </c>
      <c r="L19" s="221">
        <v>0</v>
      </c>
      <c r="M19" s="222">
        <v>0</v>
      </c>
      <c r="N19" s="225">
        <v>0</v>
      </c>
      <c r="O19" s="228">
        <v>0</v>
      </c>
      <c r="P19" s="224">
        <v>4</v>
      </c>
      <c r="Q19" s="224">
        <v>11</v>
      </c>
      <c r="R19" s="224">
        <v>9</v>
      </c>
      <c r="S19" s="222">
        <v>2</v>
      </c>
      <c r="T19" s="225">
        <v>26</v>
      </c>
      <c r="U19" s="229">
        <v>26</v>
      </c>
      <c r="V19" s="228">
        <v>0</v>
      </c>
      <c r="W19" s="222">
        <v>0</v>
      </c>
      <c r="X19" s="222">
        <v>0</v>
      </c>
      <c r="Y19" s="223">
        <v>0</v>
      </c>
      <c r="Z19" s="224">
        <v>0</v>
      </c>
      <c r="AA19" s="224">
        <v>0</v>
      </c>
      <c r="AB19" s="224">
        <v>0</v>
      </c>
      <c r="AC19" s="222">
        <v>0</v>
      </c>
      <c r="AD19" s="225">
        <v>0</v>
      </c>
      <c r="AE19" s="226">
        <v>0</v>
      </c>
      <c r="AF19" s="221">
        <v>0</v>
      </c>
      <c r="AG19" s="222">
        <v>0</v>
      </c>
      <c r="AH19" s="222">
        <v>0</v>
      </c>
      <c r="AI19" s="223">
        <v>0</v>
      </c>
      <c r="AJ19" s="224">
        <v>0</v>
      </c>
      <c r="AK19" s="224">
        <v>0</v>
      </c>
      <c r="AL19" s="224">
        <v>0</v>
      </c>
      <c r="AM19" s="222">
        <v>0</v>
      </c>
      <c r="AN19" s="225">
        <v>0</v>
      </c>
      <c r="AO19" s="227">
        <v>0</v>
      </c>
      <c r="AP19" s="37"/>
    </row>
    <row r="20" spans="1:42" ht="20.25" customHeight="1" x14ac:dyDescent="0.2">
      <c r="A20" s="62" t="s">
        <v>18</v>
      </c>
      <c r="B20" s="221">
        <v>0</v>
      </c>
      <c r="C20" s="222">
        <v>0</v>
      </c>
      <c r="D20" s="222">
        <v>0</v>
      </c>
      <c r="E20" s="223">
        <v>0</v>
      </c>
      <c r="F20" s="224">
        <v>0</v>
      </c>
      <c r="G20" s="224">
        <v>6</v>
      </c>
      <c r="H20" s="224">
        <v>16</v>
      </c>
      <c r="I20" s="222">
        <v>3</v>
      </c>
      <c r="J20" s="225">
        <v>25</v>
      </c>
      <c r="K20" s="226">
        <v>25</v>
      </c>
      <c r="L20" s="221">
        <v>0</v>
      </c>
      <c r="M20" s="222">
        <v>0</v>
      </c>
      <c r="N20" s="225">
        <v>0</v>
      </c>
      <c r="O20" s="228">
        <v>4</v>
      </c>
      <c r="P20" s="224">
        <v>2</v>
      </c>
      <c r="Q20" s="224">
        <v>6</v>
      </c>
      <c r="R20" s="224">
        <v>4</v>
      </c>
      <c r="S20" s="222">
        <v>4</v>
      </c>
      <c r="T20" s="225">
        <v>20</v>
      </c>
      <c r="U20" s="229">
        <v>20</v>
      </c>
      <c r="V20" s="228">
        <v>0</v>
      </c>
      <c r="W20" s="222">
        <v>0</v>
      </c>
      <c r="X20" s="222">
        <v>0</v>
      </c>
      <c r="Y20" s="223">
        <v>0</v>
      </c>
      <c r="Z20" s="224">
        <v>0</v>
      </c>
      <c r="AA20" s="224">
        <v>0</v>
      </c>
      <c r="AB20" s="224">
        <v>0</v>
      </c>
      <c r="AC20" s="222">
        <v>1</v>
      </c>
      <c r="AD20" s="225">
        <v>1</v>
      </c>
      <c r="AE20" s="226">
        <v>1</v>
      </c>
      <c r="AF20" s="221">
        <v>0</v>
      </c>
      <c r="AG20" s="222">
        <v>0</v>
      </c>
      <c r="AH20" s="222">
        <v>0</v>
      </c>
      <c r="AI20" s="223">
        <v>0</v>
      </c>
      <c r="AJ20" s="224">
        <v>0</v>
      </c>
      <c r="AK20" s="224">
        <v>0</v>
      </c>
      <c r="AL20" s="224">
        <v>0</v>
      </c>
      <c r="AM20" s="222">
        <v>0</v>
      </c>
      <c r="AN20" s="225">
        <v>0</v>
      </c>
      <c r="AO20" s="227">
        <v>0</v>
      </c>
      <c r="AP20" s="37"/>
    </row>
    <row r="21" spans="1:42" ht="20.25" customHeight="1" x14ac:dyDescent="0.2">
      <c r="A21" s="62" t="s">
        <v>19</v>
      </c>
      <c r="B21" s="221">
        <v>0</v>
      </c>
      <c r="C21" s="222">
        <v>0</v>
      </c>
      <c r="D21" s="222">
        <v>0</v>
      </c>
      <c r="E21" s="223">
        <v>0</v>
      </c>
      <c r="F21" s="224">
        <v>0</v>
      </c>
      <c r="G21" s="224">
        <v>3</v>
      </c>
      <c r="H21" s="224">
        <v>4</v>
      </c>
      <c r="I21" s="222">
        <v>3</v>
      </c>
      <c r="J21" s="225">
        <v>10</v>
      </c>
      <c r="K21" s="226">
        <v>10</v>
      </c>
      <c r="L21" s="221">
        <v>0</v>
      </c>
      <c r="M21" s="222">
        <v>0</v>
      </c>
      <c r="N21" s="225">
        <v>0</v>
      </c>
      <c r="O21" s="228">
        <v>1</v>
      </c>
      <c r="P21" s="224">
        <v>2</v>
      </c>
      <c r="Q21" s="224">
        <v>3</v>
      </c>
      <c r="R21" s="224">
        <v>0</v>
      </c>
      <c r="S21" s="222">
        <v>0</v>
      </c>
      <c r="T21" s="225">
        <v>6</v>
      </c>
      <c r="U21" s="229">
        <v>6</v>
      </c>
      <c r="V21" s="228">
        <v>0</v>
      </c>
      <c r="W21" s="222">
        <v>0</v>
      </c>
      <c r="X21" s="222">
        <v>0</v>
      </c>
      <c r="Y21" s="223">
        <v>0</v>
      </c>
      <c r="Z21" s="224">
        <v>0</v>
      </c>
      <c r="AA21" s="224">
        <v>0</v>
      </c>
      <c r="AB21" s="224">
        <v>0</v>
      </c>
      <c r="AC21" s="222">
        <v>0</v>
      </c>
      <c r="AD21" s="225">
        <v>0</v>
      </c>
      <c r="AE21" s="226">
        <v>0</v>
      </c>
      <c r="AF21" s="221">
        <v>0</v>
      </c>
      <c r="AG21" s="222">
        <v>0</v>
      </c>
      <c r="AH21" s="222">
        <v>0</v>
      </c>
      <c r="AI21" s="223">
        <v>0</v>
      </c>
      <c r="AJ21" s="224">
        <v>0</v>
      </c>
      <c r="AK21" s="224">
        <v>0</v>
      </c>
      <c r="AL21" s="224">
        <v>0</v>
      </c>
      <c r="AM21" s="222">
        <v>0</v>
      </c>
      <c r="AN21" s="225">
        <v>0</v>
      </c>
      <c r="AO21" s="227">
        <v>0</v>
      </c>
      <c r="AP21" s="37"/>
    </row>
    <row r="22" spans="1:42" ht="20.25" customHeight="1" x14ac:dyDescent="0.2">
      <c r="A22" s="62" t="s">
        <v>20</v>
      </c>
      <c r="B22" s="221">
        <v>0</v>
      </c>
      <c r="C22" s="222">
        <v>0</v>
      </c>
      <c r="D22" s="222">
        <v>0</v>
      </c>
      <c r="E22" s="223">
        <v>0</v>
      </c>
      <c r="F22" s="224">
        <v>1</v>
      </c>
      <c r="G22" s="224">
        <v>5</v>
      </c>
      <c r="H22" s="224">
        <v>8</v>
      </c>
      <c r="I22" s="222">
        <v>3</v>
      </c>
      <c r="J22" s="225">
        <v>17</v>
      </c>
      <c r="K22" s="226">
        <v>17</v>
      </c>
      <c r="L22" s="221">
        <v>0</v>
      </c>
      <c r="M22" s="222">
        <v>0</v>
      </c>
      <c r="N22" s="225">
        <v>0</v>
      </c>
      <c r="O22" s="228">
        <v>1</v>
      </c>
      <c r="P22" s="224">
        <v>1</v>
      </c>
      <c r="Q22" s="224">
        <v>3</v>
      </c>
      <c r="R22" s="224">
        <v>3</v>
      </c>
      <c r="S22" s="222">
        <v>0</v>
      </c>
      <c r="T22" s="225">
        <v>8</v>
      </c>
      <c r="U22" s="229">
        <v>8</v>
      </c>
      <c r="V22" s="228">
        <v>0</v>
      </c>
      <c r="W22" s="222">
        <v>0</v>
      </c>
      <c r="X22" s="222">
        <v>0</v>
      </c>
      <c r="Y22" s="223">
        <v>0</v>
      </c>
      <c r="Z22" s="224">
        <v>0</v>
      </c>
      <c r="AA22" s="224">
        <v>0</v>
      </c>
      <c r="AB22" s="224">
        <v>0</v>
      </c>
      <c r="AC22" s="222">
        <v>0</v>
      </c>
      <c r="AD22" s="225">
        <v>0</v>
      </c>
      <c r="AE22" s="226">
        <v>0</v>
      </c>
      <c r="AF22" s="221">
        <v>0</v>
      </c>
      <c r="AG22" s="222">
        <v>0</v>
      </c>
      <c r="AH22" s="222">
        <v>0</v>
      </c>
      <c r="AI22" s="223">
        <v>0</v>
      </c>
      <c r="AJ22" s="224">
        <v>0</v>
      </c>
      <c r="AK22" s="224">
        <v>0</v>
      </c>
      <c r="AL22" s="224">
        <v>0</v>
      </c>
      <c r="AM22" s="222">
        <v>0</v>
      </c>
      <c r="AN22" s="225">
        <v>0</v>
      </c>
      <c r="AO22" s="227">
        <v>0</v>
      </c>
      <c r="AP22" s="37"/>
    </row>
    <row r="23" spans="1:42" ht="20.25" customHeight="1" x14ac:dyDescent="0.2">
      <c r="A23" s="62" t="s">
        <v>21</v>
      </c>
      <c r="B23" s="221">
        <v>0</v>
      </c>
      <c r="C23" s="222">
        <v>0</v>
      </c>
      <c r="D23" s="222">
        <v>0</v>
      </c>
      <c r="E23" s="223">
        <v>0</v>
      </c>
      <c r="F23" s="224">
        <v>0</v>
      </c>
      <c r="G23" s="224">
        <v>3</v>
      </c>
      <c r="H23" s="224">
        <v>4</v>
      </c>
      <c r="I23" s="222">
        <v>2</v>
      </c>
      <c r="J23" s="225">
        <v>9</v>
      </c>
      <c r="K23" s="226">
        <v>9</v>
      </c>
      <c r="L23" s="221">
        <v>0</v>
      </c>
      <c r="M23" s="222">
        <v>0</v>
      </c>
      <c r="N23" s="225">
        <v>0</v>
      </c>
      <c r="O23" s="228">
        <v>0</v>
      </c>
      <c r="P23" s="224">
        <v>3</v>
      </c>
      <c r="Q23" s="224">
        <v>3</v>
      </c>
      <c r="R23" s="224">
        <v>4</v>
      </c>
      <c r="S23" s="222">
        <v>1</v>
      </c>
      <c r="T23" s="225">
        <v>11</v>
      </c>
      <c r="U23" s="229">
        <v>11</v>
      </c>
      <c r="V23" s="228">
        <v>0</v>
      </c>
      <c r="W23" s="222">
        <v>0</v>
      </c>
      <c r="X23" s="222">
        <v>0</v>
      </c>
      <c r="Y23" s="223">
        <v>0</v>
      </c>
      <c r="Z23" s="224">
        <v>0</v>
      </c>
      <c r="AA23" s="224">
        <v>0</v>
      </c>
      <c r="AB23" s="224">
        <v>0</v>
      </c>
      <c r="AC23" s="222">
        <v>0</v>
      </c>
      <c r="AD23" s="225">
        <v>0</v>
      </c>
      <c r="AE23" s="226">
        <v>0</v>
      </c>
      <c r="AF23" s="221">
        <v>0</v>
      </c>
      <c r="AG23" s="222">
        <v>0</v>
      </c>
      <c r="AH23" s="222">
        <v>0</v>
      </c>
      <c r="AI23" s="223">
        <v>0</v>
      </c>
      <c r="AJ23" s="224">
        <v>0</v>
      </c>
      <c r="AK23" s="224">
        <v>0</v>
      </c>
      <c r="AL23" s="224">
        <v>0</v>
      </c>
      <c r="AM23" s="222">
        <v>0</v>
      </c>
      <c r="AN23" s="225">
        <v>0</v>
      </c>
      <c r="AO23" s="227">
        <v>0</v>
      </c>
      <c r="AP23" s="37"/>
    </row>
    <row r="24" spans="1:42" ht="20.25" customHeight="1" x14ac:dyDescent="0.2">
      <c r="A24" s="62" t="s">
        <v>22</v>
      </c>
      <c r="B24" s="221">
        <v>0</v>
      </c>
      <c r="C24" s="222">
        <v>0</v>
      </c>
      <c r="D24" s="222">
        <v>0</v>
      </c>
      <c r="E24" s="223">
        <v>0</v>
      </c>
      <c r="F24" s="224">
        <v>0</v>
      </c>
      <c r="G24" s="224">
        <v>0</v>
      </c>
      <c r="H24" s="224">
        <v>0</v>
      </c>
      <c r="I24" s="222">
        <v>0</v>
      </c>
      <c r="J24" s="225">
        <v>0</v>
      </c>
      <c r="K24" s="226">
        <v>0</v>
      </c>
      <c r="L24" s="221">
        <v>0</v>
      </c>
      <c r="M24" s="222">
        <v>0</v>
      </c>
      <c r="N24" s="225">
        <v>0</v>
      </c>
      <c r="O24" s="228">
        <v>1</v>
      </c>
      <c r="P24" s="224">
        <v>1</v>
      </c>
      <c r="Q24" s="224">
        <v>2</v>
      </c>
      <c r="R24" s="224">
        <v>1</v>
      </c>
      <c r="S24" s="222">
        <v>0</v>
      </c>
      <c r="T24" s="225">
        <v>5</v>
      </c>
      <c r="U24" s="229">
        <v>5</v>
      </c>
      <c r="V24" s="228">
        <v>0</v>
      </c>
      <c r="W24" s="222">
        <v>0</v>
      </c>
      <c r="X24" s="222">
        <v>0</v>
      </c>
      <c r="Y24" s="223">
        <v>0</v>
      </c>
      <c r="Z24" s="224">
        <v>0</v>
      </c>
      <c r="AA24" s="224">
        <v>0</v>
      </c>
      <c r="AB24" s="224">
        <v>0</v>
      </c>
      <c r="AC24" s="222">
        <v>0</v>
      </c>
      <c r="AD24" s="225">
        <v>0</v>
      </c>
      <c r="AE24" s="226">
        <v>0</v>
      </c>
      <c r="AF24" s="221">
        <v>0</v>
      </c>
      <c r="AG24" s="222">
        <v>0</v>
      </c>
      <c r="AH24" s="222">
        <v>0</v>
      </c>
      <c r="AI24" s="223">
        <v>0</v>
      </c>
      <c r="AJ24" s="224">
        <v>0</v>
      </c>
      <c r="AK24" s="224">
        <v>0</v>
      </c>
      <c r="AL24" s="224">
        <v>0</v>
      </c>
      <c r="AM24" s="222">
        <v>0</v>
      </c>
      <c r="AN24" s="225">
        <v>0</v>
      </c>
      <c r="AO24" s="227">
        <v>0</v>
      </c>
      <c r="AP24" s="37"/>
    </row>
    <row r="25" spans="1:42" ht="20.25" customHeight="1" x14ac:dyDescent="0.2">
      <c r="A25" s="62" t="s">
        <v>23</v>
      </c>
      <c r="B25" s="221">
        <v>0</v>
      </c>
      <c r="C25" s="222">
        <v>0</v>
      </c>
      <c r="D25" s="222">
        <v>0</v>
      </c>
      <c r="E25" s="223">
        <v>0</v>
      </c>
      <c r="F25" s="224">
        <v>0</v>
      </c>
      <c r="G25" s="224">
        <v>1</v>
      </c>
      <c r="H25" s="224">
        <v>5</v>
      </c>
      <c r="I25" s="222">
        <v>2</v>
      </c>
      <c r="J25" s="225">
        <v>8</v>
      </c>
      <c r="K25" s="226">
        <v>8</v>
      </c>
      <c r="L25" s="221">
        <v>0</v>
      </c>
      <c r="M25" s="222">
        <v>0</v>
      </c>
      <c r="N25" s="225">
        <v>0</v>
      </c>
      <c r="O25" s="228">
        <v>0</v>
      </c>
      <c r="P25" s="224">
        <v>1</v>
      </c>
      <c r="Q25" s="224">
        <v>2</v>
      </c>
      <c r="R25" s="224">
        <v>2</v>
      </c>
      <c r="S25" s="222">
        <v>2</v>
      </c>
      <c r="T25" s="225">
        <v>7</v>
      </c>
      <c r="U25" s="229">
        <v>7</v>
      </c>
      <c r="V25" s="228">
        <v>0</v>
      </c>
      <c r="W25" s="222">
        <v>0</v>
      </c>
      <c r="X25" s="222">
        <v>0</v>
      </c>
      <c r="Y25" s="223">
        <v>0</v>
      </c>
      <c r="Z25" s="224">
        <v>0</v>
      </c>
      <c r="AA25" s="224">
        <v>0</v>
      </c>
      <c r="AB25" s="224">
        <v>0</v>
      </c>
      <c r="AC25" s="222">
        <v>1</v>
      </c>
      <c r="AD25" s="225">
        <v>1</v>
      </c>
      <c r="AE25" s="226">
        <v>1</v>
      </c>
      <c r="AF25" s="221">
        <v>0</v>
      </c>
      <c r="AG25" s="222">
        <v>0</v>
      </c>
      <c r="AH25" s="222">
        <v>0</v>
      </c>
      <c r="AI25" s="223">
        <v>0</v>
      </c>
      <c r="AJ25" s="224">
        <v>0</v>
      </c>
      <c r="AK25" s="224">
        <v>0</v>
      </c>
      <c r="AL25" s="224">
        <v>0</v>
      </c>
      <c r="AM25" s="222">
        <v>0</v>
      </c>
      <c r="AN25" s="225">
        <v>0</v>
      </c>
      <c r="AO25" s="227">
        <v>0</v>
      </c>
      <c r="AP25" s="37"/>
    </row>
    <row r="26" spans="1:42" ht="20.25" customHeight="1" x14ac:dyDescent="0.2">
      <c r="A26" s="62" t="s">
        <v>24</v>
      </c>
      <c r="B26" s="221">
        <v>0</v>
      </c>
      <c r="C26" s="222">
        <v>0</v>
      </c>
      <c r="D26" s="222">
        <v>0</v>
      </c>
      <c r="E26" s="223">
        <v>0</v>
      </c>
      <c r="F26" s="224">
        <v>0</v>
      </c>
      <c r="G26" s="224">
        <v>0</v>
      </c>
      <c r="H26" s="224">
        <v>2</v>
      </c>
      <c r="I26" s="222">
        <v>0</v>
      </c>
      <c r="J26" s="225">
        <v>2</v>
      </c>
      <c r="K26" s="226">
        <v>2</v>
      </c>
      <c r="L26" s="221">
        <v>0</v>
      </c>
      <c r="M26" s="222">
        <v>0</v>
      </c>
      <c r="N26" s="225">
        <v>0</v>
      </c>
      <c r="O26" s="228">
        <v>1</v>
      </c>
      <c r="P26" s="224">
        <v>0</v>
      </c>
      <c r="Q26" s="224">
        <v>0</v>
      </c>
      <c r="R26" s="224">
        <v>2</v>
      </c>
      <c r="S26" s="222">
        <v>0</v>
      </c>
      <c r="T26" s="225">
        <v>3</v>
      </c>
      <c r="U26" s="229">
        <v>3</v>
      </c>
      <c r="V26" s="228">
        <v>0</v>
      </c>
      <c r="W26" s="222">
        <v>0</v>
      </c>
      <c r="X26" s="222">
        <v>0</v>
      </c>
      <c r="Y26" s="223">
        <v>0</v>
      </c>
      <c r="Z26" s="224">
        <v>0</v>
      </c>
      <c r="AA26" s="224">
        <v>0</v>
      </c>
      <c r="AB26" s="224">
        <v>0</v>
      </c>
      <c r="AC26" s="222">
        <v>0</v>
      </c>
      <c r="AD26" s="225">
        <v>0</v>
      </c>
      <c r="AE26" s="226">
        <v>0</v>
      </c>
      <c r="AF26" s="221">
        <v>0</v>
      </c>
      <c r="AG26" s="222">
        <v>0</v>
      </c>
      <c r="AH26" s="222">
        <v>0</v>
      </c>
      <c r="AI26" s="223">
        <v>0</v>
      </c>
      <c r="AJ26" s="224">
        <v>0</v>
      </c>
      <c r="AK26" s="224">
        <v>0</v>
      </c>
      <c r="AL26" s="224">
        <v>0</v>
      </c>
      <c r="AM26" s="222">
        <v>0</v>
      </c>
      <c r="AN26" s="225">
        <v>0</v>
      </c>
      <c r="AO26" s="227">
        <v>0</v>
      </c>
      <c r="AP26" s="37"/>
    </row>
    <row r="27" spans="1:42" ht="20.25" customHeight="1" x14ac:dyDescent="0.2">
      <c r="A27" s="62" t="s">
        <v>25</v>
      </c>
      <c r="B27" s="221">
        <v>0</v>
      </c>
      <c r="C27" s="222">
        <v>0</v>
      </c>
      <c r="D27" s="222">
        <v>0</v>
      </c>
      <c r="E27" s="223">
        <v>0</v>
      </c>
      <c r="F27" s="224">
        <v>0</v>
      </c>
      <c r="G27" s="224">
        <v>1</v>
      </c>
      <c r="H27" s="224">
        <v>1</v>
      </c>
      <c r="I27" s="222">
        <v>1</v>
      </c>
      <c r="J27" s="225">
        <v>3</v>
      </c>
      <c r="K27" s="226">
        <v>3</v>
      </c>
      <c r="L27" s="221">
        <v>0</v>
      </c>
      <c r="M27" s="222">
        <v>0</v>
      </c>
      <c r="N27" s="225">
        <v>0</v>
      </c>
      <c r="O27" s="228">
        <v>0</v>
      </c>
      <c r="P27" s="224">
        <v>0</v>
      </c>
      <c r="Q27" s="224">
        <v>0</v>
      </c>
      <c r="R27" s="224">
        <v>1</v>
      </c>
      <c r="S27" s="222">
        <v>0</v>
      </c>
      <c r="T27" s="225">
        <v>1</v>
      </c>
      <c r="U27" s="229">
        <v>1</v>
      </c>
      <c r="V27" s="228">
        <v>0</v>
      </c>
      <c r="W27" s="222">
        <v>0</v>
      </c>
      <c r="X27" s="222">
        <v>0</v>
      </c>
      <c r="Y27" s="223">
        <v>0</v>
      </c>
      <c r="Z27" s="224">
        <v>0</v>
      </c>
      <c r="AA27" s="224">
        <v>0</v>
      </c>
      <c r="AB27" s="224">
        <v>0</v>
      </c>
      <c r="AC27" s="222">
        <v>0</v>
      </c>
      <c r="AD27" s="225">
        <v>0</v>
      </c>
      <c r="AE27" s="226">
        <v>0</v>
      </c>
      <c r="AF27" s="221">
        <v>0</v>
      </c>
      <c r="AG27" s="222">
        <v>0</v>
      </c>
      <c r="AH27" s="222">
        <v>0</v>
      </c>
      <c r="AI27" s="223">
        <v>0</v>
      </c>
      <c r="AJ27" s="224">
        <v>0</v>
      </c>
      <c r="AK27" s="224">
        <v>0</v>
      </c>
      <c r="AL27" s="224">
        <v>0</v>
      </c>
      <c r="AM27" s="222">
        <v>0</v>
      </c>
      <c r="AN27" s="225">
        <v>0</v>
      </c>
      <c r="AO27" s="227">
        <v>0</v>
      </c>
      <c r="AP27" s="37"/>
    </row>
    <row r="28" spans="1:42" ht="20.25" customHeight="1" x14ac:dyDescent="0.2">
      <c r="A28" s="62" t="s">
        <v>26</v>
      </c>
      <c r="B28" s="221">
        <v>0</v>
      </c>
      <c r="C28" s="222">
        <v>0</v>
      </c>
      <c r="D28" s="222">
        <v>0</v>
      </c>
      <c r="E28" s="223">
        <v>0</v>
      </c>
      <c r="F28" s="224">
        <v>0</v>
      </c>
      <c r="G28" s="224">
        <v>0</v>
      </c>
      <c r="H28" s="224">
        <v>2</v>
      </c>
      <c r="I28" s="222">
        <v>1</v>
      </c>
      <c r="J28" s="225">
        <v>3</v>
      </c>
      <c r="K28" s="226">
        <v>3</v>
      </c>
      <c r="L28" s="221">
        <v>0</v>
      </c>
      <c r="M28" s="222">
        <v>0</v>
      </c>
      <c r="N28" s="225">
        <v>0</v>
      </c>
      <c r="O28" s="228">
        <v>1</v>
      </c>
      <c r="P28" s="224">
        <v>0</v>
      </c>
      <c r="Q28" s="224">
        <v>1</v>
      </c>
      <c r="R28" s="224">
        <v>0</v>
      </c>
      <c r="S28" s="222">
        <v>0</v>
      </c>
      <c r="T28" s="225">
        <v>2</v>
      </c>
      <c r="U28" s="229">
        <v>2</v>
      </c>
      <c r="V28" s="228">
        <v>0</v>
      </c>
      <c r="W28" s="222">
        <v>0</v>
      </c>
      <c r="X28" s="222">
        <v>0</v>
      </c>
      <c r="Y28" s="223">
        <v>0</v>
      </c>
      <c r="Z28" s="224">
        <v>0</v>
      </c>
      <c r="AA28" s="224">
        <v>0</v>
      </c>
      <c r="AB28" s="224">
        <v>0</v>
      </c>
      <c r="AC28" s="222">
        <v>0</v>
      </c>
      <c r="AD28" s="225">
        <v>0</v>
      </c>
      <c r="AE28" s="226">
        <v>0</v>
      </c>
      <c r="AF28" s="221">
        <v>0</v>
      </c>
      <c r="AG28" s="222">
        <v>0</v>
      </c>
      <c r="AH28" s="222">
        <v>0</v>
      </c>
      <c r="AI28" s="223">
        <v>0</v>
      </c>
      <c r="AJ28" s="224">
        <v>0</v>
      </c>
      <c r="AK28" s="224">
        <v>0</v>
      </c>
      <c r="AL28" s="224">
        <v>0</v>
      </c>
      <c r="AM28" s="222">
        <v>0</v>
      </c>
      <c r="AN28" s="225">
        <v>0</v>
      </c>
      <c r="AO28" s="227">
        <v>0</v>
      </c>
      <c r="AP28" s="37"/>
    </row>
    <row r="29" spans="1:42" ht="20.25" customHeight="1" x14ac:dyDescent="0.2">
      <c r="A29" s="62" t="s">
        <v>27</v>
      </c>
      <c r="B29" s="221">
        <v>0</v>
      </c>
      <c r="C29" s="222">
        <v>0</v>
      </c>
      <c r="D29" s="222">
        <v>0</v>
      </c>
      <c r="E29" s="223">
        <v>0</v>
      </c>
      <c r="F29" s="224">
        <v>0</v>
      </c>
      <c r="G29" s="224">
        <v>2</v>
      </c>
      <c r="H29" s="224">
        <v>1</v>
      </c>
      <c r="I29" s="222">
        <v>0</v>
      </c>
      <c r="J29" s="225">
        <v>3</v>
      </c>
      <c r="K29" s="226">
        <v>3</v>
      </c>
      <c r="L29" s="221">
        <v>0</v>
      </c>
      <c r="M29" s="222">
        <v>0</v>
      </c>
      <c r="N29" s="225">
        <v>0</v>
      </c>
      <c r="O29" s="228">
        <v>0</v>
      </c>
      <c r="P29" s="224">
        <v>0</v>
      </c>
      <c r="Q29" s="224">
        <v>1</v>
      </c>
      <c r="R29" s="224">
        <v>1</v>
      </c>
      <c r="S29" s="222">
        <v>0</v>
      </c>
      <c r="T29" s="225">
        <v>2</v>
      </c>
      <c r="U29" s="229">
        <v>2</v>
      </c>
      <c r="V29" s="228">
        <v>0</v>
      </c>
      <c r="W29" s="222">
        <v>0</v>
      </c>
      <c r="X29" s="222">
        <v>0</v>
      </c>
      <c r="Y29" s="223">
        <v>0</v>
      </c>
      <c r="Z29" s="224">
        <v>0</v>
      </c>
      <c r="AA29" s="224">
        <v>0</v>
      </c>
      <c r="AB29" s="224">
        <v>0</v>
      </c>
      <c r="AC29" s="222">
        <v>0</v>
      </c>
      <c r="AD29" s="225">
        <v>0</v>
      </c>
      <c r="AE29" s="226">
        <v>0</v>
      </c>
      <c r="AF29" s="221">
        <v>0</v>
      </c>
      <c r="AG29" s="222">
        <v>0</v>
      </c>
      <c r="AH29" s="222">
        <v>0</v>
      </c>
      <c r="AI29" s="223">
        <v>0</v>
      </c>
      <c r="AJ29" s="224">
        <v>0</v>
      </c>
      <c r="AK29" s="224">
        <v>0</v>
      </c>
      <c r="AL29" s="224">
        <v>0</v>
      </c>
      <c r="AM29" s="222">
        <v>0</v>
      </c>
      <c r="AN29" s="225">
        <v>0</v>
      </c>
      <c r="AO29" s="227">
        <v>0</v>
      </c>
      <c r="AP29" s="37"/>
    </row>
    <row r="30" spans="1:42" ht="20.25" customHeight="1" x14ac:dyDescent="0.2">
      <c r="A30" s="62" t="s">
        <v>28</v>
      </c>
      <c r="B30" s="221">
        <v>0</v>
      </c>
      <c r="C30" s="222">
        <v>0</v>
      </c>
      <c r="D30" s="222">
        <v>0</v>
      </c>
      <c r="E30" s="223">
        <v>0</v>
      </c>
      <c r="F30" s="224">
        <v>0</v>
      </c>
      <c r="G30" s="224">
        <v>0</v>
      </c>
      <c r="H30" s="224">
        <v>1</v>
      </c>
      <c r="I30" s="222">
        <v>0</v>
      </c>
      <c r="J30" s="225">
        <v>1</v>
      </c>
      <c r="K30" s="226">
        <v>1</v>
      </c>
      <c r="L30" s="221">
        <v>0</v>
      </c>
      <c r="M30" s="222">
        <v>0</v>
      </c>
      <c r="N30" s="225">
        <v>0</v>
      </c>
      <c r="O30" s="228">
        <v>0</v>
      </c>
      <c r="P30" s="224">
        <v>0</v>
      </c>
      <c r="Q30" s="224">
        <v>1</v>
      </c>
      <c r="R30" s="224">
        <v>0</v>
      </c>
      <c r="S30" s="222">
        <v>1</v>
      </c>
      <c r="T30" s="225">
        <v>2</v>
      </c>
      <c r="U30" s="229">
        <v>2</v>
      </c>
      <c r="V30" s="228">
        <v>0</v>
      </c>
      <c r="W30" s="222">
        <v>0</v>
      </c>
      <c r="X30" s="222">
        <v>0</v>
      </c>
      <c r="Y30" s="223">
        <v>0</v>
      </c>
      <c r="Z30" s="224">
        <v>0</v>
      </c>
      <c r="AA30" s="224">
        <v>0</v>
      </c>
      <c r="AB30" s="224">
        <v>0</v>
      </c>
      <c r="AC30" s="222">
        <v>0</v>
      </c>
      <c r="AD30" s="225">
        <v>0</v>
      </c>
      <c r="AE30" s="226">
        <v>0</v>
      </c>
      <c r="AF30" s="221">
        <v>0</v>
      </c>
      <c r="AG30" s="222">
        <v>0</v>
      </c>
      <c r="AH30" s="222">
        <v>0</v>
      </c>
      <c r="AI30" s="223">
        <v>0</v>
      </c>
      <c r="AJ30" s="224">
        <v>0</v>
      </c>
      <c r="AK30" s="224">
        <v>0</v>
      </c>
      <c r="AL30" s="224">
        <v>0</v>
      </c>
      <c r="AM30" s="222">
        <v>0</v>
      </c>
      <c r="AN30" s="225">
        <v>0</v>
      </c>
      <c r="AO30" s="227">
        <v>0</v>
      </c>
      <c r="AP30" s="37"/>
    </row>
    <row r="31" spans="1:42" ht="20.25" customHeight="1" x14ac:dyDescent="0.2">
      <c r="A31" s="62" t="s">
        <v>29</v>
      </c>
      <c r="B31" s="221">
        <v>0</v>
      </c>
      <c r="C31" s="222">
        <v>0</v>
      </c>
      <c r="D31" s="222">
        <v>0</v>
      </c>
      <c r="E31" s="223">
        <v>0</v>
      </c>
      <c r="F31" s="224">
        <v>0</v>
      </c>
      <c r="G31" s="224">
        <v>1</v>
      </c>
      <c r="H31" s="224">
        <v>0</v>
      </c>
      <c r="I31" s="222">
        <v>0</v>
      </c>
      <c r="J31" s="225">
        <v>1</v>
      </c>
      <c r="K31" s="226">
        <v>1</v>
      </c>
      <c r="L31" s="221">
        <v>0</v>
      </c>
      <c r="M31" s="222">
        <v>0</v>
      </c>
      <c r="N31" s="225">
        <v>0</v>
      </c>
      <c r="O31" s="228">
        <v>0</v>
      </c>
      <c r="P31" s="224">
        <v>0</v>
      </c>
      <c r="Q31" s="224">
        <v>1</v>
      </c>
      <c r="R31" s="224">
        <v>1</v>
      </c>
      <c r="S31" s="222">
        <v>1</v>
      </c>
      <c r="T31" s="225">
        <v>3</v>
      </c>
      <c r="U31" s="229">
        <v>3</v>
      </c>
      <c r="V31" s="228">
        <v>0</v>
      </c>
      <c r="W31" s="222">
        <v>0</v>
      </c>
      <c r="X31" s="222">
        <v>0</v>
      </c>
      <c r="Y31" s="223">
        <v>0</v>
      </c>
      <c r="Z31" s="224">
        <v>0</v>
      </c>
      <c r="AA31" s="224">
        <v>0</v>
      </c>
      <c r="AB31" s="224">
        <v>0</v>
      </c>
      <c r="AC31" s="222">
        <v>0</v>
      </c>
      <c r="AD31" s="225">
        <v>0</v>
      </c>
      <c r="AE31" s="226">
        <v>0</v>
      </c>
      <c r="AF31" s="221">
        <v>0</v>
      </c>
      <c r="AG31" s="222">
        <v>0</v>
      </c>
      <c r="AH31" s="222">
        <v>0</v>
      </c>
      <c r="AI31" s="223">
        <v>0</v>
      </c>
      <c r="AJ31" s="224">
        <v>0</v>
      </c>
      <c r="AK31" s="224">
        <v>0</v>
      </c>
      <c r="AL31" s="224">
        <v>0</v>
      </c>
      <c r="AM31" s="222">
        <v>0</v>
      </c>
      <c r="AN31" s="225">
        <v>0</v>
      </c>
      <c r="AO31" s="227">
        <v>0</v>
      </c>
      <c r="AP31" s="37"/>
    </row>
    <row r="32" spans="1:42" ht="20.25" customHeight="1" x14ac:dyDescent="0.2">
      <c r="A32" s="62" t="s">
        <v>30</v>
      </c>
      <c r="B32" s="221">
        <v>0</v>
      </c>
      <c r="C32" s="222">
        <v>0</v>
      </c>
      <c r="D32" s="222">
        <v>0</v>
      </c>
      <c r="E32" s="223">
        <v>0</v>
      </c>
      <c r="F32" s="224">
        <v>0</v>
      </c>
      <c r="G32" s="224">
        <v>1</v>
      </c>
      <c r="H32" s="224">
        <v>0</v>
      </c>
      <c r="I32" s="222">
        <v>0</v>
      </c>
      <c r="J32" s="225">
        <v>1</v>
      </c>
      <c r="K32" s="226">
        <v>1</v>
      </c>
      <c r="L32" s="221">
        <v>0</v>
      </c>
      <c r="M32" s="222">
        <v>0</v>
      </c>
      <c r="N32" s="225">
        <v>0</v>
      </c>
      <c r="O32" s="228">
        <v>0</v>
      </c>
      <c r="P32" s="224">
        <v>0</v>
      </c>
      <c r="Q32" s="224">
        <v>1</v>
      </c>
      <c r="R32" s="224">
        <v>1</v>
      </c>
      <c r="S32" s="222">
        <v>1</v>
      </c>
      <c r="T32" s="225">
        <v>3</v>
      </c>
      <c r="U32" s="229">
        <v>3</v>
      </c>
      <c r="V32" s="228">
        <v>0</v>
      </c>
      <c r="W32" s="222">
        <v>0</v>
      </c>
      <c r="X32" s="222">
        <v>0</v>
      </c>
      <c r="Y32" s="223">
        <v>0</v>
      </c>
      <c r="Z32" s="224">
        <v>0</v>
      </c>
      <c r="AA32" s="224">
        <v>0</v>
      </c>
      <c r="AB32" s="224">
        <v>0</v>
      </c>
      <c r="AC32" s="222">
        <v>0</v>
      </c>
      <c r="AD32" s="225">
        <v>0</v>
      </c>
      <c r="AE32" s="226">
        <v>0</v>
      </c>
      <c r="AF32" s="221">
        <v>0</v>
      </c>
      <c r="AG32" s="222">
        <v>0</v>
      </c>
      <c r="AH32" s="222">
        <v>0</v>
      </c>
      <c r="AI32" s="223">
        <v>0</v>
      </c>
      <c r="AJ32" s="224">
        <v>0</v>
      </c>
      <c r="AK32" s="224">
        <v>0</v>
      </c>
      <c r="AL32" s="224">
        <v>0</v>
      </c>
      <c r="AM32" s="222">
        <v>0</v>
      </c>
      <c r="AN32" s="225">
        <v>0</v>
      </c>
      <c r="AO32" s="227">
        <v>0</v>
      </c>
      <c r="AP32" s="37"/>
    </row>
    <row r="33" spans="1:42" ht="20.25" customHeight="1" x14ac:dyDescent="0.2">
      <c r="A33" s="62" t="s">
        <v>31</v>
      </c>
      <c r="B33" s="221">
        <v>0</v>
      </c>
      <c r="C33" s="222">
        <v>0</v>
      </c>
      <c r="D33" s="222">
        <v>0</v>
      </c>
      <c r="E33" s="223">
        <v>0</v>
      </c>
      <c r="F33" s="224">
        <v>0</v>
      </c>
      <c r="G33" s="224">
        <v>2</v>
      </c>
      <c r="H33" s="224">
        <v>1</v>
      </c>
      <c r="I33" s="222">
        <v>0</v>
      </c>
      <c r="J33" s="225">
        <v>3</v>
      </c>
      <c r="K33" s="226">
        <v>3</v>
      </c>
      <c r="L33" s="221">
        <v>0</v>
      </c>
      <c r="M33" s="222">
        <v>0</v>
      </c>
      <c r="N33" s="225">
        <v>0</v>
      </c>
      <c r="O33" s="228">
        <v>0</v>
      </c>
      <c r="P33" s="224">
        <v>1</v>
      </c>
      <c r="Q33" s="224">
        <v>0</v>
      </c>
      <c r="R33" s="224">
        <v>0</v>
      </c>
      <c r="S33" s="222">
        <v>1</v>
      </c>
      <c r="T33" s="225">
        <v>2</v>
      </c>
      <c r="U33" s="229">
        <v>2</v>
      </c>
      <c r="V33" s="228">
        <v>0</v>
      </c>
      <c r="W33" s="222">
        <v>0</v>
      </c>
      <c r="X33" s="222">
        <v>0</v>
      </c>
      <c r="Y33" s="223">
        <v>0</v>
      </c>
      <c r="Z33" s="224">
        <v>0</v>
      </c>
      <c r="AA33" s="224">
        <v>0</v>
      </c>
      <c r="AB33" s="224">
        <v>0</v>
      </c>
      <c r="AC33" s="222">
        <v>0</v>
      </c>
      <c r="AD33" s="225">
        <v>0</v>
      </c>
      <c r="AE33" s="226">
        <v>0</v>
      </c>
      <c r="AF33" s="221">
        <v>0</v>
      </c>
      <c r="AG33" s="222">
        <v>0</v>
      </c>
      <c r="AH33" s="222">
        <v>0</v>
      </c>
      <c r="AI33" s="223">
        <v>0</v>
      </c>
      <c r="AJ33" s="224">
        <v>0</v>
      </c>
      <c r="AK33" s="224">
        <v>0</v>
      </c>
      <c r="AL33" s="224">
        <v>0</v>
      </c>
      <c r="AM33" s="222">
        <v>0</v>
      </c>
      <c r="AN33" s="225">
        <v>0</v>
      </c>
      <c r="AO33" s="227">
        <v>0</v>
      </c>
      <c r="AP33" s="37"/>
    </row>
    <row r="34" spans="1:42" ht="20.25" customHeight="1" x14ac:dyDescent="0.2">
      <c r="A34" s="62" t="s">
        <v>32</v>
      </c>
      <c r="B34" s="221">
        <v>0</v>
      </c>
      <c r="C34" s="222">
        <v>0</v>
      </c>
      <c r="D34" s="222">
        <v>0</v>
      </c>
      <c r="E34" s="223">
        <v>0</v>
      </c>
      <c r="F34" s="224">
        <v>0</v>
      </c>
      <c r="G34" s="224">
        <v>0</v>
      </c>
      <c r="H34" s="224">
        <v>0</v>
      </c>
      <c r="I34" s="222">
        <v>1</v>
      </c>
      <c r="J34" s="225">
        <v>1</v>
      </c>
      <c r="K34" s="226">
        <v>1</v>
      </c>
      <c r="L34" s="221">
        <v>0</v>
      </c>
      <c r="M34" s="222">
        <v>0</v>
      </c>
      <c r="N34" s="225">
        <v>0</v>
      </c>
      <c r="O34" s="228">
        <v>0</v>
      </c>
      <c r="P34" s="224">
        <v>0</v>
      </c>
      <c r="Q34" s="224">
        <v>0</v>
      </c>
      <c r="R34" s="224">
        <v>0</v>
      </c>
      <c r="S34" s="222">
        <v>0</v>
      </c>
      <c r="T34" s="225">
        <v>0</v>
      </c>
      <c r="U34" s="229">
        <v>0</v>
      </c>
      <c r="V34" s="228">
        <v>0</v>
      </c>
      <c r="W34" s="222">
        <v>0</v>
      </c>
      <c r="X34" s="222">
        <v>0</v>
      </c>
      <c r="Y34" s="223">
        <v>0</v>
      </c>
      <c r="Z34" s="224">
        <v>0</v>
      </c>
      <c r="AA34" s="224">
        <v>0</v>
      </c>
      <c r="AB34" s="224">
        <v>0</v>
      </c>
      <c r="AC34" s="222">
        <v>0</v>
      </c>
      <c r="AD34" s="225">
        <v>0</v>
      </c>
      <c r="AE34" s="226">
        <v>0</v>
      </c>
      <c r="AF34" s="221">
        <v>0</v>
      </c>
      <c r="AG34" s="222">
        <v>0</v>
      </c>
      <c r="AH34" s="222">
        <v>0</v>
      </c>
      <c r="AI34" s="223">
        <v>0</v>
      </c>
      <c r="AJ34" s="224">
        <v>0</v>
      </c>
      <c r="AK34" s="224">
        <v>0</v>
      </c>
      <c r="AL34" s="224">
        <v>0</v>
      </c>
      <c r="AM34" s="222">
        <v>0</v>
      </c>
      <c r="AN34" s="225">
        <v>0</v>
      </c>
      <c r="AO34" s="227">
        <v>0</v>
      </c>
      <c r="AP34" s="37"/>
    </row>
    <row r="35" spans="1:42" ht="20.25" customHeight="1" x14ac:dyDescent="0.2">
      <c r="A35" s="62" t="s">
        <v>33</v>
      </c>
      <c r="B35" s="221">
        <v>0</v>
      </c>
      <c r="C35" s="222">
        <v>0</v>
      </c>
      <c r="D35" s="222">
        <v>0</v>
      </c>
      <c r="E35" s="223">
        <v>0</v>
      </c>
      <c r="F35" s="224">
        <v>0</v>
      </c>
      <c r="G35" s="224">
        <v>0</v>
      </c>
      <c r="H35" s="224">
        <v>1</v>
      </c>
      <c r="I35" s="222">
        <v>0</v>
      </c>
      <c r="J35" s="225">
        <v>1</v>
      </c>
      <c r="K35" s="226">
        <v>1</v>
      </c>
      <c r="L35" s="221">
        <v>0</v>
      </c>
      <c r="M35" s="222">
        <v>0</v>
      </c>
      <c r="N35" s="225">
        <v>0</v>
      </c>
      <c r="O35" s="228">
        <v>0</v>
      </c>
      <c r="P35" s="224">
        <v>0</v>
      </c>
      <c r="Q35" s="224">
        <v>0</v>
      </c>
      <c r="R35" s="224">
        <v>0</v>
      </c>
      <c r="S35" s="222">
        <v>0</v>
      </c>
      <c r="T35" s="225">
        <v>0</v>
      </c>
      <c r="U35" s="229">
        <v>0</v>
      </c>
      <c r="V35" s="228">
        <v>0</v>
      </c>
      <c r="W35" s="222">
        <v>0</v>
      </c>
      <c r="X35" s="222">
        <v>0</v>
      </c>
      <c r="Y35" s="223">
        <v>0</v>
      </c>
      <c r="Z35" s="224">
        <v>0</v>
      </c>
      <c r="AA35" s="224">
        <v>0</v>
      </c>
      <c r="AB35" s="224">
        <v>0</v>
      </c>
      <c r="AC35" s="222">
        <v>0</v>
      </c>
      <c r="AD35" s="225">
        <v>0</v>
      </c>
      <c r="AE35" s="226">
        <v>0</v>
      </c>
      <c r="AF35" s="221">
        <v>0</v>
      </c>
      <c r="AG35" s="222">
        <v>0</v>
      </c>
      <c r="AH35" s="222">
        <v>0</v>
      </c>
      <c r="AI35" s="223">
        <v>0</v>
      </c>
      <c r="AJ35" s="224">
        <v>1</v>
      </c>
      <c r="AK35" s="224">
        <v>0</v>
      </c>
      <c r="AL35" s="224">
        <v>0</v>
      </c>
      <c r="AM35" s="222">
        <v>1</v>
      </c>
      <c r="AN35" s="225">
        <v>2</v>
      </c>
      <c r="AO35" s="227">
        <v>2</v>
      </c>
      <c r="AP35" s="37"/>
    </row>
    <row r="36" spans="1:42" ht="20.25" customHeight="1" x14ac:dyDescent="0.2">
      <c r="A36" s="62" t="s">
        <v>34</v>
      </c>
      <c r="B36" s="221">
        <v>0</v>
      </c>
      <c r="C36" s="222">
        <v>0</v>
      </c>
      <c r="D36" s="222">
        <v>0</v>
      </c>
      <c r="E36" s="223">
        <v>0</v>
      </c>
      <c r="F36" s="224">
        <v>0</v>
      </c>
      <c r="G36" s="224">
        <v>0</v>
      </c>
      <c r="H36" s="224">
        <v>0</v>
      </c>
      <c r="I36" s="222">
        <v>0</v>
      </c>
      <c r="J36" s="225">
        <v>0</v>
      </c>
      <c r="K36" s="226">
        <v>0</v>
      </c>
      <c r="L36" s="221">
        <v>0</v>
      </c>
      <c r="M36" s="222">
        <v>0</v>
      </c>
      <c r="N36" s="225">
        <v>0</v>
      </c>
      <c r="O36" s="228">
        <v>0</v>
      </c>
      <c r="P36" s="224">
        <v>0</v>
      </c>
      <c r="Q36" s="224">
        <v>1</v>
      </c>
      <c r="R36" s="224">
        <v>0</v>
      </c>
      <c r="S36" s="222">
        <v>0</v>
      </c>
      <c r="T36" s="225">
        <v>1</v>
      </c>
      <c r="U36" s="229">
        <v>1</v>
      </c>
      <c r="V36" s="228">
        <v>0</v>
      </c>
      <c r="W36" s="222">
        <v>0</v>
      </c>
      <c r="X36" s="222">
        <v>0</v>
      </c>
      <c r="Y36" s="223">
        <v>0</v>
      </c>
      <c r="Z36" s="224">
        <v>0</v>
      </c>
      <c r="AA36" s="224">
        <v>0</v>
      </c>
      <c r="AB36" s="224">
        <v>0</v>
      </c>
      <c r="AC36" s="222">
        <v>0</v>
      </c>
      <c r="AD36" s="225">
        <v>0</v>
      </c>
      <c r="AE36" s="226">
        <v>0</v>
      </c>
      <c r="AF36" s="221">
        <v>0</v>
      </c>
      <c r="AG36" s="222">
        <v>0</v>
      </c>
      <c r="AH36" s="222">
        <v>0</v>
      </c>
      <c r="AI36" s="223">
        <v>0</v>
      </c>
      <c r="AJ36" s="224">
        <v>0</v>
      </c>
      <c r="AK36" s="224">
        <v>0</v>
      </c>
      <c r="AL36" s="224">
        <v>0</v>
      </c>
      <c r="AM36" s="222">
        <v>0</v>
      </c>
      <c r="AN36" s="225">
        <v>0</v>
      </c>
      <c r="AO36" s="227">
        <v>0</v>
      </c>
      <c r="AP36" s="37"/>
    </row>
    <row r="37" spans="1:42" ht="20.25" customHeight="1" x14ac:dyDescent="0.2">
      <c r="A37" s="62" t="s">
        <v>35</v>
      </c>
      <c r="B37" s="221">
        <v>0</v>
      </c>
      <c r="C37" s="222">
        <v>0</v>
      </c>
      <c r="D37" s="222">
        <v>0</v>
      </c>
      <c r="E37" s="223">
        <v>0</v>
      </c>
      <c r="F37" s="224">
        <v>0</v>
      </c>
      <c r="G37" s="224">
        <v>1</v>
      </c>
      <c r="H37" s="224">
        <v>2</v>
      </c>
      <c r="I37" s="222">
        <v>0</v>
      </c>
      <c r="J37" s="225">
        <v>3</v>
      </c>
      <c r="K37" s="226">
        <v>3</v>
      </c>
      <c r="L37" s="221">
        <v>0</v>
      </c>
      <c r="M37" s="222">
        <v>0</v>
      </c>
      <c r="N37" s="225">
        <v>0</v>
      </c>
      <c r="O37" s="228">
        <v>0</v>
      </c>
      <c r="P37" s="224">
        <v>0</v>
      </c>
      <c r="Q37" s="224">
        <v>1</v>
      </c>
      <c r="R37" s="224">
        <v>0</v>
      </c>
      <c r="S37" s="222">
        <v>0</v>
      </c>
      <c r="T37" s="225">
        <v>1</v>
      </c>
      <c r="U37" s="229">
        <v>1</v>
      </c>
      <c r="V37" s="228">
        <v>0</v>
      </c>
      <c r="W37" s="222">
        <v>0</v>
      </c>
      <c r="X37" s="222">
        <v>0</v>
      </c>
      <c r="Y37" s="223">
        <v>0</v>
      </c>
      <c r="Z37" s="224">
        <v>0</v>
      </c>
      <c r="AA37" s="224">
        <v>0</v>
      </c>
      <c r="AB37" s="224">
        <v>0</v>
      </c>
      <c r="AC37" s="222">
        <v>0</v>
      </c>
      <c r="AD37" s="225">
        <v>0</v>
      </c>
      <c r="AE37" s="226">
        <v>0</v>
      </c>
      <c r="AF37" s="221">
        <v>0</v>
      </c>
      <c r="AG37" s="222">
        <v>0</v>
      </c>
      <c r="AH37" s="222">
        <v>0</v>
      </c>
      <c r="AI37" s="223">
        <v>0</v>
      </c>
      <c r="AJ37" s="224">
        <v>0</v>
      </c>
      <c r="AK37" s="224">
        <v>0</v>
      </c>
      <c r="AL37" s="224">
        <v>0</v>
      </c>
      <c r="AM37" s="222">
        <v>0</v>
      </c>
      <c r="AN37" s="225">
        <v>0</v>
      </c>
      <c r="AO37" s="227">
        <v>0</v>
      </c>
      <c r="AP37" s="37"/>
    </row>
    <row r="38" spans="1:42" ht="20.25" customHeight="1" x14ac:dyDescent="0.2">
      <c r="A38" s="62" t="s">
        <v>36</v>
      </c>
      <c r="B38" s="221">
        <v>0</v>
      </c>
      <c r="C38" s="222">
        <v>0</v>
      </c>
      <c r="D38" s="222">
        <v>0</v>
      </c>
      <c r="E38" s="223">
        <v>0</v>
      </c>
      <c r="F38" s="224">
        <v>0</v>
      </c>
      <c r="G38" s="224">
        <v>0</v>
      </c>
      <c r="H38" s="224">
        <v>1</v>
      </c>
      <c r="I38" s="222">
        <v>2</v>
      </c>
      <c r="J38" s="225">
        <v>3</v>
      </c>
      <c r="K38" s="226">
        <v>3</v>
      </c>
      <c r="L38" s="221">
        <v>0</v>
      </c>
      <c r="M38" s="222">
        <v>0</v>
      </c>
      <c r="N38" s="225">
        <v>0</v>
      </c>
      <c r="O38" s="228">
        <v>1</v>
      </c>
      <c r="P38" s="224">
        <v>0</v>
      </c>
      <c r="Q38" s="224">
        <v>1</v>
      </c>
      <c r="R38" s="224">
        <v>1</v>
      </c>
      <c r="S38" s="222">
        <v>0</v>
      </c>
      <c r="T38" s="225">
        <v>3</v>
      </c>
      <c r="U38" s="229">
        <v>3</v>
      </c>
      <c r="V38" s="228">
        <v>0</v>
      </c>
      <c r="W38" s="222">
        <v>0</v>
      </c>
      <c r="X38" s="222">
        <v>0</v>
      </c>
      <c r="Y38" s="223">
        <v>0</v>
      </c>
      <c r="Z38" s="224">
        <v>0</v>
      </c>
      <c r="AA38" s="224">
        <v>0</v>
      </c>
      <c r="AB38" s="224">
        <v>0</v>
      </c>
      <c r="AC38" s="222">
        <v>0</v>
      </c>
      <c r="AD38" s="225">
        <v>0</v>
      </c>
      <c r="AE38" s="226">
        <v>0</v>
      </c>
      <c r="AF38" s="221">
        <v>0</v>
      </c>
      <c r="AG38" s="222">
        <v>0</v>
      </c>
      <c r="AH38" s="222">
        <v>0</v>
      </c>
      <c r="AI38" s="223">
        <v>0</v>
      </c>
      <c r="AJ38" s="224">
        <v>0</v>
      </c>
      <c r="AK38" s="224">
        <v>0</v>
      </c>
      <c r="AL38" s="224">
        <v>0</v>
      </c>
      <c r="AM38" s="222">
        <v>0</v>
      </c>
      <c r="AN38" s="225">
        <v>0</v>
      </c>
      <c r="AO38" s="227">
        <v>0</v>
      </c>
      <c r="AP38" s="37"/>
    </row>
    <row r="39" spans="1:42" ht="20.25" customHeight="1" thickBot="1" x14ac:dyDescent="0.25">
      <c r="A39" s="63" t="s">
        <v>37</v>
      </c>
      <c r="B39" s="230">
        <v>0</v>
      </c>
      <c r="C39" s="231">
        <v>0</v>
      </c>
      <c r="D39" s="231">
        <v>0</v>
      </c>
      <c r="E39" s="232">
        <v>0</v>
      </c>
      <c r="F39" s="233">
        <v>0</v>
      </c>
      <c r="G39" s="233">
        <v>0</v>
      </c>
      <c r="H39" s="233">
        <v>0</v>
      </c>
      <c r="I39" s="231">
        <v>0</v>
      </c>
      <c r="J39" s="234">
        <v>0</v>
      </c>
      <c r="K39" s="235">
        <v>0</v>
      </c>
      <c r="L39" s="230">
        <v>0</v>
      </c>
      <c r="M39" s="231">
        <v>0</v>
      </c>
      <c r="N39" s="234">
        <v>0</v>
      </c>
      <c r="O39" s="237">
        <v>0</v>
      </c>
      <c r="P39" s="233">
        <v>0</v>
      </c>
      <c r="Q39" s="233">
        <v>0</v>
      </c>
      <c r="R39" s="233">
        <v>0</v>
      </c>
      <c r="S39" s="231">
        <v>0</v>
      </c>
      <c r="T39" s="234">
        <v>0</v>
      </c>
      <c r="U39" s="238">
        <v>0</v>
      </c>
      <c r="V39" s="237">
        <v>0</v>
      </c>
      <c r="W39" s="231">
        <v>0</v>
      </c>
      <c r="X39" s="231">
        <v>0</v>
      </c>
      <c r="Y39" s="232">
        <v>0</v>
      </c>
      <c r="Z39" s="233">
        <v>0</v>
      </c>
      <c r="AA39" s="233">
        <v>0</v>
      </c>
      <c r="AB39" s="233">
        <v>0</v>
      </c>
      <c r="AC39" s="231">
        <v>0</v>
      </c>
      <c r="AD39" s="234">
        <v>0</v>
      </c>
      <c r="AE39" s="235">
        <v>0</v>
      </c>
      <c r="AF39" s="230">
        <v>0</v>
      </c>
      <c r="AG39" s="231">
        <v>0</v>
      </c>
      <c r="AH39" s="231">
        <v>0</v>
      </c>
      <c r="AI39" s="232">
        <v>0</v>
      </c>
      <c r="AJ39" s="233">
        <v>0</v>
      </c>
      <c r="AK39" s="233">
        <v>0</v>
      </c>
      <c r="AL39" s="233">
        <v>0</v>
      </c>
      <c r="AM39" s="231">
        <v>1</v>
      </c>
      <c r="AN39" s="234">
        <v>1</v>
      </c>
      <c r="AO39" s="236">
        <v>1</v>
      </c>
      <c r="AP39" s="37"/>
    </row>
    <row r="40" spans="1:42" x14ac:dyDescent="0.2">
      <c r="B40" s="38"/>
      <c r="C40" s="38"/>
      <c r="D40" s="38"/>
      <c r="E40" s="38"/>
      <c r="F40" s="38"/>
      <c r="G40" s="38"/>
      <c r="H40" s="38"/>
      <c r="I40" s="38"/>
      <c r="J40" s="38"/>
      <c r="K40" s="38"/>
      <c r="L40" s="37"/>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row>
    <row r="41" spans="1:42" x14ac:dyDescent="0.2">
      <c r="B41" s="38"/>
      <c r="C41" s="38"/>
      <c r="D41" s="38"/>
      <c r="E41" s="38"/>
      <c r="F41" s="38"/>
      <c r="G41" s="38"/>
      <c r="H41" s="38"/>
      <c r="I41" s="38"/>
      <c r="J41" s="38"/>
      <c r="K41" s="38"/>
      <c r="L41" s="37"/>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row>
    <row r="42" spans="1:42" x14ac:dyDescent="0.2">
      <c r="B42" s="38"/>
      <c r="C42" s="38"/>
      <c r="D42" s="38"/>
      <c r="E42" s="38"/>
      <c r="F42" s="38"/>
      <c r="G42" s="38"/>
      <c r="H42" s="38"/>
      <c r="I42" s="38"/>
      <c r="J42" s="38"/>
      <c r="K42" s="38"/>
      <c r="L42" s="37"/>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row>
    <row r="43" spans="1:42" x14ac:dyDescent="0.2">
      <c r="B43" s="38"/>
      <c r="C43" s="38"/>
      <c r="D43" s="38"/>
      <c r="E43" s="38"/>
      <c r="F43" s="38"/>
      <c r="G43" s="38"/>
      <c r="H43" s="38"/>
      <c r="I43" s="38"/>
      <c r="J43" s="38"/>
      <c r="K43" s="38"/>
      <c r="L43" s="37"/>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row>
    <row r="44" spans="1:42" x14ac:dyDescent="0.2">
      <c r="B44" s="38"/>
      <c r="C44" s="38"/>
      <c r="D44" s="38"/>
      <c r="E44" s="38"/>
      <c r="F44" s="38"/>
      <c r="G44" s="38"/>
      <c r="H44" s="38"/>
      <c r="I44" s="38"/>
      <c r="J44" s="38"/>
      <c r="K44" s="38"/>
      <c r="L44" s="37"/>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row>
    <row r="45" spans="1:42" x14ac:dyDescent="0.2">
      <c r="B45" s="3"/>
      <c r="C45" s="3"/>
      <c r="D45" s="3"/>
      <c r="E45" s="3"/>
      <c r="F45" s="3"/>
      <c r="G45" s="3"/>
      <c r="H45" s="3"/>
      <c r="I45" s="3"/>
      <c r="J45" s="3"/>
      <c r="K45" s="3"/>
    </row>
    <row r="46" spans="1:42" x14ac:dyDescent="0.2">
      <c r="B46" s="3"/>
      <c r="C46" s="3"/>
      <c r="D46" s="3"/>
      <c r="E46" s="3"/>
      <c r="F46" s="3"/>
      <c r="G46" s="3"/>
      <c r="H46" s="3"/>
      <c r="I46" s="3"/>
      <c r="J46" s="3"/>
      <c r="K46" s="3"/>
    </row>
    <row r="47" spans="1:42" x14ac:dyDescent="0.2">
      <c r="B47" s="3"/>
      <c r="C47" s="3"/>
      <c r="D47" s="3"/>
      <c r="E47" s="3"/>
      <c r="F47" s="3"/>
      <c r="G47" s="3"/>
      <c r="H47" s="3"/>
      <c r="I47" s="3"/>
      <c r="J47" s="3"/>
      <c r="K47" s="3"/>
    </row>
    <row r="48" spans="1:42" x14ac:dyDescent="0.2">
      <c r="B48" s="3"/>
      <c r="C48" s="3"/>
      <c r="D48" s="3"/>
      <c r="E48" s="3"/>
      <c r="F48" s="3"/>
      <c r="G48" s="3"/>
      <c r="H48" s="3"/>
      <c r="I48" s="3"/>
      <c r="J48" s="3"/>
      <c r="K48" s="3"/>
    </row>
    <row r="49" spans="2:11" x14ac:dyDescent="0.2">
      <c r="B49" s="3"/>
      <c r="C49" s="3"/>
      <c r="D49" s="3"/>
      <c r="E49" s="3"/>
      <c r="F49" s="3"/>
      <c r="G49" s="3"/>
      <c r="H49" s="3"/>
      <c r="I49" s="3"/>
      <c r="J49" s="3"/>
      <c r="K49" s="3"/>
    </row>
    <row r="50" spans="2:11" x14ac:dyDescent="0.2">
      <c r="B50" s="3"/>
      <c r="C50" s="3"/>
      <c r="D50" s="3"/>
      <c r="E50" s="3"/>
      <c r="F50" s="3"/>
      <c r="G50" s="3"/>
      <c r="H50" s="3"/>
      <c r="I50" s="3"/>
      <c r="J50" s="3"/>
      <c r="K50" s="3"/>
    </row>
    <row r="51" spans="2:11" x14ac:dyDescent="0.2">
      <c r="B51" s="3"/>
      <c r="C51" s="3"/>
      <c r="D51" s="3"/>
      <c r="E51" s="3"/>
      <c r="F51" s="3"/>
      <c r="G51" s="3"/>
      <c r="H51" s="3"/>
      <c r="I51" s="3"/>
      <c r="J51" s="3"/>
      <c r="K51" s="3"/>
    </row>
    <row r="52" spans="2:11" x14ac:dyDescent="0.2">
      <c r="B52" s="3"/>
      <c r="C52" s="3"/>
      <c r="D52" s="3"/>
      <c r="E52" s="3"/>
      <c r="F52" s="3"/>
      <c r="G52" s="3"/>
      <c r="H52" s="3"/>
      <c r="I52" s="3"/>
      <c r="J52" s="3"/>
      <c r="K52" s="3"/>
    </row>
    <row r="53" spans="2:11" x14ac:dyDescent="0.2">
      <c r="B53" s="3"/>
      <c r="C53" s="3"/>
      <c r="D53" s="3"/>
      <c r="E53" s="3"/>
      <c r="F53" s="3"/>
      <c r="G53" s="3"/>
      <c r="H53" s="3"/>
      <c r="I53" s="3"/>
      <c r="J53" s="3"/>
      <c r="K53" s="3"/>
    </row>
    <row r="54" spans="2:11" x14ac:dyDescent="0.2">
      <c r="B54" s="3"/>
      <c r="C54" s="3"/>
      <c r="D54" s="3"/>
      <c r="E54" s="3"/>
      <c r="F54" s="3"/>
      <c r="G54" s="3"/>
      <c r="H54" s="3"/>
      <c r="I54" s="3"/>
      <c r="J54" s="3"/>
      <c r="K54" s="3"/>
    </row>
    <row r="55" spans="2:11" x14ac:dyDescent="0.2">
      <c r="B55" s="3"/>
      <c r="C55" s="3"/>
      <c r="D55" s="3"/>
      <c r="E55" s="3"/>
      <c r="F55" s="3"/>
      <c r="G55" s="3"/>
      <c r="H55" s="3"/>
      <c r="I55" s="3"/>
      <c r="J55" s="3"/>
      <c r="K55" s="3"/>
    </row>
    <row r="56" spans="2:11" x14ac:dyDescent="0.2">
      <c r="B56" s="3"/>
      <c r="C56" s="3"/>
      <c r="D56" s="3"/>
      <c r="E56" s="3"/>
      <c r="F56" s="3"/>
      <c r="G56" s="3"/>
      <c r="H56" s="3"/>
      <c r="I56" s="3"/>
      <c r="J56" s="3"/>
      <c r="K56" s="3"/>
    </row>
    <row r="57" spans="2:11" x14ac:dyDescent="0.2">
      <c r="B57" s="3"/>
      <c r="C57" s="3"/>
      <c r="D57" s="3"/>
      <c r="E57" s="3"/>
      <c r="F57" s="3"/>
      <c r="G57" s="3"/>
      <c r="H57" s="3"/>
      <c r="I57" s="3"/>
      <c r="J57" s="3"/>
      <c r="K57" s="3"/>
    </row>
    <row r="58" spans="2:11" x14ac:dyDescent="0.2">
      <c r="B58" s="3"/>
      <c r="C58" s="3"/>
      <c r="D58" s="3"/>
      <c r="E58" s="3"/>
      <c r="F58" s="3"/>
      <c r="G58" s="3"/>
      <c r="H58" s="3"/>
      <c r="I58" s="3"/>
      <c r="J58" s="3"/>
      <c r="K58" s="3"/>
    </row>
    <row r="59" spans="2:11" x14ac:dyDescent="0.2">
      <c r="B59" s="3"/>
      <c r="C59" s="3"/>
      <c r="D59" s="3"/>
      <c r="E59" s="3"/>
      <c r="F59" s="3"/>
      <c r="G59" s="3"/>
      <c r="H59" s="3"/>
      <c r="I59" s="3"/>
      <c r="J59" s="3"/>
      <c r="K59" s="3"/>
    </row>
    <row r="60" spans="2:11" x14ac:dyDescent="0.2">
      <c r="B60" s="3"/>
      <c r="C60" s="3"/>
      <c r="D60" s="3"/>
      <c r="E60" s="3"/>
      <c r="F60" s="3"/>
      <c r="G60" s="3"/>
      <c r="H60" s="3"/>
      <c r="I60" s="3"/>
      <c r="J60" s="3"/>
      <c r="K60" s="3"/>
    </row>
    <row r="61" spans="2:11" x14ac:dyDescent="0.2">
      <c r="B61" s="3"/>
      <c r="C61" s="3"/>
      <c r="D61" s="3"/>
      <c r="E61" s="3"/>
      <c r="F61" s="3"/>
      <c r="G61" s="3"/>
      <c r="H61" s="3"/>
      <c r="I61" s="3"/>
      <c r="J61" s="3"/>
      <c r="K61" s="3"/>
    </row>
    <row r="62" spans="2:11" x14ac:dyDescent="0.2">
      <c r="B62" s="3"/>
      <c r="C62" s="3"/>
      <c r="D62" s="3"/>
      <c r="E62" s="3"/>
      <c r="F62" s="3"/>
      <c r="G62" s="3"/>
      <c r="H62" s="3"/>
      <c r="I62" s="3"/>
      <c r="J62" s="3"/>
      <c r="K62" s="3"/>
    </row>
    <row r="63" spans="2:11" x14ac:dyDescent="0.2">
      <c r="B63" s="3"/>
      <c r="C63" s="3"/>
      <c r="D63" s="3"/>
      <c r="E63" s="3"/>
      <c r="F63" s="3"/>
      <c r="G63" s="3"/>
      <c r="H63" s="3"/>
      <c r="I63" s="3"/>
      <c r="J63" s="3"/>
      <c r="K63" s="3"/>
    </row>
    <row r="64" spans="2:11" x14ac:dyDescent="0.2">
      <c r="B64" s="3"/>
      <c r="C64" s="3"/>
      <c r="D64" s="3"/>
      <c r="E64" s="3"/>
      <c r="F64" s="3"/>
      <c r="G64" s="3"/>
      <c r="H64" s="3"/>
      <c r="I64" s="3"/>
      <c r="J64" s="3"/>
      <c r="K64" s="3"/>
    </row>
    <row r="65" spans="2:11" x14ac:dyDescent="0.2">
      <c r="B65" s="3"/>
      <c r="C65" s="3"/>
      <c r="D65" s="3"/>
      <c r="E65" s="3"/>
      <c r="F65" s="3"/>
      <c r="G65" s="3"/>
      <c r="H65" s="3"/>
      <c r="I65" s="3"/>
      <c r="J65" s="3"/>
      <c r="K65" s="3"/>
    </row>
    <row r="66" spans="2:11" x14ac:dyDescent="0.2">
      <c r="B66" s="3"/>
      <c r="C66" s="3"/>
      <c r="D66" s="3"/>
      <c r="E66" s="3"/>
      <c r="F66" s="3"/>
      <c r="G66" s="3"/>
      <c r="H66" s="3"/>
      <c r="I66" s="3"/>
      <c r="J66" s="3"/>
      <c r="K66" s="3"/>
    </row>
    <row r="67" spans="2:11" x14ac:dyDescent="0.2">
      <c r="B67" s="3"/>
      <c r="C67" s="3"/>
      <c r="D67" s="3"/>
      <c r="E67" s="3"/>
      <c r="F67" s="3"/>
      <c r="G67" s="3"/>
      <c r="H67" s="3"/>
      <c r="I67" s="3"/>
      <c r="J67" s="3"/>
      <c r="K67" s="3"/>
    </row>
    <row r="68" spans="2:11" x14ac:dyDescent="0.2">
      <c r="B68" s="3"/>
      <c r="C68" s="3"/>
      <c r="D68" s="3"/>
      <c r="E68" s="3"/>
      <c r="F68" s="3"/>
      <c r="G68" s="3"/>
      <c r="H68" s="3"/>
      <c r="I68" s="3"/>
      <c r="J68" s="3"/>
      <c r="K68" s="3"/>
    </row>
    <row r="69" spans="2:11" x14ac:dyDescent="0.2">
      <c r="B69" s="3"/>
      <c r="C69" s="3"/>
      <c r="D69" s="3"/>
      <c r="E69" s="3"/>
      <c r="F69" s="3"/>
      <c r="G69" s="3"/>
      <c r="H69" s="3"/>
      <c r="I69" s="3"/>
      <c r="J69" s="3"/>
      <c r="K69" s="3"/>
    </row>
    <row r="70" spans="2:11" x14ac:dyDescent="0.2">
      <c r="B70" s="3"/>
      <c r="C70" s="3"/>
      <c r="D70" s="3"/>
      <c r="E70" s="3"/>
      <c r="F70" s="3"/>
      <c r="G70" s="3"/>
      <c r="H70" s="3"/>
      <c r="I70" s="3"/>
      <c r="J70" s="3"/>
      <c r="K70" s="3"/>
    </row>
    <row r="71" spans="2:11" x14ac:dyDescent="0.2">
      <c r="B71" s="3"/>
      <c r="C71" s="3"/>
      <c r="D71" s="3"/>
      <c r="E71" s="3"/>
      <c r="F71" s="3"/>
      <c r="G71" s="3"/>
      <c r="H71" s="3"/>
      <c r="I71" s="3"/>
      <c r="J71" s="3"/>
      <c r="K71" s="3"/>
    </row>
    <row r="72" spans="2:11" x14ac:dyDescent="0.2">
      <c r="B72" s="3"/>
      <c r="C72" s="3"/>
      <c r="D72" s="3"/>
      <c r="E72" s="3"/>
      <c r="F72" s="3"/>
      <c r="G72" s="3"/>
      <c r="H72" s="3"/>
      <c r="I72" s="3"/>
      <c r="J72" s="3"/>
      <c r="K72" s="3"/>
    </row>
    <row r="73" spans="2:11" x14ac:dyDescent="0.2">
      <c r="B73" s="3"/>
      <c r="C73" s="3"/>
      <c r="D73" s="3"/>
      <c r="E73" s="3"/>
      <c r="F73" s="3"/>
      <c r="G73" s="3"/>
      <c r="H73" s="3"/>
      <c r="I73" s="3"/>
      <c r="J73" s="3"/>
      <c r="K73" s="3"/>
    </row>
    <row r="74" spans="2:11" x14ac:dyDescent="0.2">
      <c r="B74" s="3"/>
      <c r="C74" s="3"/>
      <c r="D74" s="3"/>
      <c r="E74" s="3"/>
      <c r="F74" s="3"/>
      <c r="G74" s="3"/>
      <c r="H74" s="3"/>
      <c r="I74" s="3"/>
      <c r="J74" s="3"/>
      <c r="K74" s="3"/>
    </row>
    <row r="75" spans="2:11" x14ac:dyDescent="0.2">
      <c r="B75" s="3"/>
      <c r="C75" s="3"/>
      <c r="D75" s="3"/>
      <c r="E75" s="3"/>
      <c r="F75" s="3"/>
      <c r="G75" s="3"/>
      <c r="H75" s="3"/>
      <c r="I75" s="3"/>
      <c r="J75" s="3"/>
      <c r="K75" s="3"/>
    </row>
    <row r="76" spans="2:11" x14ac:dyDescent="0.2">
      <c r="B76" s="3"/>
      <c r="C76" s="3"/>
      <c r="D76" s="3"/>
      <c r="E76" s="3"/>
      <c r="F76" s="3"/>
      <c r="G76" s="3"/>
      <c r="H76" s="3"/>
      <c r="I76" s="3"/>
      <c r="J76" s="3"/>
      <c r="K76" s="3"/>
    </row>
    <row r="77" spans="2:11" x14ac:dyDescent="0.2">
      <c r="B77" s="3"/>
      <c r="C77" s="3"/>
      <c r="D77" s="3"/>
      <c r="E77" s="3"/>
      <c r="F77" s="3"/>
      <c r="G77" s="3"/>
      <c r="H77" s="3"/>
      <c r="I77" s="3"/>
      <c r="J77" s="3"/>
      <c r="K77" s="3"/>
    </row>
    <row r="78" spans="2:11" x14ac:dyDescent="0.2">
      <c r="B78" s="3"/>
      <c r="C78" s="3"/>
      <c r="D78" s="3"/>
      <c r="E78" s="3"/>
      <c r="F78" s="3"/>
      <c r="G78" s="3"/>
      <c r="H78" s="3"/>
      <c r="I78" s="3"/>
      <c r="J78" s="3"/>
      <c r="K78" s="3"/>
    </row>
    <row r="79" spans="2:11" x14ac:dyDescent="0.2">
      <c r="B79" s="3"/>
      <c r="C79" s="3"/>
      <c r="D79" s="3"/>
      <c r="E79" s="3"/>
      <c r="F79" s="3"/>
      <c r="G79" s="3"/>
      <c r="H79" s="3"/>
      <c r="I79" s="3"/>
      <c r="J79" s="3"/>
      <c r="K79" s="3"/>
    </row>
    <row r="80" spans="2:11" x14ac:dyDescent="0.2">
      <c r="B80" s="3"/>
      <c r="C80" s="3"/>
      <c r="D80" s="3"/>
      <c r="E80" s="3"/>
      <c r="F80" s="3"/>
      <c r="G80" s="3"/>
      <c r="H80" s="3"/>
      <c r="I80" s="3"/>
      <c r="J80" s="3"/>
      <c r="K80" s="3"/>
    </row>
    <row r="81" spans="2:11" x14ac:dyDescent="0.2">
      <c r="B81" s="3"/>
      <c r="C81" s="3"/>
      <c r="D81" s="3"/>
      <c r="E81" s="3"/>
      <c r="F81" s="3"/>
      <c r="G81" s="3"/>
      <c r="H81" s="3"/>
      <c r="I81" s="3"/>
      <c r="J81" s="3"/>
      <c r="K81" s="3"/>
    </row>
    <row r="82" spans="2:11" x14ac:dyDescent="0.2">
      <c r="B82" s="3"/>
      <c r="C82" s="3"/>
      <c r="D82" s="3"/>
      <c r="E82" s="3"/>
      <c r="F82" s="3"/>
      <c r="G82" s="3"/>
      <c r="H82" s="3"/>
      <c r="I82" s="3"/>
      <c r="J82" s="3"/>
      <c r="K82" s="3"/>
    </row>
    <row r="83" spans="2:11" x14ac:dyDescent="0.2">
      <c r="B83" s="3"/>
      <c r="C83" s="3"/>
      <c r="D83" s="3"/>
      <c r="E83" s="3"/>
      <c r="F83" s="3"/>
      <c r="G83" s="3"/>
      <c r="H83" s="3"/>
      <c r="I83" s="3"/>
      <c r="J83" s="3"/>
      <c r="K83" s="3"/>
    </row>
    <row r="84" spans="2:11" x14ac:dyDescent="0.2">
      <c r="B84" s="3"/>
      <c r="C84" s="3"/>
      <c r="D84" s="3"/>
      <c r="E84" s="3"/>
      <c r="F84" s="3"/>
      <c r="G84" s="3"/>
      <c r="H84" s="3"/>
      <c r="I84" s="3"/>
      <c r="J84" s="3"/>
      <c r="K84" s="3"/>
    </row>
    <row r="85" spans="2:11" x14ac:dyDescent="0.2">
      <c r="B85" s="3"/>
      <c r="C85" s="3"/>
      <c r="D85" s="3"/>
      <c r="E85" s="3"/>
      <c r="F85" s="3"/>
      <c r="G85" s="3"/>
      <c r="H85" s="3"/>
      <c r="I85" s="3"/>
      <c r="J85" s="3"/>
      <c r="K85" s="3"/>
    </row>
    <row r="86" spans="2:11" x14ac:dyDescent="0.2">
      <c r="B86" s="3"/>
      <c r="C86" s="3"/>
      <c r="D86" s="3"/>
      <c r="E86" s="3"/>
      <c r="F86" s="3"/>
      <c r="G86" s="3"/>
      <c r="H86" s="3"/>
      <c r="I86" s="3"/>
      <c r="J86" s="3"/>
      <c r="K86" s="3"/>
    </row>
    <row r="87" spans="2:11" x14ac:dyDescent="0.2">
      <c r="B87" s="3"/>
      <c r="C87" s="3"/>
      <c r="D87" s="3"/>
      <c r="E87" s="3"/>
      <c r="F87" s="3"/>
      <c r="G87" s="3"/>
      <c r="H87" s="3"/>
      <c r="I87" s="3"/>
      <c r="J87" s="3"/>
      <c r="K87" s="3"/>
    </row>
    <row r="88" spans="2:11" x14ac:dyDescent="0.2">
      <c r="B88" s="3"/>
      <c r="C88" s="3"/>
      <c r="D88" s="3"/>
      <c r="E88" s="3"/>
      <c r="F88" s="3"/>
      <c r="G88" s="3"/>
      <c r="H88" s="3"/>
      <c r="I88" s="3"/>
      <c r="J88" s="3"/>
      <c r="K88" s="3"/>
    </row>
    <row r="89" spans="2:11" x14ac:dyDescent="0.2">
      <c r="B89" s="3"/>
      <c r="C89" s="3"/>
      <c r="D89" s="3"/>
      <c r="E89" s="3"/>
      <c r="F89" s="3"/>
      <c r="G89" s="3"/>
      <c r="H89" s="3"/>
      <c r="I89" s="3"/>
      <c r="J89" s="3"/>
      <c r="K89" s="3"/>
    </row>
    <row r="90" spans="2:11" x14ac:dyDescent="0.2">
      <c r="B90" s="3"/>
      <c r="C90" s="3"/>
      <c r="D90" s="3"/>
      <c r="E90" s="3"/>
      <c r="F90" s="3"/>
      <c r="G90" s="3"/>
      <c r="H90" s="3"/>
      <c r="I90" s="3"/>
      <c r="J90" s="3"/>
      <c r="K90" s="3"/>
    </row>
    <row r="91" spans="2:11" x14ac:dyDescent="0.2">
      <c r="B91" s="3"/>
      <c r="C91" s="3"/>
      <c r="D91" s="3"/>
      <c r="E91" s="3"/>
      <c r="F91" s="3"/>
      <c r="G91" s="3"/>
      <c r="H91" s="3"/>
      <c r="I91" s="3"/>
      <c r="J91" s="3"/>
      <c r="K91" s="3"/>
    </row>
    <row r="92" spans="2:11" x14ac:dyDescent="0.2">
      <c r="B92" s="3"/>
      <c r="C92" s="3"/>
      <c r="D92" s="3"/>
      <c r="E92" s="3"/>
      <c r="F92" s="3"/>
      <c r="G92" s="3"/>
      <c r="H92" s="3"/>
      <c r="I92" s="3"/>
      <c r="J92" s="3"/>
      <c r="K92" s="3"/>
    </row>
    <row r="93" spans="2:11" x14ac:dyDescent="0.2">
      <c r="B93" s="3"/>
      <c r="C93" s="3"/>
      <c r="D93" s="3"/>
      <c r="E93" s="3"/>
      <c r="F93" s="3"/>
      <c r="G93" s="3"/>
      <c r="H93" s="3"/>
      <c r="I93" s="3"/>
      <c r="J93" s="3"/>
      <c r="K93" s="3"/>
    </row>
    <row r="94" spans="2:11" x14ac:dyDescent="0.2">
      <c r="B94" s="3"/>
      <c r="C94" s="3"/>
      <c r="D94" s="3"/>
      <c r="E94" s="3"/>
      <c r="F94" s="3"/>
      <c r="G94" s="3"/>
      <c r="H94" s="3"/>
      <c r="I94" s="3"/>
      <c r="J94" s="3"/>
      <c r="K94" s="3"/>
    </row>
    <row r="95" spans="2:11" x14ac:dyDescent="0.2">
      <c r="B95" s="3"/>
      <c r="C95" s="3"/>
      <c r="D95" s="3"/>
      <c r="E95" s="3"/>
      <c r="F95" s="3"/>
      <c r="G95" s="3"/>
      <c r="H95" s="3"/>
      <c r="I95" s="3"/>
      <c r="J95" s="3"/>
      <c r="K95" s="3"/>
    </row>
    <row r="96" spans="2:11" x14ac:dyDescent="0.2">
      <c r="B96" s="3"/>
      <c r="C96" s="3"/>
      <c r="D96" s="3"/>
      <c r="E96" s="3"/>
      <c r="F96" s="3"/>
      <c r="G96" s="3"/>
      <c r="H96" s="3"/>
      <c r="I96" s="3"/>
      <c r="J96" s="3"/>
      <c r="K96" s="3"/>
    </row>
    <row r="97" spans="2:11" x14ac:dyDescent="0.2">
      <c r="B97" s="3"/>
      <c r="C97" s="3"/>
      <c r="D97" s="3"/>
      <c r="E97" s="3"/>
      <c r="F97" s="3"/>
      <c r="G97" s="3"/>
      <c r="H97" s="3"/>
      <c r="I97" s="3"/>
      <c r="J97" s="3"/>
      <c r="K97" s="3"/>
    </row>
    <row r="98" spans="2:11" x14ac:dyDescent="0.2">
      <c r="B98" s="3"/>
      <c r="C98" s="3"/>
      <c r="D98" s="3"/>
      <c r="E98" s="3"/>
      <c r="F98" s="3"/>
      <c r="G98" s="3"/>
      <c r="H98" s="3"/>
      <c r="I98" s="3"/>
      <c r="J98" s="3"/>
      <c r="K98" s="3"/>
    </row>
    <row r="99" spans="2:11" x14ac:dyDescent="0.2">
      <c r="B99" s="3"/>
      <c r="C99" s="3"/>
      <c r="D99" s="3"/>
      <c r="E99" s="3"/>
      <c r="F99" s="3"/>
      <c r="G99" s="3"/>
      <c r="H99" s="3"/>
      <c r="I99" s="3"/>
      <c r="J99" s="3"/>
      <c r="K99" s="3"/>
    </row>
    <row r="100" spans="2:11" x14ac:dyDescent="0.2">
      <c r="B100" s="3"/>
      <c r="C100" s="3"/>
      <c r="D100" s="3"/>
      <c r="E100" s="3"/>
      <c r="F100" s="3"/>
      <c r="G100" s="3"/>
      <c r="H100" s="3"/>
      <c r="I100" s="3"/>
      <c r="J100" s="3"/>
      <c r="K100" s="3"/>
    </row>
    <row r="101" spans="2:11" x14ac:dyDescent="0.2">
      <c r="B101" s="3"/>
      <c r="C101" s="3"/>
      <c r="D101" s="3"/>
      <c r="E101" s="3"/>
      <c r="F101" s="3"/>
      <c r="G101" s="3"/>
      <c r="H101" s="3"/>
      <c r="I101" s="3"/>
      <c r="J101" s="3"/>
      <c r="K101" s="3"/>
    </row>
    <row r="102" spans="2:11" x14ac:dyDescent="0.2">
      <c r="B102" s="3"/>
      <c r="C102" s="3"/>
      <c r="D102" s="3"/>
      <c r="E102" s="3"/>
      <c r="F102" s="3"/>
      <c r="G102" s="3"/>
      <c r="H102" s="3"/>
      <c r="I102" s="3"/>
      <c r="J102" s="3"/>
      <c r="K102" s="3"/>
    </row>
    <row r="103" spans="2:11" x14ac:dyDescent="0.2">
      <c r="B103" s="3"/>
      <c r="C103" s="3"/>
      <c r="D103" s="3"/>
      <c r="E103" s="3"/>
      <c r="F103" s="3"/>
      <c r="G103" s="3"/>
      <c r="H103" s="3"/>
      <c r="I103" s="3"/>
      <c r="J103" s="3"/>
      <c r="K103" s="3"/>
    </row>
    <row r="104" spans="2:11" x14ac:dyDescent="0.2">
      <c r="B104" s="3"/>
      <c r="C104" s="3"/>
      <c r="D104" s="3"/>
      <c r="E104" s="3"/>
      <c r="F104" s="3"/>
      <c r="G104" s="3"/>
      <c r="H104" s="3"/>
      <c r="I104" s="3"/>
      <c r="J104" s="3"/>
      <c r="K104" s="3"/>
    </row>
    <row r="105" spans="2:11" x14ac:dyDescent="0.2">
      <c r="B105" s="3"/>
      <c r="C105" s="3"/>
      <c r="D105" s="3"/>
      <c r="E105" s="3"/>
      <c r="F105" s="3"/>
      <c r="G105" s="3"/>
      <c r="H105" s="3"/>
      <c r="I105" s="3"/>
      <c r="J105" s="3"/>
      <c r="K105" s="3"/>
    </row>
    <row r="106" spans="2:11" x14ac:dyDescent="0.2">
      <c r="B106" s="3"/>
      <c r="C106" s="3"/>
      <c r="D106" s="3"/>
      <c r="E106" s="3"/>
      <c r="F106" s="3"/>
      <c r="G106" s="3"/>
      <c r="H106" s="3"/>
      <c r="I106" s="3"/>
      <c r="J106" s="3"/>
      <c r="K106" s="3"/>
    </row>
    <row r="107" spans="2:11" x14ac:dyDescent="0.2">
      <c r="B107" s="3"/>
      <c r="C107" s="3"/>
      <c r="D107" s="3"/>
      <c r="E107" s="3"/>
      <c r="F107" s="3"/>
      <c r="G107" s="3"/>
      <c r="H107" s="3"/>
      <c r="I107" s="3"/>
      <c r="J107" s="3"/>
      <c r="K107" s="3"/>
    </row>
    <row r="108" spans="2:11" x14ac:dyDescent="0.2">
      <c r="B108" s="3"/>
      <c r="C108" s="3"/>
      <c r="D108" s="3"/>
      <c r="E108" s="3"/>
      <c r="F108" s="3"/>
      <c r="G108" s="3"/>
      <c r="H108" s="3"/>
      <c r="I108" s="3"/>
      <c r="J108" s="3"/>
      <c r="K108" s="3"/>
    </row>
    <row r="109" spans="2:11" x14ac:dyDescent="0.2">
      <c r="B109" s="3"/>
      <c r="C109" s="3"/>
      <c r="D109" s="3"/>
      <c r="E109" s="3"/>
      <c r="F109" s="3"/>
      <c r="G109" s="3"/>
      <c r="H109" s="3"/>
      <c r="I109" s="3"/>
      <c r="J109" s="3"/>
      <c r="K109" s="3"/>
    </row>
    <row r="110" spans="2:11" x14ac:dyDescent="0.2">
      <c r="B110" s="3"/>
      <c r="C110" s="3"/>
      <c r="D110" s="3"/>
      <c r="E110" s="3"/>
      <c r="F110" s="3"/>
      <c r="G110" s="3"/>
      <c r="H110" s="3"/>
      <c r="I110" s="3"/>
      <c r="J110" s="3"/>
      <c r="K110" s="3"/>
    </row>
    <row r="111" spans="2:11" x14ac:dyDescent="0.2">
      <c r="B111" s="3"/>
      <c r="C111" s="3"/>
      <c r="D111" s="3"/>
      <c r="E111" s="3"/>
      <c r="F111" s="3"/>
      <c r="G111" s="3"/>
      <c r="H111" s="3"/>
      <c r="I111" s="3"/>
      <c r="J111" s="3"/>
      <c r="K111" s="3"/>
    </row>
    <row r="112" spans="2:11" x14ac:dyDescent="0.2">
      <c r="B112" s="3"/>
      <c r="C112" s="3"/>
      <c r="D112" s="3"/>
      <c r="E112" s="3"/>
      <c r="F112" s="3"/>
      <c r="G112" s="3"/>
      <c r="H112" s="3"/>
      <c r="I112" s="3"/>
      <c r="J112" s="3"/>
      <c r="K112" s="3"/>
    </row>
    <row r="113" spans="2:11" x14ac:dyDescent="0.2">
      <c r="B113" s="3"/>
      <c r="C113" s="3"/>
      <c r="D113" s="3"/>
      <c r="E113" s="3"/>
      <c r="F113" s="3"/>
      <c r="G113" s="3"/>
      <c r="H113" s="3"/>
      <c r="I113" s="3"/>
      <c r="J113" s="3"/>
      <c r="K113" s="3"/>
    </row>
    <row r="114" spans="2:11" x14ac:dyDescent="0.2">
      <c r="B114" s="3"/>
      <c r="C114" s="3"/>
      <c r="D114" s="3"/>
      <c r="E114" s="3"/>
      <c r="F114" s="3"/>
      <c r="G114" s="3"/>
      <c r="H114" s="3"/>
      <c r="I114" s="3"/>
      <c r="J114" s="3"/>
      <c r="K114" s="3"/>
    </row>
    <row r="115" spans="2:11" x14ac:dyDescent="0.2">
      <c r="B115" s="3"/>
      <c r="C115" s="3"/>
      <c r="D115" s="3"/>
      <c r="E115" s="3"/>
      <c r="F115" s="3"/>
      <c r="G115" s="3"/>
      <c r="H115" s="3"/>
      <c r="I115" s="3"/>
      <c r="J115" s="3"/>
      <c r="K115" s="3"/>
    </row>
    <row r="116" spans="2:11" x14ac:dyDescent="0.2">
      <c r="B116" s="3"/>
      <c r="C116" s="3"/>
      <c r="D116" s="3"/>
      <c r="E116" s="3"/>
      <c r="F116" s="3"/>
      <c r="G116" s="3"/>
      <c r="H116" s="3"/>
      <c r="I116" s="3"/>
      <c r="J116" s="3"/>
      <c r="K116" s="3"/>
    </row>
    <row r="117" spans="2:11" x14ac:dyDescent="0.2">
      <c r="B117" s="3"/>
      <c r="C117" s="3"/>
      <c r="D117" s="3"/>
      <c r="E117" s="3"/>
      <c r="F117" s="3"/>
      <c r="G117" s="3"/>
      <c r="H117" s="3"/>
      <c r="I117" s="3"/>
      <c r="J117" s="3"/>
      <c r="K117" s="3"/>
    </row>
    <row r="118" spans="2:11" x14ac:dyDescent="0.2">
      <c r="B118" s="3"/>
      <c r="C118" s="3"/>
      <c r="D118" s="3"/>
      <c r="E118" s="3"/>
      <c r="F118" s="3"/>
      <c r="G118" s="3"/>
      <c r="H118" s="3"/>
      <c r="I118" s="3"/>
      <c r="J118" s="3"/>
      <c r="K118" s="3"/>
    </row>
    <row r="119" spans="2:11" x14ac:dyDescent="0.2">
      <c r="B119" s="3"/>
      <c r="C119" s="3"/>
      <c r="D119" s="3"/>
      <c r="E119" s="3"/>
      <c r="F119" s="3"/>
      <c r="G119" s="3"/>
      <c r="H119" s="3"/>
      <c r="I119" s="3"/>
      <c r="J119" s="3"/>
      <c r="K119" s="3"/>
    </row>
    <row r="120" spans="2:11" x14ac:dyDescent="0.2">
      <c r="B120" s="3"/>
      <c r="C120" s="3"/>
      <c r="D120" s="3"/>
      <c r="E120" s="3"/>
      <c r="F120" s="3"/>
      <c r="G120" s="3"/>
      <c r="H120" s="3"/>
      <c r="I120" s="3"/>
      <c r="J120" s="3"/>
      <c r="K120" s="3"/>
    </row>
    <row r="121" spans="2:11" x14ac:dyDescent="0.2">
      <c r="B121" s="3"/>
      <c r="C121" s="3"/>
      <c r="D121" s="3"/>
      <c r="E121" s="3"/>
      <c r="F121" s="3"/>
      <c r="G121" s="3"/>
      <c r="H121" s="3"/>
      <c r="I121" s="3"/>
      <c r="J121" s="3"/>
      <c r="K121" s="3"/>
    </row>
    <row r="122" spans="2:11" x14ac:dyDescent="0.2">
      <c r="B122" s="3"/>
      <c r="C122" s="3"/>
      <c r="D122" s="3"/>
      <c r="E122" s="3"/>
      <c r="F122" s="3"/>
      <c r="G122" s="3"/>
      <c r="H122" s="3"/>
      <c r="I122" s="3"/>
      <c r="J122" s="3"/>
      <c r="K122" s="3"/>
    </row>
    <row r="123" spans="2:11" x14ac:dyDescent="0.2">
      <c r="B123" s="3"/>
      <c r="C123" s="3"/>
      <c r="D123" s="3"/>
      <c r="E123" s="3"/>
      <c r="F123" s="3"/>
      <c r="G123" s="3"/>
      <c r="H123" s="3"/>
      <c r="I123" s="3"/>
      <c r="J123" s="3"/>
      <c r="K123" s="3"/>
    </row>
    <row r="124" spans="2:11" x14ac:dyDescent="0.2">
      <c r="B124" s="3"/>
      <c r="C124" s="3"/>
      <c r="D124" s="3"/>
      <c r="E124" s="3"/>
      <c r="F124" s="3"/>
      <c r="G124" s="3"/>
      <c r="H124" s="3"/>
      <c r="I124" s="3"/>
      <c r="J124" s="3"/>
      <c r="K124" s="3"/>
    </row>
    <row r="125" spans="2:11" x14ac:dyDescent="0.2">
      <c r="B125" s="3"/>
      <c r="C125" s="3"/>
      <c r="D125" s="3"/>
      <c r="E125" s="3"/>
      <c r="F125" s="3"/>
      <c r="G125" s="3"/>
      <c r="H125" s="3"/>
      <c r="I125" s="3"/>
      <c r="J125" s="3"/>
      <c r="K125" s="3"/>
    </row>
    <row r="126" spans="2:11" x14ac:dyDescent="0.2">
      <c r="B126" s="3"/>
      <c r="C126" s="3"/>
      <c r="D126" s="3"/>
      <c r="E126" s="3"/>
      <c r="F126" s="3"/>
      <c r="G126" s="3"/>
      <c r="H126" s="3"/>
      <c r="I126" s="3"/>
      <c r="J126" s="3"/>
      <c r="K126" s="3"/>
    </row>
    <row r="127" spans="2:11" x14ac:dyDescent="0.2">
      <c r="B127" s="3"/>
      <c r="C127" s="3"/>
      <c r="D127" s="3"/>
      <c r="E127" s="3"/>
      <c r="F127" s="3"/>
      <c r="G127" s="3"/>
      <c r="H127" s="3"/>
      <c r="I127" s="3"/>
      <c r="J127" s="3"/>
      <c r="K127" s="3"/>
    </row>
    <row r="128" spans="2:11" x14ac:dyDescent="0.2">
      <c r="B128" s="3"/>
      <c r="C128" s="3"/>
      <c r="D128" s="3"/>
      <c r="E128" s="3"/>
      <c r="F128" s="3"/>
      <c r="G128" s="3"/>
      <c r="H128" s="3"/>
      <c r="I128" s="3"/>
      <c r="J128" s="3"/>
      <c r="K128" s="3"/>
    </row>
    <row r="129" spans="2:11" x14ac:dyDescent="0.2">
      <c r="B129" s="3"/>
      <c r="C129" s="3"/>
      <c r="D129" s="3"/>
      <c r="E129" s="3"/>
      <c r="F129" s="3"/>
      <c r="G129" s="3"/>
      <c r="H129" s="3"/>
      <c r="I129" s="3"/>
      <c r="J129" s="3"/>
      <c r="K129" s="3"/>
    </row>
    <row r="130" spans="2:11" x14ac:dyDescent="0.2">
      <c r="B130" s="3"/>
      <c r="C130" s="3"/>
      <c r="D130" s="3"/>
      <c r="E130" s="3"/>
      <c r="F130" s="3"/>
      <c r="G130" s="3"/>
      <c r="H130" s="3"/>
      <c r="I130" s="3"/>
      <c r="J130" s="3"/>
      <c r="K130" s="3"/>
    </row>
    <row r="131" spans="2:11" x14ac:dyDescent="0.2">
      <c r="B131" s="3"/>
      <c r="C131" s="3"/>
      <c r="D131" s="3"/>
      <c r="E131" s="3"/>
      <c r="F131" s="3"/>
      <c r="G131" s="3"/>
      <c r="H131" s="3"/>
      <c r="I131" s="3"/>
      <c r="J131" s="3"/>
      <c r="K131" s="3"/>
    </row>
    <row r="132" spans="2:11" x14ac:dyDescent="0.2">
      <c r="B132" s="3"/>
      <c r="C132" s="3"/>
      <c r="D132" s="3"/>
      <c r="E132" s="3"/>
      <c r="F132" s="3"/>
      <c r="G132" s="3"/>
      <c r="H132" s="3"/>
      <c r="I132" s="3"/>
      <c r="J132" s="3"/>
      <c r="K132" s="3"/>
    </row>
    <row r="133" spans="2:11" x14ac:dyDescent="0.2">
      <c r="B133" s="3"/>
      <c r="C133" s="3"/>
      <c r="D133" s="3"/>
      <c r="E133" s="3"/>
      <c r="F133" s="3"/>
      <c r="G133" s="3"/>
      <c r="H133" s="3"/>
      <c r="I133" s="3"/>
      <c r="J133" s="3"/>
      <c r="K133" s="3"/>
    </row>
    <row r="134" spans="2:11" x14ac:dyDescent="0.2">
      <c r="B134" s="3"/>
      <c r="C134" s="3"/>
      <c r="D134" s="3"/>
      <c r="E134" s="3"/>
      <c r="F134" s="3"/>
      <c r="G134" s="3"/>
      <c r="H134" s="3"/>
      <c r="I134" s="3"/>
      <c r="J134" s="3"/>
      <c r="K134" s="3"/>
    </row>
    <row r="135" spans="2:11" x14ac:dyDescent="0.2">
      <c r="B135" s="3"/>
      <c r="C135" s="3"/>
      <c r="D135" s="3"/>
      <c r="E135" s="3"/>
      <c r="F135" s="3"/>
      <c r="G135" s="3"/>
      <c r="H135" s="3"/>
      <c r="I135" s="3"/>
      <c r="J135" s="3"/>
      <c r="K135" s="3"/>
    </row>
    <row r="136" spans="2:11" x14ac:dyDescent="0.2">
      <c r="B136" s="3"/>
      <c r="C136" s="3"/>
      <c r="D136" s="3"/>
      <c r="E136" s="3"/>
      <c r="F136" s="3"/>
      <c r="G136" s="3"/>
      <c r="H136" s="3"/>
      <c r="I136" s="3"/>
      <c r="J136" s="3"/>
      <c r="K136" s="3"/>
    </row>
    <row r="137" spans="2:11" x14ac:dyDescent="0.2">
      <c r="B137" s="3"/>
      <c r="C137" s="3"/>
      <c r="D137" s="3"/>
      <c r="E137" s="3"/>
      <c r="F137" s="3"/>
      <c r="G137" s="3"/>
      <c r="H137" s="3"/>
      <c r="I137" s="3"/>
      <c r="J137" s="3"/>
      <c r="K137" s="3"/>
    </row>
    <row r="138" spans="2:11" x14ac:dyDescent="0.2">
      <c r="B138" s="3"/>
      <c r="C138" s="3"/>
      <c r="D138" s="3"/>
      <c r="E138" s="3"/>
      <c r="F138" s="3"/>
      <c r="G138" s="3"/>
      <c r="H138" s="3"/>
      <c r="I138" s="3"/>
      <c r="J138" s="3"/>
      <c r="K138" s="3"/>
    </row>
    <row r="139" spans="2:11" x14ac:dyDescent="0.2">
      <c r="B139" s="3"/>
      <c r="C139" s="3"/>
      <c r="D139" s="3"/>
      <c r="E139" s="3"/>
      <c r="F139" s="3"/>
      <c r="G139" s="3"/>
      <c r="H139" s="3"/>
      <c r="I139" s="3"/>
      <c r="J139" s="3"/>
      <c r="K139" s="3"/>
    </row>
    <row r="140" spans="2:11" x14ac:dyDescent="0.2">
      <c r="B140" s="3"/>
      <c r="C140" s="3"/>
      <c r="D140" s="3"/>
      <c r="E140" s="3"/>
      <c r="F140" s="3"/>
      <c r="G140" s="3"/>
      <c r="H140" s="3"/>
      <c r="I140" s="3"/>
      <c r="J140" s="3"/>
      <c r="K140" s="3"/>
    </row>
    <row r="141" spans="2:11" x14ac:dyDescent="0.2">
      <c r="B141" s="3"/>
      <c r="C141" s="3"/>
      <c r="D141" s="3"/>
      <c r="E141" s="3"/>
      <c r="F141" s="3"/>
      <c r="G141" s="3"/>
      <c r="H141" s="3"/>
      <c r="I141" s="3"/>
      <c r="J141" s="3"/>
      <c r="K141" s="3"/>
    </row>
    <row r="142" spans="2:11" x14ac:dyDescent="0.2">
      <c r="B142" s="3"/>
      <c r="C142" s="3"/>
      <c r="D142" s="3"/>
      <c r="E142" s="3"/>
      <c r="F142" s="3"/>
      <c r="G142" s="3"/>
      <c r="H142" s="3"/>
      <c r="I142" s="3"/>
      <c r="J142" s="3"/>
      <c r="K142" s="3"/>
    </row>
    <row r="143" spans="2:11" x14ac:dyDescent="0.2">
      <c r="B143" s="3"/>
      <c r="C143" s="3"/>
      <c r="D143" s="3"/>
      <c r="E143" s="3"/>
      <c r="F143" s="3"/>
      <c r="G143" s="3"/>
      <c r="H143" s="3"/>
      <c r="I143" s="3"/>
      <c r="J143" s="3"/>
      <c r="K143" s="3"/>
    </row>
    <row r="144" spans="2:11" x14ac:dyDescent="0.2">
      <c r="B144" s="3"/>
      <c r="C144" s="3"/>
      <c r="D144" s="3"/>
      <c r="E144" s="3"/>
      <c r="F144" s="3"/>
      <c r="G144" s="3"/>
      <c r="H144" s="3"/>
      <c r="I144" s="3"/>
      <c r="J144" s="3"/>
      <c r="K144" s="3"/>
    </row>
    <row r="145" spans="2:11" x14ac:dyDescent="0.2">
      <c r="B145" s="3"/>
      <c r="C145" s="3"/>
      <c r="D145" s="3"/>
      <c r="E145" s="3"/>
      <c r="F145" s="3"/>
      <c r="G145" s="3"/>
      <c r="H145" s="3"/>
      <c r="I145" s="3"/>
      <c r="J145" s="3"/>
      <c r="K145" s="3"/>
    </row>
    <row r="146" spans="2:11" x14ac:dyDescent="0.2">
      <c r="B146" s="3"/>
      <c r="C146" s="3"/>
      <c r="D146" s="3"/>
      <c r="E146" s="3"/>
      <c r="F146" s="3"/>
      <c r="G146" s="3"/>
      <c r="H146" s="3"/>
      <c r="I146" s="3"/>
      <c r="J146" s="3"/>
      <c r="K146" s="3"/>
    </row>
    <row r="147" spans="2:11" x14ac:dyDescent="0.2">
      <c r="B147" s="3"/>
      <c r="C147" s="3"/>
      <c r="D147" s="3"/>
      <c r="E147" s="3"/>
      <c r="F147" s="3"/>
      <c r="G147" s="3"/>
      <c r="H147" s="3"/>
      <c r="I147" s="3"/>
      <c r="J147" s="3"/>
      <c r="K147" s="3"/>
    </row>
    <row r="148" spans="2:11" x14ac:dyDescent="0.2">
      <c r="B148" s="3"/>
      <c r="C148" s="3"/>
      <c r="D148" s="3"/>
      <c r="E148" s="3"/>
      <c r="F148" s="3"/>
      <c r="G148" s="3"/>
      <c r="H148" s="3"/>
      <c r="I148" s="3"/>
      <c r="J148" s="3"/>
      <c r="K148" s="3"/>
    </row>
    <row r="149" spans="2:11" x14ac:dyDescent="0.2">
      <c r="B149" s="3"/>
      <c r="C149" s="3"/>
      <c r="D149" s="3"/>
      <c r="E149" s="3"/>
      <c r="F149" s="3"/>
      <c r="G149" s="3"/>
      <c r="H149" s="3"/>
      <c r="I149" s="3"/>
      <c r="J149" s="3"/>
      <c r="K149" s="3"/>
    </row>
    <row r="150" spans="2:11" x14ac:dyDescent="0.2">
      <c r="B150" s="3"/>
      <c r="C150" s="3"/>
      <c r="D150" s="3"/>
      <c r="E150" s="3"/>
      <c r="F150" s="3"/>
      <c r="G150" s="3"/>
      <c r="H150" s="3"/>
      <c r="I150" s="3"/>
      <c r="J150" s="3"/>
      <c r="K150" s="3"/>
    </row>
    <row r="151" spans="2:11" x14ac:dyDescent="0.2">
      <c r="B151" s="3"/>
      <c r="C151" s="3"/>
      <c r="D151" s="3"/>
      <c r="E151" s="3"/>
      <c r="F151" s="3"/>
      <c r="G151" s="3"/>
      <c r="H151" s="3"/>
      <c r="I151" s="3"/>
      <c r="J151" s="3"/>
      <c r="K151" s="3"/>
    </row>
    <row r="152" spans="2:11" x14ac:dyDescent="0.2">
      <c r="B152" s="3"/>
      <c r="C152" s="3"/>
      <c r="D152" s="3"/>
      <c r="E152" s="3"/>
      <c r="F152" s="3"/>
      <c r="G152" s="3"/>
      <c r="H152" s="3"/>
      <c r="I152" s="3"/>
      <c r="J152" s="3"/>
      <c r="K152" s="3"/>
    </row>
    <row r="153" spans="2:11" x14ac:dyDescent="0.2">
      <c r="B153" s="3"/>
      <c r="C153" s="3"/>
      <c r="D153" s="3"/>
      <c r="E153" s="3"/>
      <c r="F153" s="3"/>
      <c r="G153" s="3"/>
      <c r="H153" s="3"/>
      <c r="I153" s="3"/>
      <c r="J153" s="3"/>
      <c r="K153" s="3"/>
    </row>
    <row r="154" spans="2:11" x14ac:dyDescent="0.2">
      <c r="B154" s="3"/>
      <c r="C154" s="3"/>
      <c r="D154" s="3"/>
      <c r="E154" s="3"/>
      <c r="F154" s="3"/>
      <c r="G154" s="3"/>
      <c r="H154" s="3"/>
      <c r="I154" s="3"/>
      <c r="J154" s="3"/>
      <c r="K154" s="3"/>
    </row>
    <row r="155" spans="2:11" x14ac:dyDescent="0.2">
      <c r="B155" s="3"/>
      <c r="C155" s="3"/>
      <c r="D155" s="3"/>
      <c r="E155" s="3"/>
      <c r="F155" s="3"/>
      <c r="G155" s="3"/>
      <c r="H155" s="3"/>
      <c r="I155" s="3"/>
      <c r="J155" s="3"/>
      <c r="K155" s="3"/>
    </row>
    <row r="156" spans="2:11" x14ac:dyDescent="0.2">
      <c r="B156" s="3"/>
      <c r="C156" s="3"/>
      <c r="D156" s="3"/>
      <c r="E156" s="3"/>
      <c r="F156" s="3"/>
      <c r="G156" s="3"/>
      <c r="H156" s="3"/>
      <c r="I156" s="3"/>
      <c r="J156" s="3"/>
      <c r="K156" s="3"/>
    </row>
    <row r="157" spans="2:11" x14ac:dyDescent="0.2">
      <c r="B157" s="3"/>
      <c r="C157" s="3"/>
      <c r="D157" s="3"/>
      <c r="E157" s="3"/>
      <c r="F157" s="3"/>
      <c r="G157" s="3"/>
      <c r="H157" s="3"/>
      <c r="I157" s="3"/>
      <c r="J157" s="3"/>
      <c r="K157" s="3"/>
    </row>
    <row r="158" spans="2:11" x14ac:dyDescent="0.2">
      <c r="B158" s="3"/>
      <c r="C158" s="3"/>
      <c r="D158" s="3"/>
      <c r="E158" s="3"/>
      <c r="F158" s="3"/>
      <c r="G158" s="3"/>
      <c r="H158" s="3"/>
      <c r="I158" s="3"/>
      <c r="J158" s="3"/>
      <c r="K158" s="3"/>
    </row>
    <row r="159" spans="2:11" x14ac:dyDescent="0.2">
      <c r="B159" s="3"/>
      <c r="C159" s="3"/>
      <c r="D159" s="3"/>
      <c r="E159" s="3"/>
      <c r="F159" s="3"/>
      <c r="G159" s="3"/>
      <c r="H159" s="3"/>
      <c r="I159" s="3"/>
      <c r="J159" s="3"/>
      <c r="K159" s="3"/>
    </row>
    <row r="160" spans="2:11" x14ac:dyDescent="0.2">
      <c r="B160" s="3"/>
      <c r="C160" s="3"/>
      <c r="D160" s="3"/>
      <c r="E160" s="3"/>
      <c r="F160" s="3"/>
      <c r="G160" s="3"/>
      <c r="H160" s="3"/>
      <c r="I160" s="3"/>
      <c r="J160" s="3"/>
      <c r="K160" s="3"/>
    </row>
    <row r="161" spans="2:11" x14ac:dyDescent="0.2">
      <c r="B161" s="3"/>
      <c r="C161" s="3"/>
      <c r="D161" s="3"/>
      <c r="E161" s="3"/>
      <c r="F161" s="3"/>
      <c r="G161" s="3"/>
      <c r="H161" s="3"/>
      <c r="I161" s="3"/>
      <c r="J161" s="3"/>
      <c r="K161" s="3"/>
    </row>
    <row r="162" spans="2:11" x14ac:dyDescent="0.2">
      <c r="B162" s="3"/>
      <c r="C162" s="3"/>
      <c r="D162" s="3"/>
      <c r="E162" s="3"/>
      <c r="F162" s="3"/>
      <c r="G162" s="3"/>
      <c r="H162" s="3"/>
      <c r="I162" s="3"/>
      <c r="J162" s="3"/>
      <c r="K162" s="3"/>
    </row>
    <row r="163" spans="2:11" x14ac:dyDescent="0.2">
      <c r="B163" s="3"/>
      <c r="C163" s="3"/>
      <c r="D163" s="3"/>
      <c r="E163" s="3"/>
      <c r="F163" s="3"/>
      <c r="G163" s="3"/>
      <c r="H163" s="3"/>
      <c r="I163" s="3"/>
      <c r="J163" s="3"/>
      <c r="K163" s="3"/>
    </row>
    <row r="164" spans="2:11" x14ac:dyDescent="0.2">
      <c r="B164" s="3"/>
      <c r="C164" s="3"/>
      <c r="D164" s="3"/>
      <c r="E164" s="3"/>
      <c r="F164" s="3"/>
      <c r="G164" s="3"/>
      <c r="H164" s="3"/>
      <c r="I164" s="3"/>
      <c r="J164" s="3"/>
      <c r="K164" s="3"/>
    </row>
    <row r="165" spans="2:11" x14ac:dyDescent="0.2">
      <c r="B165" s="3"/>
      <c r="C165" s="3"/>
      <c r="D165" s="3"/>
      <c r="E165" s="3"/>
      <c r="F165" s="3"/>
      <c r="G165" s="3"/>
      <c r="H165" s="3"/>
      <c r="I165" s="3"/>
      <c r="J165" s="3"/>
      <c r="K165" s="3"/>
    </row>
    <row r="166" spans="2:11" x14ac:dyDescent="0.2">
      <c r="B166" s="3"/>
      <c r="C166" s="3"/>
      <c r="D166" s="3"/>
      <c r="E166" s="3"/>
      <c r="F166" s="3"/>
      <c r="G166" s="3"/>
      <c r="H166" s="3"/>
      <c r="I166" s="3"/>
      <c r="J166" s="3"/>
      <c r="K166" s="3"/>
    </row>
    <row r="167" spans="2:11" x14ac:dyDescent="0.2">
      <c r="B167" s="3"/>
      <c r="C167" s="3"/>
      <c r="D167" s="3"/>
      <c r="E167" s="3"/>
      <c r="F167" s="3"/>
      <c r="G167" s="3"/>
      <c r="H167" s="3"/>
      <c r="I167" s="3"/>
      <c r="J167" s="3"/>
      <c r="K167" s="3"/>
    </row>
    <row r="168" spans="2:11" x14ac:dyDescent="0.2">
      <c r="B168" s="3"/>
      <c r="C168" s="3"/>
      <c r="D168" s="3"/>
      <c r="E168" s="3"/>
      <c r="F168" s="3"/>
      <c r="G168" s="3"/>
      <c r="H168" s="3"/>
      <c r="I168" s="3"/>
      <c r="J168" s="3"/>
      <c r="K168" s="3"/>
    </row>
    <row r="169" spans="2:11" x14ac:dyDescent="0.2">
      <c r="B169" s="3"/>
      <c r="C169" s="3"/>
      <c r="D169" s="3"/>
      <c r="E169" s="3"/>
      <c r="F169" s="3"/>
      <c r="G169" s="3"/>
      <c r="H169" s="3"/>
      <c r="I169" s="3"/>
      <c r="J169" s="3"/>
      <c r="K169" s="3"/>
    </row>
    <row r="170" spans="2:11" x14ac:dyDescent="0.2">
      <c r="B170" s="3"/>
      <c r="C170" s="3"/>
      <c r="D170" s="3"/>
      <c r="E170" s="3"/>
      <c r="F170" s="3"/>
      <c r="G170" s="3"/>
      <c r="H170" s="3"/>
      <c r="I170" s="3"/>
      <c r="J170" s="3"/>
      <c r="K170" s="3"/>
    </row>
    <row r="171" spans="2:11" x14ac:dyDescent="0.2">
      <c r="B171" s="3"/>
      <c r="C171" s="3"/>
      <c r="D171" s="3"/>
      <c r="E171" s="3"/>
      <c r="F171" s="3"/>
      <c r="G171" s="3"/>
      <c r="H171" s="3"/>
      <c r="I171" s="3"/>
      <c r="J171" s="3"/>
      <c r="K171" s="3"/>
    </row>
    <row r="172" spans="2:11" x14ac:dyDescent="0.2">
      <c r="B172" s="3"/>
      <c r="C172" s="3"/>
      <c r="D172" s="3"/>
      <c r="E172" s="3"/>
      <c r="F172" s="3"/>
      <c r="G172" s="3"/>
      <c r="H172" s="3"/>
      <c r="I172" s="3"/>
      <c r="J172" s="3"/>
      <c r="K172" s="3"/>
    </row>
    <row r="173" spans="2:11" x14ac:dyDescent="0.2">
      <c r="B173" s="3"/>
      <c r="C173" s="3"/>
      <c r="D173" s="3"/>
      <c r="E173" s="3"/>
      <c r="F173" s="3"/>
      <c r="G173" s="3"/>
      <c r="H173" s="3"/>
      <c r="I173" s="3"/>
      <c r="J173" s="3"/>
      <c r="K173" s="3"/>
    </row>
    <row r="174" spans="2:11" x14ac:dyDescent="0.2">
      <c r="B174" s="3"/>
      <c r="C174" s="3"/>
      <c r="D174" s="3"/>
      <c r="E174" s="3"/>
      <c r="F174" s="3"/>
      <c r="G174" s="3"/>
      <c r="H174" s="3"/>
      <c r="I174" s="3"/>
      <c r="J174" s="3"/>
      <c r="K174" s="3"/>
    </row>
    <row r="175" spans="2:11" x14ac:dyDescent="0.2">
      <c r="B175" s="3"/>
      <c r="C175" s="3"/>
      <c r="D175" s="3"/>
      <c r="E175" s="3"/>
      <c r="F175" s="3"/>
      <c r="G175" s="3"/>
      <c r="H175" s="3"/>
      <c r="I175" s="3"/>
      <c r="J175" s="3"/>
      <c r="K175" s="3"/>
    </row>
    <row r="176" spans="2:11" x14ac:dyDescent="0.2">
      <c r="B176" s="3"/>
      <c r="C176" s="3"/>
      <c r="D176" s="3"/>
      <c r="E176" s="3"/>
      <c r="F176" s="3"/>
      <c r="G176" s="3"/>
      <c r="H176" s="3"/>
      <c r="I176" s="3"/>
      <c r="J176" s="3"/>
      <c r="K176" s="3"/>
    </row>
    <row r="177" spans="2:11" x14ac:dyDescent="0.2">
      <c r="B177" s="3"/>
      <c r="C177" s="3"/>
      <c r="D177" s="3"/>
      <c r="E177" s="3"/>
      <c r="F177" s="3"/>
      <c r="G177" s="3"/>
      <c r="H177" s="3"/>
      <c r="I177" s="3"/>
      <c r="J177" s="3"/>
      <c r="K177" s="3"/>
    </row>
    <row r="178" spans="2:11" x14ac:dyDescent="0.2">
      <c r="B178" s="3"/>
      <c r="C178" s="3"/>
      <c r="D178" s="3"/>
      <c r="E178" s="3"/>
      <c r="F178" s="3"/>
      <c r="G178" s="3"/>
      <c r="H178" s="3"/>
      <c r="I178" s="3"/>
      <c r="J178" s="3"/>
      <c r="K178" s="3"/>
    </row>
    <row r="179" spans="2:11" x14ac:dyDescent="0.2">
      <c r="B179" s="3"/>
      <c r="C179" s="3"/>
      <c r="D179" s="3"/>
      <c r="E179" s="3"/>
      <c r="F179" s="3"/>
      <c r="G179" s="3"/>
      <c r="H179" s="3"/>
      <c r="I179" s="3"/>
      <c r="J179" s="3"/>
      <c r="K179" s="3"/>
    </row>
    <row r="180" spans="2:11" x14ac:dyDescent="0.2">
      <c r="B180" s="3"/>
      <c r="C180" s="3"/>
      <c r="D180" s="3"/>
      <c r="E180" s="3"/>
      <c r="F180" s="3"/>
      <c r="G180" s="3"/>
      <c r="H180" s="3"/>
      <c r="I180" s="3"/>
      <c r="J180" s="3"/>
      <c r="K180" s="3"/>
    </row>
    <row r="181" spans="2:11" x14ac:dyDescent="0.2">
      <c r="B181" s="3"/>
      <c r="C181" s="3"/>
      <c r="D181" s="3"/>
      <c r="E181" s="3"/>
      <c r="F181" s="3"/>
      <c r="G181" s="3"/>
      <c r="H181" s="3"/>
      <c r="I181" s="3"/>
      <c r="J181" s="3"/>
      <c r="K181" s="3"/>
    </row>
    <row r="182" spans="2:11" x14ac:dyDescent="0.2">
      <c r="B182" s="3"/>
      <c r="C182" s="3"/>
      <c r="D182" s="3"/>
      <c r="E182" s="3"/>
      <c r="F182" s="3"/>
      <c r="G182" s="3"/>
      <c r="H182" s="3"/>
      <c r="I182" s="3"/>
      <c r="J182" s="3"/>
      <c r="K182" s="3"/>
    </row>
    <row r="183" spans="2:11" x14ac:dyDescent="0.2">
      <c r="B183" s="3"/>
      <c r="C183" s="3"/>
      <c r="D183" s="3"/>
      <c r="E183" s="3"/>
      <c r="F183" s="3"/>
      <c r="G183" s="3"/>
      <c r="H183" s="3"/>
      <c r="I183" s="3"/>
      <c r="J183" s="3"/>
      <c r="K183" s="3"/>
    </row>
    <row r="184" spans="2:11" x14ac:dyDescent="0.2">
      <c r="B184" s="3"/>
      <c r="C184" s="3"/>
      <c r="D184" s="3"/>
      <c r="E184" s="3"/>
      <c r="F184" s="3"/>
      <c r="G184" s="3"/>
      <c r="H184" s="3"/>
      <c r="I184" s="3"/>
      <c r="J184" s="3"/>
      <c r="K184" s="3"/>
    </row>
    <row r="185" spans="2:11" x14ac:dyDescent="0.2">
      <c r="B185" s="3"/>
      <c r="C185" s="3"/>
      <c r="D185" s="3"/>
      <c r="E185" s="3"/>
      <c r="F185" s="3"/>
      <c r="G185" s="3"/>
      <c r="H185" s="3"/>
      <c r="I185" s="3"/>
      <c r="J185" s="3"/>
      <c r="K185" s="3"/>
    </row>
    <row r="186" spans="2:11" x14ac:dyDescent="0.2">
      <c r="B186" s="3"/>
      <c r="C186" s="3"/>
      <c r="D186" s="3"/>
      <c r="E186" s="3"/>
      <c r="F186" s="3"/>
      <c r="G186" s="3"/>
      <c r="H186" s="3"/>
      <c r="I186" s="3"/>
      <c r="J186" s="3"/>
      <c r="K186" s="3"/>
    </row>
    <row r="187" spans="2:11" x14ac:dyDescent="0.2">
      <c r="B187" s="3"/>
      <c r="C187" s="3"/>
      <c r="D187" s="3"/>
      <c r="E187" s="3"/>
      <c r="F187" s="3"/>
      <c r="G187" s="3"/>
      <c r="H187" s="3"/>
      <c r="I187" s="3"/>
      <c r="J187" s="3"/>
      <c r="K187" s="3"/>
    </row>
    <row r="188" spans="2:11" x14ac:dyDescent="0.2">
      <c r="B188" s="3"/>
      <c r="C188" s="3"/>
      <c r="D188" s="3"/>
      <c r="E188" s="3"/>
      <c r="F188" s="3"/>
      <c r="G188" s="3"/>
      <c r="H188" s="3"/>
      <c r="I188" s="3"/>
      <c r="J188" s="3"/>
      <c r="K188" s="3"/>
    </row>
    <row r="189" spans="2:11" x14ac:dyDescent="0.2">
      <c r="B189" s="3"/>
      <c r="C189" s="3"/>
      <c r="D189" s="3"/>
      <c r="E189" s="3"/>
      <c r="F189" s="3"/>
      <c r="G189" s="3"/>
      <c r="H189" s="3"/>
      <c r="I189" s="3"/>
      <c r="J189" s="3"/>
      <c r="K189" s="3"/>
    </row>
    <row r="190" spans="2:11" x14ac:dyDescent="0.2">
      <c r="B190" s="3"/>
      <c r="C190" s="3"/>
      <c r="D190" s="3"/>
      <c r="E190" s="3"/>
      <c r="F190" s="3"/>
      <c r="G190" s="3"/>
      <c r="H190" s="3"/>
      <c r="I190" s="3"/>
      <c r="J190" s="3"/>
      <c r="K190" s="3"/>
    </row>
    <row r="191" spans="2:11" x14ac:dyDescent="0.2">
      <c r="B191" s="3"/>
      <c r="C191" s="3"/>
      <c r="D191" s="3"/>
      <c r="E191" s="3"/>
      <c r="F191" s="3"/>
      <c r="G191" s="3"/>
      <c r="H191" s="3"/>
      <c r="I191" s="3"/>
      <c r="J191" s="3"/>
      <c r="K191" s="3"/>
    </row>
    <row r="192" spans="2:11" x14ac:dyDescent="0.2">
      <c r="B192" s="3"/>
      <c r="C192" s="3"/>
      <c r="D192" s="3"/>
      <c r="E192" s="3"/>
      <c r="F192" s="3"/>
      <c r="G192" s="3"/>
      <c r="H192" s="3"/>
      <c r="I192" s="3"/>
      <c r="J192" s="3"/>
      <c r="K192" s="3"/>
    </row>
    <row r="193" spans="2:11" x14ac:dyDescent="0.2">
      <c r="B193" s="3"/>
      <c r="C193" s="3"/>
      <c r="D193" s="3"/>
      <c r="E193" s="3"/>
      <c r="F193" s="3"/>
      <c r="G193" s="3"/>
      <c r="H193" s="3"/>
      <c r="I193" s="3"/>
      <c r="J193" s="3"/>
      <c r="K193" s="3"/>
    </row>
    <row r="194" spans="2:11" x14ac:dyDescent="0.2">
      <c r="B194" s="3"/>
      <c r="C194" s="3"/>
      <c r="D194" s="3"/>
      <c r="E194" s="3"/>
      <c r="F194" s="3"/>
      <c r="G194" s="3"/>
      <c r="H194" s="3"/>
      <c r="I194" s="3"/>
      <c r="J194" s="3"/>
      <c r="K194" s="3"/>
    </row>
    <row r="195" spans="2:11" x14ac:dyDescent="0.2">
      <c r="B195" s="3"/>
      <c r="C195" s="3"/>
      <c r="D195" s="3"/>
      <c r="E195" s="3"/>
      <c r="F195" s="3"/>
      <c r="G195" s="3"/>
      <c r="H195" s="3"/>
      <c r="I195" s="3"/>
      <c r="J195" s="3"/>
      <c r="K195" s="3"/>
    </row>
    <row r="196" spans="2:11" x14ac:dyDescent="0.2">
      <c r="B196" s="3"/>
      <c r="C196" s="3"/>
      <c r="D196" s="3"/>
      <c r="E196" s="3"/>
      <c r="F196" s="3"/>
      <c r="G196" s="3"/>
      <c r="H196" s="3"/>
      <c r="I196" s="3"/>
      <c r="J196" s="3"/>
      <c r="K196" s="3"/>
    </row>
    <row r="197" spans="2:11" x14ac:dyDescent="0.2">
      <c r="B197" s="3"/>
      <c r="C197" s="3"/>
      <c r="D197" s="3"/>
      <c r="E197" s="3"/>
      <c r="F197" s="3"/>
      <c r="G197" s="3"/>
      <c r="H197" s="3"/>
      <c r="I197" s="3"/>
      <c r="J197" s="3"/>
      <c r="K197" s="3"/>
    </row>
    <row r="198" spans="2:11" x14ac:dyDescent="0.2">
      <c r="B198" s="3"/>
      <c r="C198" s="3"/>
      <c r="D198" s="3"/>
      <c r="E198" s="3"/>
      <c r="F198" s="3"/>
      <c r="G198" s="3"/>
      <c r="H198" s="3"/>
      <c r="I198" s="3"/>
      <c r="J198" s="3"/>
      <c r="K198" s="3"/>
    </row>
    <row r="199" spans="2:11" x14ac:dyDescent="0.2">
      <c r="B199" s="3"/>
      <c r="C199" s="3"/>
      <c r="D199" s="3"/>
      <c r="E199" s="3"/>
      <c r="F199" s="3"/>
      <c r="G199" s="3"/>
      <c r="H199" s="3"/>
      <c r="I199" s="3"/>
      <c r="J199" s="3"/>
      <c r="K199" s="3"/>
    </row>
    <row r="200" spans="2:11" x14ac:dyDescent="0.2">
      <c r="B200" s="3"/>
      <c r="C200" s="3"/>
      <c r="D200" s="3"/>
      <c r="E200" s="3"/>
      <c r="F200" s="3"/>
      <c r="G200" s="3"/>
      <c r="H200" s="3"/>
      <c r="I200" s="3"/>
      <c r="J200" s="3"/>
      <c r="K200" s="3"/>
    </row>
    <row r="201" spans="2:11" x14ac:dyDescent="0.2">
      <c r="B201" s="3"/>
      <c r="C201" s="3"/>
      <c r="D201" s="3"/>
      <c r="E201" s="3"/>
      <c r="F201" s="3"/>
      <c r="G201" s="3"/>
      <c r="H201" s="3"/>
      <c r="I201" s="3"/>
      <c r="J201" s="3"/>
      <c r="K201" s="3"/>
    </row>
    <row r="202" spans="2:11" x14ac:dyDescent="0.2">
      <c r="B202" s="3"/>
      <c r="C202" s="3"/>
      <c r="D202" s="3"/>
      <c r="E202" s="3"/>
      <c r="F202" s="3"/>
      <c r="G202" s="3"/>
      <c r="H202" s="3"/>
      <c r="I202" s="3"/>
      <c r="J202" s="3"/>
      <c r="K202" s="3"/>
    </row>
    <row r="203" spans="2:11" x14ac:dyDescent="0.2">
      <c r="B203" s="3"/>
      <c r="C203" s="3"/>
      <c r="D203" s="3"/>
      <c r="E203" s="3"/>
      <c r="F203" s="3"/>
      <c r="G203" s="3"/>
      <c r="H203" s="3"/>
      <c r="I203" s="3"/>
      <c r="J203" s="3"/>
      <c r="K203" s="3"/>
    </row>
    <row r="204" spans="2:11" x14ac:dyDescent="0.2">
      <c r="B204" s="3"/>
      <c r="C204" s="3"/>
      <c r="D204" s="3"/>
      <c r="E204" s="3"/>
      <c r="F204" s="3"/>
      <c r="G204" s="3"/>
      <c r="H204" s="3"/>
      <c r="I204" s="3"/>
      <c r="J204" s="3"/>
      <c r="K204" s="3"/>
    </row>
    <row r="205" spans="2:11" x14ac:dyDescent="0.2">
      <c r="B205" s="3"/>
      <c r="C205" s="3"/>
      <c r="D205" s="3"/>
      <c r="E205" s="3"/>
      <c r="F205" s="3"/>
      <c r="G205" s="3"/>
      <c r="H205" s="3"/>
      <c r="I205" s="3"/>
      <c r="J205" s="3"/>
      <c r="K205" s="3"/>
    </row>
    <row r="206" spans="2:11" x14ac:dyDescent="0.2">
      <c r="B206" s="3"/>
      <c r="C206" s="3"/>
      <c r="D206" s="3"/>
      <c r="E206" s="3"/>
      <c r="F206" s="3"/>
      <c r="G206" s="3"/>
      <c r="H206" s="3"/>
      <c r="I206" s="3"/>
      <c r="J206" s="3"/>
      <c r="K206" s="3"/>
    </row>
    <row r="207" spans="2:11" x14ac:dyDescent="0.2">
      <c r="B207" s="3"/>
      <c r="C207" s="3"/>
      <c r="D207" s="3"/>
      <c r="E207" s="3"/>
      <c r="F207" s="3"/>
      <c r="G207" s="3"/>
      <c r="H207" s="3"/>
      <c r="I207" s="3"/>
      <c r="J207" s="3"/>
      <c r="K207" s="3"/>
    </row>
    <row r="208" spans="2:11" x14ac:dyDescent="0.2">
      <c r="B208" s="3"/>
      <c r="C208" s="3"/>
      <c r="D208" s="3"/>
      <c r="E208" s="3"/>
      <c r="F208" s="3"/>
      <c r="G208" s="3"/>
      <c r="H208" s="3"/>
      <c r="I208" s="3"/>
      <c r="J208" s="3"/>
      <c r="K208" s="3"/>
    </row>
    <row r="209" spans="2:11" x14ac:dyDescent="0.2">
      <c r="B209" s="3"/>
      <c r="C209" s="3"/>
      <c r="D209" s="3"/>
      <c r="E209" s="3"/>
      <c r="F209" s="3"/>
      <c r="G209" s="3"/>
      <c r="H209" s="3"/>
      <c r="I209" s="3"/>
      <c r="J209" s="3"/>
      <c r="K209" s="3"/>
    </row>
    <row r="210" spans="2:11" x14ac:dyDescent="0.2">
      <c r="B210" s="3"/>
      <c r="C210" s="3"/>
      <c r="D210" s="3"/>
      <c r="E210" s="3"/>
      <c r="F210" s="3"/>
      <c r="G210" s="3"/>
      <c r="H210" s="3"/>
      <c r="I210" s="3"/>
      <c r="J210" s="3"/>
      <c r="K210" s="3"/>
    </row>
    <row r="211" spans="2:11" x14ac:dyDescent="0.2">
      <c r="B211" s="3"/>
      <c r="C211" s="3"/>
      <c r="D211" s="3"/>
      <c r="E211" s="3"/>
      <c r="F211" s="3"/>
      <c r="G211" s="3"/>
      <c r="H211" s="3"/>
      <c r="I211" s="3"/>
      <c r="J211" s="3"/>
      <c r="K211" s="3"/>
    </row>
    <row r="212" spans="2:11" x14ac:dyDescent="0.2">
      <c r="B212" s="3"/>
      <c r="C212" s="3"/>
      <c r="D212" s="3"/>
      <c r="E212" s="3"/>
      <c r="F212" s="3"/>
      <c r="G212" s="3"/>
      <c r="H212" s="3"/>
      <c r="I212" s="3"/>
      <c r="J212" s="3"/>
      <c r="K212" s="3"/>
    </row>
    <row r="213" spans="2:11" x14ac:dyDescent="0.2">
      <c r="B213" s="3"/>
      <c r="C213" s="3"/>
      <c r="D213" s="3"/>
      <c r="E213" s="3"/>
      <c r="F213" s="3"/>
      <c r="G213" s="3"/>
      <c r="H213" s="3"/>
      <c r="I213" s="3"/>
      <c r="J213" s="3"/>
      <c r="K213" s="3"/>
    </row>
    <row r="214" spans="2:11" x14ac:dyDescent="0.2">
      <c r="B214" s="3"/>
      <c r="C214" s="3"/>
      <c r="D214" s="3"/>
      <c r="E214" s="3"/>
      <c r="F214" s="3"/>
      <c r="G214" s="3"/>
      <c r="H214" s="3"/>
      <c r="I214" s="3"/>
      <c r="J214" s="3"/>
      <c r="K214" s="3"/>
    </row>
    <row r="215" spans="2:11" x14ac:dyDescent="0.2">
      <c r="B215" s="3"/>
      <c r="C215" s="3"/>
      <c r="D215" s="3"/>
      <c r="E215" s="3"/>
      <c r="F215" s="3"/>
      <c r="G215" s="3"/>
      <c r="H215" s="3"/>
      <c r="I215" s="3"/>
      <c r="J215" s="3"/>
      <c r="K215" s="3"/>
    </row>
    <row r="216" spans="2:11" x14ac:dyDescent="0.2">
      <c r="B216" s="3"/>
      <c r="C216" s="3"/>
      <c r="D216" s="3"/>
      <c r="E216" s="3"/>
      <c r="F216" s="3"/>
      <c r="G216" s="3"/>
      <c r="H216" s="3"/>
      <c r="I216" s="3"/>
      <c r="J216" s="3"/>
      <c r="K216" s="3"/>
    </row>
    <row r="217" spans="2:11" x14ac:dyDescent="0.2">
      <c r="B217" s="3"/>
      <c r="C217" s="3"/>
      <c r="D217" s="3"/>
      <c r="E217" s="3"/>
      <c r="F217" s="3"/>
      <c r="G217" s="3"/>
      <c r="H217" s="3"/>
      <c r="I217" s="3"/>
      <c r="J217" s="3"/>
      <c r="K217" s="3"/>
    </row>
    <row r="218" spans="2:11" x14ac:dyDescent="0.2">
      <c r="B218" s="3"/>
      <c r="C218" s="3"/>
      <c r="D218" s="3"/>
      <c r="E218" s="3"/>
      <c r="F218" s="3"/>
      <c r="G218" s="3"/>
      <c r="H218" s="3"/>
      <c r="I218" s="3"/>
      <c r="J218" s="3"/>
      <c r="K218" s="3"/>
    </row>
  </sheetData>
  <mergeCells count="18">
    <mergeCell ref="Y4:AD4"/>
    <mergeCell ref="AE4:AE5"/>
    <mergeCell ref="F1:G1"/>
    <mergeCell ref="AF4:AH4"/>
    <mergeCell ref="AI4:AN4"/>
    <mergeCell ref="AO4:AO5"/>
    <mergeCell ref="A3:A4"/>
    <mergeCell ref="B3:K3"/>
    <mergeCell ref="L3:U3"/>
    <mergeCell ref="V3:AE3"/>
    <mergeCell ref="AF3:AO3"/>
    <mergeCell ref="B4:D4"/>
    <mergeCell ref="E4:J4"/>
    <mergeCell ref="K4:K5"/>
    <mergeCell ref="L4:N4"/>
    <mergeCell ref="O4:T4"/>
    <mergeCell ref="U4:U5"/>
    <mergeCell ref="V4:X4"/>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2" manualBreakCount="2">
    <brk id="11" max="1048575" man="1"/>
    <brk id="21" max="1048575" man="1"/>
  </col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R43"/>
  <sheetViews>
    <sheetView zoomScaleNormal="100" workbookViewId="0">
      <pane xSplit="1" ySplit="9" topLeftCell="B10" activePane="bottomRight" state="frozen"/>
      <selection activeCell="F37" sqref="F37"/>
      <selection pane="topRight" activeCell="F37" sqref="F37"/>
      <selection pane="bottomLeft" activeCell="F37" sqref="F37"/>
      <selection pane="bottomRight"/>
    </sheetView>
  </sheetViews>
  <sheetFormatPr defaultColWidth="8.21875" defaultRowHeight="13.2" x14ac:dyDescent="0.2"/>
  <cols>
    <col min="1" max="1" width="9.21875" style="1" customWidth="1"/>
    <col min="2" max="2" width="8.21875" style="1" customWidth="1"/>
    <col min="3" max="4" width="10" style="1" customWidth="1"/>
    <col min="5" max="5" width="7" style="1" customWidth="1"/>
    <col min="6" max="12" width="10.33203125" style="1" customWidth="1"/>
    <col min="13" max="15" width="8.88671875" style="1" customWidth="1"/>
    <col min="16" max="16" width="7.6640625" style="1" customWidth="1"/>
    <col min="17" max="23" width="10.6640625" style="1" customWidth="1"/>
    <col min="24" max="26" width="8.88671875" style="1" customWidth="1"/>
    <col min="27" max="27" width="7.6640625" style="1" customWidth="1"/>
    <col min="28" max="28" width="8.88671875" style="1" customWidth="1"/>
    <col min="29" max="29" width="10.44140625" style="1" customWidth="1"/>
    <col min="30" max="32" width="8.88671875" style="1" customWidth="1"/>
    <col min="33" max="34" width="10" style="1" customWidth="1"/>
    <col min="35" max="37" width="8.88671875" style="1" customWidth="1"/>
    <col min="38" max="38" width="7.77734375" style="1" customWidth="1"/>
    <col min="39" max="48" width="8.88671875" style="1" customWidth="1"/>
    <col min="49" max="49" width="7.77734375" style="1" customWidth="1"/>
    <col min="50" max="54" width="8.88671875" style="1" customWidth="1"/>
    <col min="55" max="56" width="10.33203125" style="1" customWidth="1"/>
    <col min="57" max="59" width="8.88671875" style="1" customWidth="1"/>
    <col min="60" max="60" width="8" style="1" customWidth="1"/>
    <col min="61" max="70" width="8.88671875" style="1" customWidth="1"/>
    <col min="71" max="71" width="7.44140625" style="1" customWidth="1"/>
    <col min="72" max="76" width="8.88671875" style="1" customWidth="1"/>
    <col min="77" max="77" width="11.77734375" style="1" customWidth="1"/>
    <col min="78" max="78" width="12" style="1" customWidth="1"/>
    <col min="79" max="81" width="8.88671875" style="39" customWidth="1"/>
    <col min="82" max="82" width="7.77734375" style="39" customWidth="1"/>
    <col min="83" max="89" width="9" style="39" customWidth="1"/>
    <col min="90" max="92" width="8.88671875" style="1" customWidth="1"/>
    <col min="93" max="93" width="7.44140625" style="1" customWidth="1"/>
    <col min="94" max="96" width="10.109375" style="1" customWidth="1"/>
    <col min="97" max="98" width="8.88671875" style="1" customWidth="1"/>
    <col min="99" max="100" width="10.21875" style="1" customWidth="1"/>
    <col min="101" max="103" width="8.88671875" style="1" customWidth="1"/>
    <col min="104" max="104" width="7.33203125" style="1" customWidth="1"/>
    <col min="105" max="109" width="8.88671875" style="1" customWidth="1"/>
    <col min="110" max="111" width="9.21875" style="1" customWidth="1"/>
    <col min="112" max="114" width="8.88671875" style="39" customWidth="1"/>
    <col min="115" max="115" width="7.33203125" style="39" customWidth="1"/>
    <col min="116" max="120" width="8.88671875" style="39" customWidth="1"/>
    <col min="121" max="122" width="9.6640625" style="39" customWidth="1"/>
    <col min="123" max="125" width="8.88671875" style="1" customWidth="1"/>
    <col min="126" max="126" width="7.77734375" style="1" customWidth="1"/>
    <col min="127" max="131" width="8.88671875" style="1" customWidth="1"/>
    <col min="132" max="133" width="9.33203125" style="1" customWidth="1"/>
    <col min="134" max="136" width="8.88671875" style="1" customWidth="1"/>
    <col min="137" max="137" width="7.44140625" style="1" customWidth="1"/>
    <col min="138" max="147" width="8.88671875" style="1" customWidth="1"/>
    <col min="148" max="148" width="7.21875" style="1" customWidth="1"/>
    <col min="149" max="158" width="8.88671875" style="1" customWidth="1"/>
    <col min="159" max="159" width="7.21875" style="1" customWidth="1"/>
    <col min="160" max="166" width="8.88671875" style="1" customWidth="1"/>
    <col min="167" max="169" width="8.88671875" style="39" customWidth="1"/>
    <col min="170" max="170" width="7.33203125" style="39" customWidth="1"/>
    <col min="171" max="175" width="8.88671875" style="39" customWidth="1"/>
    <col min="176" max="177" width="9.6640625" style="39" customWidth="1"/>
    <col min="178" max="180" width="8.88671875" style="1" customWidth="1"/>
    <col min="181" max="181" width="7.21875" style="1" customWidth="1"/>
    <col min="182" max="186" width="8.88671875" style="1" customWidth="1"/>
    <col min="187" max="188" width="9.44140625" style="1" customWidth="1"/>
    <col min="189" max="191" width="8.88671875" style="1" customWidth="1"/>
    <col min="192" max="192" width="7.77734375" style="1" customWidth="1"/>
    <col min="193" max="202" width="8.88671875" style="1" customWidth="1"/>
    <col min="203" max="203" width="7.44140625" style="1" customWidth="1"/>
    <col min="204" max="213" width="8.88671875" style="1" customWidth="1"/>
    <col min="214" max="214" width="7.33203125" style="1" customWidth="1"/>
    <col min="215" max="217" width="8.88671875" style="1" customWidth="1"/>
    <col min="218" max="218" width="10.44140625" style="1" customWidth="1"/>
    <col min="219" max="219" width="8.88671875" style="1" customWidth="1"/>
    <col min="220" max="221" width="9.6640625" style="1" customWidth="1"/>
    <col min="222" max="224" width="8.88671875" style="1" customWidth="1"/>
    <col min="225" max="225" width="7.6640625" style="1" customWidth="1"/>
    <col min="226" max="230" width="8.88671875" style="1" customWidth="1"/>
    <col min="231" max="232" width="10" style="1" customWidth="1"/>
    <col min="233" max="234" width="7.44140625" style="39" customWidth="1"/>
    <col min="235" max="235" width="9.33203125" style="39" customWidth="1"/>
    <col min="236" max="236" width="7.44140625" style="39" customWidth="1"/>
    <col min="237" max="243" width="10.109375" style="39" customWidth="1"/>
    <col min="244" max="246" width="10.109375" style="1" customWidth="1"/>
    <col min="247" max="247" width="7.109375" style="1" customWidth="1"/>
    <col min="248" max="257" width="10.109375" style="1" customWidth="1"/>
    <col min="258" max="258" width="7.33203125" style="1" customWidth="1"/>
    <col min="259" max="268" width="10.109375" style="1" customWidth="1"/>
    <col min="269" max="269" width="7.21875" style="1" customWidth="1"/>
    <col min="270" max="279" width="10.109375" style="1" customWidth="1"/>
    <col min="280" max="280" width="7.6640625" style="1" customWidth="1"/>
    <col min="281" max="290" width="10.109375" style="1" customWidth="1"/>
    <col min="291" max="291" width="6.33203125" style="1" customWidth="1"/>
    <col min="292" max="301" width="10.109375" style="1" customWidth="1"/>
    <col min="302" max="302" width="7.44140625" style="1" customWidth="1"/>
    <col min="303" max="309" width="10.109375" style="1" customWidth="1"/>
    <col min="310" max="312" width="10.109375" style="39" customWidth="1"/>
    <col min="313" max="313" width="7.109375" style="39" customWidth="1"/>
    <col min="314" max="323" width="10.109375" style="39" customWidth="1"/>
    <col min="324" max="324" width="7.44140625" style="39" customWidth="1"/>
    <col min="325" max="334" width="10.109375" style="39" customWidth="1"/>
    <col min="335" max="335" width="6.88671875" style="39" customWidth="1"/>
    <col min="336" max="342" width="10.109375" style="39" customWidth="1"/>
    <col min="343" max="345" width="10.109375" style="1" customWidth="1"/>
    <col min="346" max="346" width="7.21875" style="1" customWidth="1"/>
    <col min="347" max="356" width="10.109375" style="1" customWidth="1"/>
    <col min="357" max="357" width="7.21875" style="1" customWidth="1"/>
    <col min="358" max="367" width="10.109375" style="1" customWidth="1"/>
    <col min="368" max="368" width="7" style="1" customWidth="1"/>
    <col min="369" max="378" width="10.109375" style="1" customWidth="1"/>
    <col min="379" max="379" width="6.88671875" style="1" customWidth="1"/>
    <col min="380" max="384" width="10.109375" style="1" customWidth="1"/>
    <col min="385" max="386" width="10.33203125" style="1" customWidth="1"/>
    <col min="387" max="389" width="10.109375" style="1" customWidth="1"/>
    <col min="390" max="390" width="6.88671875" style="1" customWidth="1"/>
    <col min="391" max="395" width="10.109375" style="1" customWidth="1"/>
    <col min="396" max="397" width="10.33203125" style="1" customWidth="1"/>
    <col min="398" max="400" width="9.21875" style="1" customWidth="1"/>
    <col min="401" max="401" width="7" style="1" customWidth="1"/>
    <col min="402" max="403" width="9.21875" style="1" customWidth="1"/>
    <col min="404" max="404" width="10.44140625" style="1" customWidth="1"/>
    <col min="405" max="405" width="12.109375" style="1" customWidth="1"/>
    <col min="406" max="406" width="10.109375" style="1" customWidth="1"/>
    <col min="407" max="408" width="10.33203125" style="1" customWidth="1"/>
    <col min="409" max="16384" width="8.21875" style="1"/>
  </cols>
  <sheetData>
    <row r="1" spans="1:408" ht="21" customHeight="1" x14ac:dyDescent="0.2">
      <c r="A1" s="20" t="s">
        <v>146</v>
      </c>
      <c r="F1" s="520">
        <f>第１表!F2</f>
        <v>4</v>
      </c>
      <c r="G1" s="280">
        <f>第１表!G2</f>
        <v>4</v>
      </c>
      <c r="H1" s="661">
        <f>IF(G1&lt;3,G1-2+12,G1-2)</f>
        <v>2</v>
      </c>
      <c r="I1" s="661"/>
      <c r="IA1" s="411"/>
      <c r="IB1" s="287"/>
      <c r="IC1" s="661"/>
      <c r="ID1" s="661"/>
    </row>
    <row r="2" spans="1:408" s="44" customFormat="1" ht="16.5" customHeight="1" x14ac:dyDescent="0.2">
      <c r="A2" s="20" t="s">
        <v>147</v>
      </c>
      <c r="D2" s="284"/>
      <c r="E2" s="285"/>
      <c r="F2" s="670"/>
      <c r="G2" s="670"/>
      <c r="CA2" s="361"/>
      <c r="CB2" s="361"/>
      <c r="CC2" s="361"/>
      <c r="CD2" s="361"/>
      <c r="CE2" s="361"/>
      <c r="CF2" s="361"/>
      <c r="CG2" s="361"/>
      <c r="CH2" s="361"/>
      <c r="CI2" s="361"/>
      <c r="CJ2" s="361"/>
      <c r="CK2" s="361"/>
      <c r="DH2" s="361"/>
      <c r="DI2" s="361"/>
      <c r="DJ2" s="361"/>
      <c r="DK2" s="361"/>
      <c r="DL2" s="361"/>
      <c r="DM2" s="361"/>
      <c r="DN2" s="361"/>
      <c r="DO2" s="361"/>
      <c r="DP2" s="361"/>
      <c r="DQ2" s="361"/>
      <c r="DR2" s="361"/>
      <c r="FK2" s="361"/>
      <c r="FL2" s="361"/>
      <c r="FM2" s="361"/>
      <c r="FN2" s="361"/>
      <c r="FO2" s="361"/>
      <c r="FP2" s="361"/>
      <c r="FQ2" s="361"/>
      <c r="FR2" s="361"/>
      <c r="FS2" s="361"/>
      <c r="FT2" s="361"/>
      <c r="FU2" s="361"/>
      <c r="HY2" s="39"/>
      <c r="HZ2" s="39"/>
      <c r="IA2" s="286"/>
      <c r="IB2" s="287"/>
      <c r="IC2" s="414"/>
      <c r="ID2" s="414"/>
      <c r="IE2" s="39"/>
      <c r="IF2" s="39"/>
      <c r="IG2" s="39"/>
      <c r="IH2" s="39"/>
      <c r="II2" s="39"/>
      <c r="IJ2" s="1"/>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39"/>
      <c r="KY2" s="39"/>
      <c r="KZ2" s="39"/>
      <c r="LA2" s="39"/>
      <c r="LB2" s="39"/>
      <c r="LC2" s="39"/>
      <c r="LD2" s="39"/>
      <c r="LE2" s="39"/>
      <c r="LF2" s="39"/>
      <c r="LG2" s="39"/>
      <c r="LH2" s="39"/>
      <c r="LI2" s="39"/>
      <c r="LJ2" s="39"/>
      <c r="LK2" s="39"/>
      <c r="LL2" s="39"/>
      <c r="LM2" s="39"/>
      <c r="LN2" s="39"/>
      <c r="LO2" s="39"/>
      <c r="LP2" s="39"/>
      <c r="LQ2" s="39"/>
      <c r="LR2" s="39"/>
      <c r="LS2" s="39"/>
      <c r="LT2" s="39"/>
      <c r="LU2" s="39"/>
      <c r="LV2" s="39"/>
      <c r="LW2" s="39"/>
      <c r="LX2" s="39"/>
      <c r="LY2" s="39"/>
      <c r="LZ2" s="39"/>
      <c r="MA2" s="39"/>
      <c r="MB2" s="39"/>
      <c r="MC2" s="39"/>
      <c r="MD2" s="39"/>
      <c r="ME2" s="1"/>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row>
    <row r="3" spans="1:408" s="44" customFormat="1" ht="18.75" customHeight="1" thickBot="1" x14ac:dyDescent="0.25">
      <c r="A3" s="20" t="s">
        <v>148</v>
      </c>
      <c r="CA3" s="361"/>
      <c r="CB3" s="361"/>
      <c r="CC3" s="361"/>
      <c r="CD3" s="361"/>
      <c r="CE3" s="361"/>
      <c r="CF3" s="361"/>
      <c r="CG3" s="361"/>
      <c r="CH3" s="361"/>
      <c r="CI3" s="361"/>
      <c r="CJ3" s="361"/>
      <c r="CK3" s="361"/>
      <c r="DH3" s="361"/>
      <c r="DI3" s="361"/>
      <c r="DJ3" s="361"/>
      <c r="DK3" s="361"/>
      <c r="DL3" s="361"/>
      <c r="DM3" s="361"/>
      <c r="DN3" s="361"/>
      <c r="DO3" s="361"/>
      <c r="DP3" s="361"/>
      <c r="DQ3" s="361"/>
      <c r="DR3" s="361"/>
      <c r="FK3" s="361"/>
      <c r="FL3" s="361"/>
      <c r="FM3" s="361"/>
      <c r="FN3" s="361"/>
      <c r="FO3" s="361"/>
      <c r="FP3" s="361"/>
      <c r="FQ3" s="361"/>
      <c r="FR3" s="361"/>
      <c r="FS3" s="361"/>
      <c r="FT3" s="361"/>
      <c r="FU3" s="361"/>
      <c r="HY3" s="39"/>
      <c r="HZ3" s="39"/>
      <c r="IA3" s="39"/>
      <c r="IB3" s="39"/>
      <c r="IC3" s="39"/>
      <c r="ID3" s="39"/>
      <c r="IE3" s="39"/>
      <c r="IF3" s="39"/>
      <c r="IG3" s="39"/>
      <c r="IH3" s="39"/>
      <c r="II3" s="39"/>
      <c r="IJ3" s="1"/>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39"/>
      <c r="KY3" s="39"/>
      <c r="KZ3" s="39"/>
      <c r="LA3" s="39"/>
      <c r="LB3" s="39"/>
      <c r="LC3" s="39"/>
      <c r="LD3" s="39"/>
      <c r="LE3" s="39"/>
      <c r="LF3" s="39"/>
      <c r="LG3" s="39"/>
      <c r="LH3" s="39"/>
      <c r="LI3" s="39"/>
      <c r="LJ3" s="39"/>
      <c r="LK3" s="39"/>
      <c r="LL3" s="39"/>
      <c r="LM3" s="39"/>
      <c r="LN3" s="39"/>
      <c r="LO3" s="39"/>
      <c r="LP3" s="39"/>
      <c r="LQ3" s="39"/>
      <c r="LR3" s="39"/>
      <c r="LS3" s="39"/>
      <c r="LT3" s="39"/>
      <c r="LU3" s="39"/>
      <c r="LV3" s="39"/>
      <c r="LW3" s="39"/>
      <c r="LX3" s="39"/>
      <c r="LY3" s="39"/>
      <c r="LZ3" s="39"/>
      <c r="MA3" s="39"/>
      <c r="MB3" s="39"/>
      <c r="MC3" s="39"/>
      <c r="MD3" s="39"/>
      <c r="ME3" s="1"/>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row>
    <row r="4" spans="1:408" ht="18" customHeight="1" thickBot="1" x14ac:dyDescent="0.25">
      <c r="A4" s="675" t="s">
        <v>42</v>
      </c>
      <c r="B4" s="678" t="s">
        <v>63</v>
      </c>
      <c r="C4" s="678"/>
      <c r="D4" s="678"/>
      <c r="E4" s="678"/>
      <c r="F4" s="678"/>
      <c r="G4" s="678"/>
      <c r="H4" s="678"/>
      <c r="I4" s="678"/>
      <c r="J4" s="678"/>
      <c r="K4" s="678"/>
      <c r="L4" s="678"/>
      <c r="M4" s="612"/>
      <c r="N4" s="612"/>
      <c r="O4" s="612"/>
      <c r="P4" s="612"/>
      <c r="Q4" s="612"/>
      <c r="R4" s="612"/>
      <c r="S4" s="612"/>
      <c r="T4" s="612"/>
      <c r="U4" s="612"/>
      <c r="V4" s="612"/>
      <c r="W4" s="612"/>
      <c r="X4" s="612"/>
      <c r="Y4" s="612"/>
      <c r="Z4" s="612"/>
      <c r="AA4" s="612"/>
      <c r="AB4" s="612"/>
      <c r="AC4" s="612"/>
      <c r="AD4" s="612"/>
      <c r="AE4" s="612"/>
      <c r="AF4" s="612"/>
      <c r="AG4" s="612"/>
      <c r="AH4" s="612"/>
      <c r="AI4" s="612"/>
      <c r="AJ4" s="612"/>
      <c r="AK4" s="612"/>
      <c r="AL4" s="612"/>
      <c r="AM4" s="612"/>
      <c r="AN4" s="612"/>
      <c r="AO4" s="612"/>
      <c r="AP4" s="612"/>
      <c r="AQ4" s="612"/>
      <c r="AR4" s="612"/>
      <c r="AS4" s="612"/>
      <c r="AT4" s="612"/>
      <c r="AU4" s="612"/>
      <c r="AV4" s="612"/>
      <c r="AW4" s="612"/>
      <c r="AX4" s="612"/>
      <c r="AY4" s="612"/>
      <c r="AZ4" s="612"/>
      <c r="BA4" s="612"/>
      <c r="BB4" s="612"/>
      <c r="BC4" s="612"/>
      <c r="BD4" s="612"/>
      <c r="BE4" s="612"/>
      <c r="BF4" s="612"/>
      <c r="BG4" s="612"/>
      <c r="BH4" s="612"/>
      <c r="BI4" s="612"/>
      <c r="BJ4" s="612"/>
      <c r="BK4" s="612"/>
      <c r="BL4" s="612"/>
      <c r="BM4" s="612"/>
      <c r="BN4" s="612"/>
      <c r="BO4" s="612"/>
      <c r="BP4" s="612"/>
      <c r="BQ4" s="612"/>
      <c r="BR4" s="612"/>
      <c r="BS4" s="612"/>
      <c r="BT4" s="612"/>
      <c r="BU4" s="612"/>
      <c r="BV4" s="612"/>
      <c r="BW4" s="612"/>
      <c r="BX4" s="612"/>
      <c r="BY4" s="612"/>
      <c r="BZ4" s="612"/>
      <c r="CA4" s="612"/>
      <c r="CB4" s="612"/>
      <c r="CC4" s="612"/>
      <c r="CD4" s="612"/>
      <c r="CE4" s="612"/>
      <c r="CF4" s="612"/>
      <c r="CG4" s="612"/>
      <c r="CH4" s="612"/>
      <c r="CI4" s="612"/>
      <c r="CJ4" s="612"/>
      <c r="CK4" s="612"/>
      <c r="CL4" s="612"/>
      <c r="CM4" s="612"/>
      <c r="CN4" s="612"/>
      <c r="CO4" s="612"/>
      <c r="CP4" s="612"/>
      <c r="CQ4" s="612"/>
      <c r="CR4" s="612"/>
      <c r="CS4" s="612"/>
      <c r="CT4" s="612"/>
      <c r="CU4" s="612"/>
      <c r="CV4" s="612"/>
      <c r="CW4" s="612"/>
      <c r="CX4" s="612"/>
      <c r="CY4" s="612"/>
      <c r="CZ4" s="612"/>
      <c r="DA4" s="612"/>
      <c r="DB4" s="612"/>
      <c r="DC4" s="612"/>
      <c r="DD4" s="612"/>
      <c r="DE4" s="612"/>
      <c r="DF4" s="612"/>
      <c r="DG4" s="612"/>
      <c r="DH4" s="612"/>
      <c r="DI4" s="612"/>
      <c r="DJ4" s="612"/>
      <c r="DK4" s="612"/>
      <c r="DL4" s="612"/>
      <c r="DM4" s="612"/>
      <c r="DN4" s="612"/>
      <c r="DO4" s="612"/>
      <c r="DP4" s="612"/>
      <c r="DQ4" s="612"/>
      <c r="DR4" s="612"/>
      <c r="DS4" s="612"/>
      <c r="DT4" s="612"/>
      <c r="DU4" s="612"/>
      <c r="DV4" s="612"/>
      <c r="DW4" s="612"/>
      <c r="DX4" s="612"/>
      <c r="DY4" s="612"/>
      <c r="DZ4" s="612"/>
      <c r="EA4" s="612"/>
      <c r="EB4" s="612"/>
      <c r="EC4" s="612"/>
      <c r="ED4" s="612"/>
      <c r="EE4" s="612"/>
      <c r="EF4" s="612"/>
      <c r="EG4" s="612"/>
      <c r="EH4" s="612"/>
      <c r="EI4" s="612"/>
      <c r="EJ4" s="612"/>
      <c r="EK4" s="612"/>
      <c r="EL4" s="612"/>
      <c r="EM4" s="612"/>
      <c r="EN4" s="612"/>
      <c r="EO4" s="612"/>
      <c r="EP4" s="612"/>
      <c r="EQ4" s="612"/>
      <c r="ER4" s="612"/>
      <c r="ES4" s="612"/>
      <c r="ET4" s="612"/>
      <c r="EU4" s="612"/>
      <c r="EV4" s="612"/>
      <c r="EW4" s="612"/>
      <c r="EX4" s="612"/>
      <c r="EY4" s="612"/>
      <c r="EZ4" s="612"/>
      <c r="FA4" s="612"/>
      <c r="FB4" s="612"/>
      <c r="FC4" s="612"/>
      <c r="FD4" s="612"/>
      <c r="FE4" s="612"/>
      <c r="FF4" s="612"/>
      <c r="FG4" s="612"/>
      <c r="FH4" s="612"/>
      <c r="FI4" s="612"/>
      <c r="FJ4" s="612"/>
      <c r="FK4" s="612"/>
      <c r="FL4" s="612"/>
      <c r="FM4" s="612"/>
      <c r="FN4" s="612"/>
      <c r="FO4" s="612"/>
      <c r="FP4" s="612"/>
      <c r="FQ4" s="612"/>
      <c r="FR4" s="612"/>
      <c r="FS4" s="612"/>
      <c r="FT4" s="612"/>
      <c r="FU4" s="612"/>
      <c r="FV4" s="612"/>
      <c r="FW4" s="612"/>
      <c r="FX4" s="612"/>
      <c r="FY4" s="612"/>
      <c r="FZ4" s="612"/>
      <c r="GA4" s="612"/>
      <c r="GB4" s="612"/>
      <c r="GC4" s="612"/>
      <c r="GD4" s="612"/>
      <c r="GE4" s="612"/>
      <c r="GF4" s="612"/>
      <c r="GG4" s="612"/>
      <c r="GH4" s="612"/>
      <c r="GI4" s="612"/>
      <c r="GJ4" s="612"/>
      <c r="GK4" s="612"/>
      <c r="GL4" s="612"/>
      <c r="GM4" s="612"/>
      <c r="GN4" s="612"/>
      <c r="GO4" s="612"/>
      <c r="GP4" s="612"/>
      <c r="GQ4" s="612"/>
      <c r="GR4" s="612"/>
      <c r="GS4" s="612"/>
      <c r="GT4" s="612"/>
      <c r="GU4" s="612"/>
      <c r="GV4" s="612"/>
      <c r="GW4" s="612"/>
      <c r="GX4" s="612"/>
      <c r="GY4" s="612"/>
      <c r="GZ4" s="612"/>
      <c r="HA4" s="612"/>
      <c r="HB4" s="612"/>
      <c r="HC4" s="612"/>
      <c r="HD4" s="612"/>
      <c r="HE4" s="612"/>
      <c r="HF4" s="612"/>
      <c r="HG4" s="612"/>
      <c r="HH4" s="612"/>
      <c r="HI4" s="612"/>
      <c r="HJ4" s="612"/>
      <c r="HK4" s="612"/>
      <c r="HL4" s="612"/>
      <c r="HM4" s="612"/>
      <c r="HN4" s="612"/>
      <c r="HO4" s="612"/>
      <c r="HP4" s="612"/>
      <c r="HQ4" s="612"/>
      <c r="HR4" s="612"/>
      <c r="HS4" s="612"/>
      <c r="HT4" s="612"/>
      <c r="HU4" s="612"/>
      <c r="HV4" s="612"/>
      <c r="HW4" s="612"/>
      <c r="HX4" s="613"/>
      <c r="HY4" s="658" t="s">
        <v>85</v>
      </c>
      <c r="HZ4" s="659"/>
      <c r="IA4" s="659"/>
      <c r="IB4" s="659"/>
      <c r="IC4" s="659"/>
      <c r="ID4" s="659"/>
      <c r="IE4" s="659"/>
      <c r="IF4" s="659"/>
      <c r="IG4" s="659"/>
      <c r="IH4" s="659"/>
      <c r="II4" s="659"/>
      <c r="IJ4" s="659"/>
      <c r="IK4" s="659"/>
      <c r="IL4" s="659"/>
      <c r="IM4" s="659"/>
      <c r="IN4" s="659"/>
      <c r="IO4" s="659"/>
      <c r="IP4" s="659"/>
      <c r="IQ4" s="659"/>
      <c r="IR4" s="659"/>
      <c r="IS4" s="659"/>
      <c r="IT4" s="659"/>
      <c r="IU4" s="659"/>
      <c r="IV4" s="659"/>
      <c r="IW4" s="659"/>
      <c r="IX4" s="659"/>
      <c r="IY4" s="659"/>
      <c r="IZ4" s="659"/>
      <c r="JA4" s="659"/>
      <c r="JB4" s="659"/>
      <c r="JC4" s="659"/>
      <c r="JD4" s="659"/>
      <c r="JE4" s="659"/>
      <c r="JF4" s="659"/>
      <c r="JG4" s="659"/>
      <c r="JH4" s="659"/>
      <c r="JI4" s="659"/>
      <c r="JJ4" s="659"/>
      <c r="JK4" s="659"/>
      <c r="JL4" s="659"/>
      <c r="JM4" s="659"/>
      <c r="JN4" s="659"/>
      <c r="JO4" s="659"/>
      <c r="JP4" s="659"/>
      <c r="JQ4" s="659"/>
      <c r="JR4" s="659"/>
      <c r="JS4" s="659"/>
      <c r="JT4" s="659"/>
      <c r="JU4" s="659"/>
      <c r="JV4" s="659"/>
      <c r="JW4" s="659"/>
      <c r="JX4" s="659"/>
      <c r="JY4" s="659"/>
      <c r="JZ4" s="659"/>
      <c r="KA4" s="659"/>
      <c r="KB4" s="659"/>
      <c r="KC4" s="659"/>
      <c r="KD4" s="659"/>
      <c r="KE4" s="659"/>
      <c r="KF4" s="659"/>
      <c r="KG4" s="659"/>
      <c r="KH4" s="659"/>
      <c r="KI4" s="659"/>
      <c r="KJ4" s="659"/>
      <c r="KK4" s="659"/>
      <c r="KL4" s="659"/>
      <c r="KM4" s="659"/>
      <c r="KN4" s="659"/>
      <c r="KO4" s="659"/>
      <c r="KP4" s="659"/>
      <c r="KQ4" s="659"/>
      <c r="KR4" s="659"/>
      <c r="KS4" s="659"/>
      <c r="KT4" s="659"/>
      <c r="KU4" s="659"/>
      <c r="KV4" s="659"/>
      <c r="KW4" s="659"/>
      <c r="KX4" s="659"/>
      <c r="KY4" s="659"/>
      <c r="KZ4" s="659"/>
      <c r="LA4" s="659"/>
      <c r="LB4" s="659"/>
      <c r="LC4" s="659"/>
      <c r="LD4" s="659"/>
      <c r="LE4" s="659"/>
      <c r="LF4" s="659"/>
      <c r="LG4" s="659"/>
      <c r="LH4" s="659"/>
      <c r="LI4" s="659"/>
      <c r="LJ4" s="659"/>
      <c r="LK4" s="659"/>
      <c r="LL4" s="659"/>
      <c r="LM4" s="659"/>
      <c r="LN4" s="659"/>
      <c r="LO4" s="659"/>
      <c r="LP4" s="659"/>
      <c r="LQ4" s="659"/>
      <c r="LR4" s="659"/>
      <c r="LS4" s="659"/>
      <c r="LT4" s="659"/>
      <c r="LU4" s="659"/>
      <c r="LV4" s="659"/>
      <c r="LW4" s="659"/>
      <c r="LX4" s="659"/>
      <c r="LY4" s="659"/>
      <c r="LZ4" s="659"/>
      <c r="MA4" s="659"/>
      <c r="MB4" s="659"/>
      <c r="MC4" s="659"/>
      <c r="MD4" s="660"/>
      <c r="ME4" s="658" t="s">
        <v>86</v>
      </c>
      <c r="MF4" s="659"/>
      <c r="MG4" s="659"/>
      <c r="MH4" s="659"/>
      <c r="MI4" s="659"/>
      <c r="MJ4" s="659"/>
      <c r="MK4" s="659"/>
      <c r="ML4" s="659"/>
      <c r="MM4" s="659"/>
      <c r="MN4" s="659"/>
      <c r="MO4" s="659"/>
      <c r="MP4" s="659"/>
      <c r="MQ4" s="659"/>
      <c r="MR4" s="659"/>
      <c r="MS4" s="659"/>
      <c r="MT4" s="659"/>
      <c r="MU4" s="659"/>
      <c r="MV4" s="659"/>
      <c r="MW4" s="659"/>
      <c r="MX4" s="659"/>
      <c r="MY4" s="659"/>
      <c r="MZ4" s="659"/>
      <c r="NA4" s="659"/>
      <c r="NB4" s="659"/>
      <c r="NC4" s="659"/>
      <c r="ND4" s="659"/>
      <c r="NE4" s="659"/>
      <c r="NF4" s="659"/>
      <c r="NG4" s="659"/>
      <c r="NH4" s="659"/>
      <c r="NI4" s="659"/>
      <c r="NJ4" s="659"/>
      <c r="NK4" s="659"/>
      <c r="NL4" s="659"/>
      <c r="NM4" s="659"/>
      <c r="NN4" s="659"/>
      <c r="NO4" s="659"/>
      <c r="NP4" s="659"/>
      <c r="NQ4" s="659"/>
      <c r="NR4" s="659"/>
      <c r="NS4" s="659"/>
      <c r="NT4" s="659"/>
      <c r="NU4" s="659"/>
      <c r="NV4" s="659"/>
      <c r="NW4" s="659"/>
      <c r="NX4" s="659"/>
      <c r="NY4" s="659"/>
      <c r="NZ4" s="659"/>
      <c r="OA4" s="659"/>
      <c r="OB4" s="659"/>
      <c r="OC4" s="659"/>
      <c r="OD4" s="659"/>
      <c r="OE4" s="659"/>
      <c r="OF4" s="659"/>
      <c r="OG4" s="660"/>
      <c r="OH4" s="614" t="s">
        <v>60</v>
      </c>
      <c r="OI4" s="524"/>
      <c r="OJ4" s="524"/>
      <c r="OK4" s="524"/>
      <c r="OL4" s="524"/>
      <c r="OM4" s="524"/>
      <c r="ON4" s="524"/>
      <c r="OO4" s="524"/>
      <c r="OP4" s="524"/>
      <c r="OQ4" s="524"/>
      <c r="OR4" s="525"/>
    </row>
    <row r="5" spans="1:408" ht="18" customHeight="1" thickBot="1" x14ac:dyDescent="0.25">
      <c r="A5" s="676"/>
      <c r="B5" s="679"/>
      <c r="C5" s="679"/>
      <c r="D5" s="679"/>
      <c r="E5" s="679"/>
      <c r="F5" s="679"/>
      <c r="G5" s="679"/>
      <c r="H5" s="679"/>
      <c r="I5" s="679"/>
      <c r="J5" s="679"/>
      <c r="K5" s="679"/>
      <c r="L5" s="679"/>
      <c r="M5" s="681" t="s">
        <v>64</v>
      </c>
      <c r="N5" s="682"/>
      <c r="O5" s="682"/>
      <c r="P5" s="682"/>
      <c r="Q5" s="682"/>
      <c r="R5" s="682"/>
      <c r="S5" s="682"/>
      <c r="T5" s="682"/>
      <c r="U5" s="682"/>
      <c r="V5" s="682"/>
      <c r="W5" s="682"/>
      <c r="X5" s="682"/>
      <c r="Y5" s="682"/>
      <c r="Z5" s="682"/>
      <c r="AA5" s="682"/>
      <c r="AB5" s="682"/>
      <c r="AC5" s="682"/>
      <c r="AD5" s="682"/>
      <c r="AE5" s="682"/>
      <c r="AF5" s="682"/>
      <c r="AG5" s="682"/>
      <c r="AH5" s="682"/>
      <c r="AI5" s="682"/>
      <c r="AJ5" s="682"/>
      <c r="AK5" s="682"/>
      <c r="AL5" s="682"/>
      <c r="AM5" s="682"/>
      <c r="AN5" s="682"/>
      <c r="AO5" s="682"/>
      <c r="AP5" s="682"/>
      <c r="AQ5" s="682"/>
      <c r="AR5" s="682"/>
      <c r="AS5" s="682"/>
      <c r="AT5" s="682"/>
      <c r="AU5" s="682"/>
      <c r="AV5" s="682"/>
      <c r="AW5" s="682"/>
      <c r="AX5" s="682"/>
      <c r="AY5" s="682"/>
      <c r="AZ5" s="682"/>
      <c r="BA5" s="682"/>
      <c r="BB5" s="682"/>
      <c r="BC5" s="682"/>
      <c r="BD5" s="682"/>
      <c r="BE5" s="682"/>
      <c r="BF5" s="682"/>
      <c r="BG5" s="682"/>
      <c r="BH5" s="682"/>
      <c r="BI5" s="682"/>
      <c r="BJ5" s="682"/>
      <c r="BK5" s="682"/>
      <c r="BL5" s="682"/>
      <c r="BM5" s="682"/>
      <c r="BN5" s="682"/>
      <c r="BO5" s="682"/>
      <c r="BP5" s="682"/>
      <c r="BQ5" s="682"/>
      <c r="BR5" s="682"/>
      <c r="BS5" s="682"/>
      <c r="BT5" s="682"/>
      <c r="BU5" s="682"/>
      <c r="BV5" s="682"/>
      <c r="BW5" s="682"/>
      <c r="BX5" s="682"/>
      <c r="BY5" s="682"/>
      <c r="BZ5" s="683"/>
      <c r="CA5" s="681" t="s">
        <v>65</v>
      </c>
      <c r="CB5" s="682"/>
      <c r="CC5" s="682"/>
      <c r="CD5" s="682"/>
      <c r="CE5" s="682"/>
      <c r="CF5" s="682"/>
      <c r="CG5" s="682"/>
      <c r="CH5" s="682"/>
      <c r="CI5" s="682"/>
      <c r="CJ5" s="682"/>
      <c r="CK5" s="682"/>
      <c r="CL5" s="682"/>
      <c r="CM5" s="682"/>
      <c r="CN5" s="682"/>
      <c r="CO5" s="682"/>
      <c r="CP5" s="682"/>
      <c r="CQ5" s="682"/>
      <c r="CR5" s="682"/>
      <c r="CS5" s="682"/>
      <c r="CT5" s="682"/>
      <c r="CU5" s="682"/>
      <c r="CV5" s="682"/>
      <c r="CW5" s="682"/>
      <c r="CX5" s="682"/>
      <c r="CY5" s="682"/>
      <c r="CZ5" s="682"/>
      <c r="DA5" s="682"/>
      <c r="DB5" s="682"/>
      <c r="DC5" s="682"/>
      <c r="DD5" s="682"/>
      <c r="DE5" s="682"/>
      <c r="DF5" s="682"/>
      <c r="DG5" s="683"/>
      <c r="DH5" s="658" t="s">
        <v>66</v>
      </c>
      <c r="DI5" s="659"/>
      <c r="DJ5" s="659"/>
      <c r="DK5" s="659"/>
      <c r="DL5" s="659"/>
      <c r="DM5" s="659"/>
      <c r="DN5" s="659"/>
      <c r="DO5" s="659"/>
      <c r="DP5" s="659"/>
      <c r="DQ5" s="659"/>
      <c r="DR5" s="659"/>
      <c r="DS5" s="659"/>
      <c r="DT5" s="659"/>
      <c r="DU5" s="659"/>
      <c r="DV5" s="659"/>
      <c r="DW5" s="659"/>
      <c r="DX5" s="659"/>
      <c r="DY5" s="659"/>
      <c r="DZ5" s="659"/>
      <c r="EA5" s="659"/>
      <c r="EB5" s="659"/>
      <c r="EC5" s="659"/>
      <c r="ED5" s="659"/>
      <c r="EE5" s="659"/>
      <c r="EF5" s="659"/>
      <c r="EG5" s="659"/>
      <c r="EH5" s="659"/>
      <c r="EI5" s="659"/>
      <c r="EJ5" s="659"/>
      <c r="EK5" s="659"/>
      <c r="EL5" s="659"/>
      <c r="EM5" s="659"/>
      <c r="EN5" s="659"/>
      <c r="EO5" s="659"/>
      <c r="EP5" s="659"/>
      <c r="EQ5" s="659"/>
      <c r="ER5" s="659"/>
      <c r="ES5" s="659"/>
      <c r="ET5" s="659"/>
      <c r="EU5" s="659"/>
      <c r="EV5" s="659"/>
      <c r="EW5" s="659"/>
      <c r="EX5" s="659"/>
      <c r="EY5" s="659"/>
      <c r="EZ5" s="659"/>
      <c r="FA5" s="659"/>
      <c r="FB5" s="659"/>
      <c r="FC5" s="659"/>
      <c r="FD5" s="659"/>
      <c r="FE5" s="659"/>
      <c r="FF5" s="659"/>
      <c r="FG5" s="659"/>
      <c r="FH5" s="659"/>
      <c r="FI5" s="659"/>
      <c r="FJ5" s="660"/>
      <c r="FK5" s="681" t="s">
        <v>67</v>
      </c>
      <c r="FL5" s="682"/>
      <c r="FM5" s="682"/>
      <c r="FN5" s="682"/>
      <c r="FO5" s="682"/>
      <c r="FP5" s="682"/>
      <c r="FQ5" s="682"/>
      <c r="FR5" s="682"/>
      <c r="FS5" s="682"/>
      <c r="FT5" s="682"/>
      <c r="FU5" s="682"/>
      <c r="FV5" s="682"/>
      <c r="FW5" s="682"/>
      <c r="FX5" s="682"/>
      <c r="FY5" s="682"/>
      <c r="FZ5" s="682"/>
      <c r="GA5" s="682"/>
      <c r="GB5" s="682"/>
      <c r="GC5" s="682"/>
      <c r="GD5" s="682"/>
      <c r="GE5" s="682"/>
      <c r="GF5" s="682"/>
      <c r="GG5" s="682"/>
      <c r="GH5" s="682"/>
      <c r="GI5" s="682"/>
      <c r="GJ5" s="682"/>
      <c r="GK5" s="682"/>
      <c r="GL5" s="682"/>
      <c r="GM5" s="682"/>
      <c r="GN5" s="682"/>
      <c r="GO5" s="682"/>
      <c r="GP5" s="682"/>
      <c r="GQ5" s="682"/>
      <c r="GR5" s="682"/>
      <c r="GS5" s="682"/>
      <c r="GT5" s="682"/>
      <c r="GU5" s="682"/>
      <c r="GV5" s="682"/>
      <c r="GW5" s="682"/>
      <c r="GX5" s="682"/>
      <c r="GY5" s="682"/>
      <c r="GZ5" s="682"/>
      <c r="HA5" s="682"/>
      <c r="HB5" s="683"/>
      <c r="HC5" s="684" t="s">
        <v>68</v>
      </c>
      <c r="HD5" s="685"/>
      <c r="HE5" s="685"/>
      <c r="HF5" s="685"/>
      <c r="HG5" s="685"/>
      <c r="HH5" s="685"/>
      <c r="HI5" s="685"/>
      <c r="HJ5" s="685"/>
      <c r="HK5" s="685"/>
      <c r="HL5" s="685"/>
      <c r="HM5" s="686"/>
      <c r="HN5" s="684" t="s">
        <v>69</v>
      </c>
      <c r="HO5" s="685"/>
      <c r="HP5" s="685"/>
      <c r="HQ5" s="685"/>
      <c r="HR5" s="685"/>
      <c r="HS5" s="685"/>
      <c r="HT5" s="685"/>
      <c r="HU5" s="685"/>
      <c r="HV5" s="685"/>
      <c r="HW5" s="685"/>
      <c r="HX5" s="686"/>
      <c r="HY5" s="637"/>
      <c r="HZ5" s="638"/>
      <c r="IA5" s="638"/>
      <c r="IB5" s="638"/>
      <c r="IC5" s="638"/>
      <c r="ID5" s="638"/>
      <c r="IE5" s="638"/>
      <c r="IF5" s="638"/>
      <c r="IG5" s="638"/>
      <c r="IH5" s="638"/>
      <c r="II5" s="639"/>
      <c r="IJ5" s="614" t="s">
        <v>94</v>
      </c>
      <c r="IK5" s="524"/>
      <c r="IL5" s="524"/>
      <c r="IM5" s="524"/>
      <c r="IN5" s="524"/>
      <c r="IO5" s="524"/>
      <c r="IP5" s="524"/>
      <c r="IQ5" s="524"/>
      <c r="IR5" s="524"/>
      <c r="IS5" s="524"/>
      <c r="IT5" s="525"/>
      <c r="IU5" s="614" t="s">
        <v>88</v>
      </c>
      <c r="IV5" s="524"/>
      <c r="IW5" s="524"/>
      <c r="IX5" s="524"/>
      <c r="IY5" s="524"/>
      <c r="IZ5" s="524"/>
      <c r="JA5" s="524"/>
      <c r="JB5" s="524"/>
      <c r="JC5" s="524"/>
      <c r="JD5" s="524"/>
      <c r="JE5" s="525"/>
      <c r="JF5" s="643" t="s">
        <v>144</v>
      </c>
      <c r="JG5" s="644"/>
      <c r="JH5" s="644"/>
      <c r="JI5" s="644"/>
      <c r="JJ5" s="644"/>
      <c r="JK5" s="644"/>
      <c r="JL5" s="644"/>
      <c r="JM5" s="644"/>
      <c r="JN5" s="644"/>
      <c r="JO5" s="644"/>
      <c r="JP5" s="645"/>
      <c r="JQ5" s="614" t="s">
        <v>90</v>
      </c>
      <c r="JR5" s="524"/>
      <c r="JS5" s="524"/>
      <c r="JT5" s="524"/>
      <c r="JU5" s="524"/>
      <c r="JV5" s="524"/>
      <c r="JW5" s="524"/>
      <c r="JX5" s="524"/>
      <c r="JY5" s="524"/>
      <c r="JZ5" s="524"/>
      <c r="KA5" s="525"/>
      <c r="KB5" s="614" t="s">
        <v>89</v>
      </c>
      <c r="KC5" s="524"/>
      <c r="KD5" s="524"/>
      <c r="KE5" s="524"/>
      <c r="KF5" s="524"/>
      <c r="KG5" s="524"/>
      <c r="KH5" s="524"/>
      <c r="KI5" s="524"/>
      <c r="KJ5" s="524"/>
      <c r="KK5" s="524"/>
      <c r="KL5" s="525"/>
      <c r="KM5" s="614" t="s">
        <v>91</v>
      </c>
      <c r="KN5" s="524"/>
      <c r="KO5" s="524"/>
      <c r="KP5" s="524"/>
      <c r="KQ5" s="524"/>
      <c r="KR5" s="524"/>
      <c r="KS5" s="524"/>
      <c r="KT5" s="524"/>
      <c r="KU5" s="524"/>
      <c r="KV5" s="524"/>
      <c r="KW5" s="525"/>
      <c r="KX5" s="614" t="s">
        <v>92</v>
      </c>
      <c r="KY5" s="524"/>
      <c r="KZ5" s="524"/>
      <c r="LA5" s="524"/>
      <c r="LB5" s="524"/>
      <c r="LC5" s="524"/>
      <c r="LD5" s="524"/>
      <c r="LE5" s="524"/>
      <c r="LF5" s="524"/>
      <c r="LG5" s="524"/>
      <c r="LH5" s="525"/>
      <c r="LI5" s="649" t="s">
        <v>93</v>
      </c>
      <c r="LJ5" s="650"/>
      <c r="LK5" s="650"/>
      <c r="LL5" s="650"/>
      <c r="LM5" s="650"/>
      <c r="LN5" s="650"/>
      <c r="LO5" s="650"/>
      <c r="LP5" s="650"/>
      <c r="LQ5" s="650"/>
      <c r="LR5" s="650"/>
      <c r="LS5" s="651"/>
      <c r="LT5" s="652" t="s">
        <v>145</v>
      </c>
      <c r="LU5" s="653"/>
      <c r="LV5" s="653"/>
      <c r="LW5" s="653"/>
      <c r="LX5" s="653"/>
      <c r="LY5" s="653"/>
      <c r="LZ5" s="653"/>
      <c r="MA5" s="653"/>
      <c r="MB5" s="653"/>
      <c r="MC5" s="653"/>
      <c r="MD5" s="654"/>
      <c r="ME5" s="637"/>
      <c r="MF5" s="638"/>
      <c r="MG5" s="638"/>
      <c r="MH5" s="638"/>
      <c r="MI5" s="638"/>
      <c r="MJ5" s="638"/>
      <c r="MK5" s="638"/>
      <c r="ML5" s="638"/>
      <c r="MM5" s="638"/>
      <c r="MN5" s="638"/>
      <c r="MO5" s="639"/>
      <c r="MP5" s="614" t="s">
        <v>57</v>
      </c>
      <c r="MQ5" s="524"/>
      <c r="MR5" s="524"/>
      <c r="MS5" s="524"/>
      <c r="MT5" s="524"/>
      <c r="MU5" s="524"/>
      <c r="MV5" s="524"/>
      <c r="MW5" s="524"/>
      <c r="MX5" s="524"/>
      <c r="MY5" s="524"/>
      <c r="MZ5" s="525"/>
      <c r="NA5" s="614" t="s">
        <v>58</v>
      </c>
      <c r="NB5" s="524"/>
      <c r="NC5" s="524"/>
      <c r="ND5" s="524"/>
      <c r="NE5" s="524"/>
      <c r="NF5" s="524"/>
      <c r="NG5" s="524"/>
      <c r="NH5" s="524"/>
      <c r="NI5" s="524"/>
      <c r="NJ5" s="524"/>
      <c r="NK5" s="525"/>
      <c r="NL5" s="614" t="s">
        <v>59</v>
      </c>
      <c r="NM5" s="524"/>
      <c r="NN5" s="524"/>
      <c r="NO5" s="524"/>
      <c r="NP5" s="524"/>
      <c r="NQ5" s="524"/>
      <c r="NR5" s="524"/>
      <c r="NS5" s="524"/>
      <c r="NT5" s="524"/>
      <c r="NU5" s="524"/>
      <c r="NV5" s="525"/>
      <c r="NW5" s="662" t="s">
        <v>151</v>
      </c>
      <c r="NX5" s="663"/>
      <c r="NY5" s="663"/>
      <c r="NZ5" s="663"/>
      <c r="OA5" s="663"/>
      <c r="OB5" s="663"/>
      <c r="OC5" s="663"/>
      <c r="OD5" s="663"/>
      <c r="OE5" s="663"/>
      <c r="OF5" s="663"/>
      <c r="OG5" s="664"/>
      <c r="OH5" s="634"/>
      <c r="OI5" s="635"/>
      <c r="OJ5" s="635"/>
      <c r="OK5" s="635"/>
      <c r="OL5" s="635"/>
      <c r="OM5" s="635"/>
      <c r="ON5" s="635"/>
      <c r="OO5" s="635"/>
      <c r="OP5" s="635"/>
      <c r="OQ5" s="635"/>
      <c r="OR5" s="636"/>
    </row>
    <row r="6" spans="1:408" ht="18" customHeight="1" thickBot="1" x14ac:dyDescent="0.25">
      <c r="A6" s="676"/>
      <c r="B6" s="680"/>
      <c r="C6" s="680"/>
      <c r="D6" s="680"/>
      <c r="E6" s="680"/>
      <c r="F6" s="680"/>
      <c r="G6" s="680"/>
      <c r="H6" s="680"/>
      <c r="I6" s="680"/>
      <c r="J6" s="680"/>
      <c r="K6" s="680"/>
      <c r="L6" s="680"/>
      <c r="M6" s="615"/>
      <c r="N6" s="606"/>
      <c r="O6" s="606"/>
      <c r="P6" s="606"/>
      <c r="Q6" s="606"/>
      <c r="R6" s="606"/>
      <c r="S6" s="606"/>
      <c r="T6" s="606"/>
      <c r="U6" s="606"/>
      <c r="V6" s="606"/>
      <c r="W6" s="616"/>
      <c r="X6" s="617" t="s">
        <v>70</v>
      </c>
      <c r="Y6" s="618"/>
      <c r="Z6" s="618"/>
      <c r="AA6" s="618"/>
      <c r="AB6" s="618"/>
      <c r="AC6" s="618"/>
      <c r="AD6" s="618"/>
      <c r="AE6" s="618"/>
      <c r="AF6" s="618"/>
      <c r="AG6" s="618"/>
      <c r="AH6" s="619"/>
      <c r="AI6" s="684" t="s">
        <v>71</v>
      </c>
      <c r="AJ6" s="685"/>
      <c r="AK6" s="685"/>
      <c r="AL6" s="685"/>
      <c r="AM6" s="685"/>
      <c r="AN6" s="685"/>
      <c r="AO6" s="685"/>
      <c r="AP6" s="685"/>
      <c r="AQ6" s="685"/>
      <c r="AR6" s="685"/>
      <c r="AS6" s="686"/>
      <c r="AT6" s="693" t="s">
        <v>72</v>
      </c>
      <c r="AU6" s="694"/>
      <c r="AV6" s="694"/>
      <c r="AW6" s="694"/>
      <c r="AX6" s="694"/>
      <c r="AY6" s="694"/>
      <c r="AZ6" s="694"/>
      <c r="BA6" s="694"/>
      <c r="BB6" s="694"/>
      <c r="BC6" s="694"/>
      <c r="BD6" s="695"/>
      <c r="BE6" s="693" t="s">
        <v>73</v>
      </c>
      <c r="BF6" s="694"/>
      <c r="BG6" s="694"/>
      <c r="BH6" s="694"/>
      <c r="BI6" s="694"/>
      <c r="BJ6" s="694"/>
      <c r="BK6" s="694"/>
      <c r="BL6" s="694"/>
      <c r="BM6" s="694"/>
      <c r="BN6" s="694"/>
      <c r="BO6" s="695"/>
      <c r="BP6" s="693" t="s">
        <v>74</v>
      </c>
      <c r="BQ6" s="694"/>
      <c r="BR6" s="694"/>
      <c r="BS6" s="694"/>
      <c r="BT6" s="694"/>
      <c r="BU6" s="694"/>
      <c r="BV6" s="694"/>
      <c r="BW6" s="694"/>
      <c r="BX6" s="694"/>
      <c r="BY6" s="694"/>
      <c r="BZ6" s="695"/>
      <c r="CA6" s="640"/>
      <c r="CB6" s="641"/>
      <c r="CC6" s="641"/>
      <c r="CD6" s="641"/>
      <c r="CE6" s="641"/>
      <c r="CF6" s="641"/>
      <c r="CG6" s="641"/>
      <c r="CH6" s="641"/>
      <c r="CI6" s="641"/>
      <c r="CJ6" s="641"/>
      <c r="CK6" s="642"/>
      <c r="CL6" s="693" t="s">
        <v>75</v>
      </c>
      <c r="CM6" s="694"/>
      <c r="CN6" s="694"/>
      <c r="CO6" s="694"/>
      <c r="CP6" s="694"/>
      <c r="CQ6" s="694"/>
      <c r="CR6" s="694"/>
      <c r="CS6" s="694"/>
      <c r="CT6" s="694"/>
      <c r="CU6" s="694"/>
      <c r="CV6" s="695"/>
      <c r="CW6" s="693" t="s">
        <v>76</v>
      </c>
      <c r="CX6" s="694"/>
      <c r="CY6" s="694"/>
      <c r="CZ6" s="694"/>
      <c r="DA6" s="694"/>
      <c r="DB6" s="694"/>
      <c r="DC6" s="694"/>
      <c r="DD6" s="694"/>
      <c r="DE6" s="694"/>
      <c r="DF6" s="694"/>
      <c r="DG6" s="695"/>
      <c r="DH6" s="640"/>
      <c r="DI6" s="641"/>
      <c r="DJ6" s="641"/>
      <c r="DK6" s="641"/>
      <c r="DL6" s="641"/>
      <c r="DM6" s="641"/>
      <c r="DN6" s="641"/>
      <c r="DO6" s="641"/>
      <c r="DP6" s="641"/>
      <c r="DQ6" s="641"/>
      <c r="DR6" s="641"/>
      <c r="DS6" s="693" t="s">
        <v>77</v>
      </c>
      <c r="DT6" s="694"/>
      <c r="DU6" s="694"/>
      <c r="DV6" s="694"/>
      <c r="DW6" s="694"/>
      <c r="DX6" s="694"/>
      <c r="DY6" s="694"/>
      <c r="DZ6" s="694"/>
      <c r="EA6" s="694"/>
      <c r="EB6" s="694"/>
      <c r="EC6" s="695"/>
      <c r="ED6" s="693" t="s">
        <v>78</v>
      </c>
      <c r="EE6" s="694"/>
      <c r="EF6" s="694"/>
      <c r="EG6" s="694"/>
      <c r="EH6" s="694"/>
      <c r="EI6" s="694"/>
      <c r="EJ6" s="694"/>
      <c r="EK6" s="694"/>
      <c r="EL6" s="694"/>
      <c r="EM6" s="694"/>
      <c r="EN6" s="695"/>
      <c r="EO6" s="693" t="s">
        <v>79</v>
      </c>
      <c r="EP6" s="694"/>
      <c r="EQ6" s="694"/>
      <c r="ER6" s="694"/>
      <c r="ES6" s="694"/>
      <c r="ET6" s="694"/>
      <c r="EU6" s="694"/>
      <c r="EV6" s="694"/>
      <c r="EW6" s="694"/>
      <c r="EX6" s="694"/>
      <c r="EY6" s="695"/>
      <c r="EZ6" s="696" t="s">
        <v>152</v>
      </c>
      <c r="FA6" s="694"/>
      <c r="FB6" s="694"/>
      <c r="FC6" s="694"/>
      <c r="FD6" s="694"/>
      <c r="FE6" s="694"/>
      <c r="FF6" s="694"/>
      <c r="FG6" s="694"/>
      <c r="FH6" s="694"/>
      <c r="FI6" s="694"/>
      <c r="FJ6" s="695"/>
      <c r="FK6" s="640"/>
      <c r="FL6" s="641"/>
      <c r="FM6" s="641"/>
      <c r="FN6" s="641"/>
      <c r="FO6" s="641"/>
      <c r="FP6" s="641"/>
      <c r="FQ6" s="641"/>
      <c r="FR6" s="641"/>
      <c r="FS6" s="641"/>
      <c r="FT6" s="641"/>
      <c r="FU6" s="641"/>
      <c r="FV6" s="693" t="s">
        <v>80</v>
      </c>
      <c r="FW6" s="694"/>
      <c r="FX6" s="694"/>
      <c r="FY6" s="694"/>
      <c r="FZ6" s="694"/>
      <c r="GA6" s="694"/>
      <c r="GB6" s="694"/>
      <c r="GC6" s="694"/>
      <c r="GD6" s="694"/>
      <c r="GE6" s="694"/>
      <c r="GF6" s="695"/>
      <c r="GG6" s="617" t="s">
        <v>81</v>
      </c>
      <c r="GH6" s="618"/>
      <c r="GI6" s="618"/>
      <c r="GJ6" s="618"/>
      <c r="GK6" s="618"/>
      <c r="GL6" s="618"/>
      <c r="GM6" s="618"/>
      <c r="GN6" s="618"/>
      <c r="GO6" s="618"/>
      <c r="GP6" s="618"/>
      <c r="GQ6" s="619"/>
      <c r="GR6" s="617" t="s">
        <v>82</v>
      </c>
      <c r="GS6" s="618"/>
      <c r="GT6" s="618"/>
      <c r="GU6" s="618"/>
      <c r="GV6" s="618"/>
      <c r="GW6" s="618"/>
      <c r="GX6" s="618"/>
      <c r="GY6" s="618"/>
      <c r="GZ6" s="618"/>
      <c r="HA6" s="618"/>
      <c r="HB6" s="619"/>
      <c r="HC6" s="687"/>
      <c r="HD6" s="688"/>
      <c r="HE6" s="688"/>
      <c r="HF6" s="688"/>
      <c r="HG6" s="688"/>
      <c r="HH6" s="688"/>
      <c r="HI6" s="688"/>
      <c r="HJ6" s="688"/>
      <c r="HK6" s="688"/>
      <c r="HL6" s="688"/>
      <c r="HM6" s="689"/>
      <c r="HN6" s="687"/>
      <c r="HO6" s="688"/>
      <c r="HP6" s="688"/>
      <c r="HQ6" s="688"/>
      <c r="HR6" s="688"/>
      <c r="HS6" s="688"/>
      <c r="HT6" s="688"/>
      <c r="HU6" s="688"/>
      <c r="HV6" s="688"/>
      <c r="HW6" s="688"/>
      <c r="HX6" s="689"/>
      <c r="HY6" s="640"/>
      <c r="HZ6" s="641"/>
      <c r="IA6" s="641"/>
      <c r="IB6" s="641"/>
      <c r="IC6" s="641"/>
      <c r="ID6" s="641"/>
      <c r="IE6" s="641"/>
      <c r="IF6" s="641"/>
      <c r="IG6" s="641"/>
      <c r="IH6" s="641"/>
      <c r="II6" s="642"/>
      <c r="IJ6" s="615"/>
      <c r="IK6" s="606"/>
      <c r="IL6" s="606"/>
      <c r="IM6" s="606"/>
      <c r="IN6" s="606"/>
      <c r="IO6" s="606"/>
      <c r="IP6" s="606"/>
      <c r="IQ6" s="606"/>
      <c r="IR6" s="606"/>
      <c r="IS6" s="606"/>
      <c r="IT6" s="616"/>
      <c r="IU6" s="615"/>
      <c r="IV6" s="606"/>
      <c r="IW6" s="606"/>
      <c r="IX6" s="606"/>
      <c r="IY6" s="606"/>
      <c r="IZ6" s="606"/>
      <c r="JA6" s="606"/>
      <c r="JB6" s="606"/>
      <c r="JC6" s="606"/>
      <c r="JD6" s="606"/>
      <c r="JE6" s="616"/>
      <c r="JF6" s="646"/>
      <c r="JG6" s="647"/>
      <c r="JH6" s="647"/>
      <c r="JI6" s="647"/>
      <c r="JJ6" s="647"/>
      <c r="JK6" s="647"/>
      <c r="JL6" s="647"/>
      <c r="JM6" s="647"/>
      <c r="JN6" s="647"/>
      <c r="JO6" s="647"/>
      <c r="JP6" s="648"/>
      <c r="JQ6" s="615"/>
      <c r="JR6" s="606"/>
      <c r="JS6" s="606"/>
      <c r="JT6" s="606"/>
      <c r="JU6" s="606"/>
      <c r="JV6" s="606"/>
      <c r="JW6" s="606"/>
      <c r="JX6" s="606"/>
      <c r="JY6" s="606"/>
      <c r="JZ6" s="606"/>
      <c r="KA6" s="616"/>
      <c r="KB6" s="615"/>
      <c r="KC6" s="606"/>
      <c r="KD6" s="606"/>
      <c r="KE6" s="606"/>
      <c r="KF6" s="606"/>
      <c r="KG6" s="606"/>
      <c r="KH6" s="606"/>
      <c r="KI6" s="606"/>
      <c r="KJ6" s="606"/>
      <c r="KK6" s="606"/>
      <c r="KL6" s="616"/>
      <c r="KM6" s="615"/>
      <c r="KN6" s="606"/>
      <c r="KO6" s="606"/>
      <c r="KP6" s="606"/>
      <c r="KQ6" s="606"/>
      <c r="KR6" s="606"/>
      <c r="KS6" s="606"/>
      <c r="KT6" s="606"/>
      <c r="KU6" s="606"/>
      <c r="KV6" s="606"/>
      <c r="KW6" s="616"/>
      <c r="KX6" s="615"/>
      <c r="KY6" s="606"/>
      <c r="KZ6" s="606"/>
      <c r="LA6" s="606"/>
      <c r="LB6" s="606"/>
      <c r="LC6" s="606"/>
      <c r="LD6" s="606"/>
      <c r="LE6" s="606"/>
      <c r="LF6" s="606"/>
      <c r="LG6" s="606"/>
      <c r="LH6" s="616"/>
      <c r="LI6" s="640"/>
      <c r="LJ6" s="641"/>
      <c r="LK6" s="641"/>
      <c r="LL6" s="641"/>
      <c r="LM6" s="641"/>
      <c r="LN6" s="641"/>
      <c r="LO6" s="641"/>
      <c r="LP6" s="641"/>
      <c r="LQ6" s="641"/>
      <c r="LR6" s="641"/>
      <c r="LS6" s="642"/>
      <c r="LT6" s="655"/>
      <c r="LU6" s="656"/>
      <c r="LV6" s="656"/>
      <c r="LW6" s="656"/>
      <c r="LX6" s="656"/>
      <c r="LY6" s="656"/>
      <c r="LZ6" s="656"/>
      <c r="MA6" s="656"/>
      <c r="MB6" s="656"/>
      <c r="MC6" s="656"/>
      <c r="MD6" s="657"/>
      <c r="ME6" s="640"/>
      <c r="MF6" s="641"/>
      <c r="MG6" s="641"/>
      <c r="MH6" s="641"/>
      <c r="MI6" s="641"/>
      <c r="MJ6" s="641"/>
      <c r="MK6" s="641"/>
      <c r="ML6" s="641"/>
      <c r="MM6" s="641"/>
      <c r="MN6" s="641"/>
      <c r="MO6" s="642"/>
      <c r="MP6" s="615"/>
      <c r="MQ6" s="606"/>
      <c r="MR6" s="606"/>
      <c r="MS6" s="606"/>
      <c r="MT6" s="606"/>
      <c r="MU6" s="606"/>
      <c r="MV6" s="606"/>
      <c r="MW6" s="606"/>
      <c r="MX6" s="606"/>
      <c r="MY6" s="606"/>
      <c r="MZ6" s="616"/>
      <c r="NA6" s="615"/>
      <c r="NB6" s="606"/>
      <c r="NC6" s="606"/>
      <c r="ND6" s="606"/>
      <c r="NE6" s="606"/>
      <c r="NF6" s="606"/>
      <c r="NG6" s="606"/>
      <c r="NH6" s="606"/>
      <c r="NI6" s="606"/>
      <c r="NJ6" s="606"/>
      <c r="NK6" s="616"/>
      <c r="NL6" s="615"/>
      <c r="NM6" s="606"/>
      <c r="NN6" s="606"/>
      <c r="NO6" s="606"/>
      <c r="NP6" s="606"/>
      <c r="NQ6" s="606"/>
      <c r="NR6" s="606"/>
      <c r="NS6" s="606"/>
      <c r="NT6" s="606"/>
      <c r="NU6" s="606"/>
      <c r="NV6" s="616"/>
      <c r="NW6" s="665"/>
      <c r="NX6" s="666"/>
      <c r="NY6" s="666"/>
      <c r="NZ6" s="666"/>
      <c r="OA6" s="666"/>
      <c r="OB6" s="666"/>
      <c r="OC6" s="666"/>
      <c r="OD6" s="666"/>
      <c r="OE6" s="666"/>
      <c r="OF6" s="666"/>
      <c r="OG6" s="667"/>
      <c r="OH6" s="615"/>
      <c r="OI6" s="606"/>
      <c r="OJ6" s="606"/>
      <c r="OK6" s="606"/>
      <c r="OL6" s="606"/>
      <c r="OM6" s="606"/>
      <c r="ON6" s="606"/>
      <c r="OO6" s="606"/>
      <c r="OP6" s="606"/>
      <c r="OQ6" s="606"/>
      <c r="OR6" s="616"/>
    </row>
    <row r="7" spans="1:408" ht="18" customHeight="1" x14ac:dyDescent="0.2">
      <c r="A7" s="676"/>
      <c r="B7" s="597" t="s">
        <v>61</v>
      </c>
      <c r="C7" s="597"/>
      <c r="D7" s="597"/>
      <c r="E7" s="596" t="s">
        <v>62</v>
      </c>
      <c r="F7" s="597"/>
      <c r="G7" s="597"/>
      <c r="H7" s="597"/>
      <c r="I7" s="597"/>
      <c r="J7" s="597"/>
      <c r="K7" s="597"/>
      <c r="L7" s="596" t="s">
        <v>52</v>
      </c>
      <c r="M7" s="691" t="s">
        <v>61</v>
      </c>
      <c r="N7" s="597"/>
      <c r="O7" s="597"/>
      <c r="P7" s="596" t="s">
        <v>62</v>
      </c>
      <c r="Q7" s="597"/>
      <c r="R7" s="597"/>
      <c r="S7" s="597"/>
      <c r="T7" s="597"/>
      <c r="U7" s="597"/>
      <c r="V7" s="598"/>
      <c r="W7" s="631" t="s">
        <v>52</v>
      </c>
      <c r="X7" s="615" t="s">
        <v>61</v>
      </c>
      <c r="Y7" s="606"/>
      <c r="Z7" s="607"/>
      <c r="AA7" s="605" t="s">
        <v>62</v>
      </c>
      <c r="AB7" s="606"/>
      <c r="AC7" s="606"/>
      <c r="AD7" s="606"/>
      <c r="AE7" s="606"/>
      <c r="AF7" s="606"/>
      <c r="AG7" s="607"/>
      <c r="AH7" s="616" t="s">
        <v>52</v>
      </c>
      <c r="AI7" s="593" t="s">
        <v>61</v>
      </c>
      <c r="AJ7" s="594"/>
      <c r="AK7" s="595"/>
      <c r="AL7" s="629" t="s">
        <v>62</v>
      </c>
      <c r="AM7" s="594"/>
      <c r="AN7" s="594"/>
      <c r="AO7" s="594"/>
      <c r="AP7" s="594"/>
      <c r="AQ7" s="594"/>
      <c r="AR7" s="630"/>
      <c r="AS7" s="692" t="s">
        <v>52</v>
      </c>
      <c r="AT7" s="610" t="s">
        <v>61</v>
      </c>
      <c r="AU7" s="603"/>
      <c r="AV7" s="604"/>
      <c r="AW7" s="632" t="s">
        <v>62</v>
      </c>
      <c r="AX7" s="603"/>
      <c r="AY7" s="603"/>
      <c r="AZ7" s="603"/>
      <c r="BA7" s="603"/>
      <c r="BB7" s="603"/>
      <c r="BC7" s="633"/>
      <c r="BD7" s="616" t="s">
        <v>52</v>
      </c>
      <c r="BE7" s="610" t="s">
        <v>61</v>
      </c>
      <c r="BF7" s="603"/>
      <c r="BG7" s="604"/>
      <c r="BH7" s="632" t="s">
        <v>62</v>
      </c>
      <c r="BI7" s="603"/>
      <c r="BJ7" s="603"/>
      <c r="BK7" s="603"/>
      <c r="BL7" s="603"/>
      <c r="BM7" s="603"/>
      <c r="BN7" s="633"/>
      <c r="BO7" s="616" t="s">
        <v>52</v>
      </c>
      <c r="BP7" s="610" t="s">
        <v>61</v>
      </c>
      <c r="BQ7" s="603"/>
      <c r="BR7" s="604"/>
      <c r="BS7" s="632" t="s">
        <v>62</v>
      </c>
      <c r="BT7" s="603"/>
      <c r="BU7" s="603"/>
      <c r="BV7" s="603"/>
      <c r="BW7" s="603"/>
      <c r="BX7" s="603"/>
      <c r="BY7" s="633"/>
      <c r="BZ7" s="616" t="s">
        <v>52</v>
      </c>
      <c r="CA7" s="593" t="s">
        <v>61</v>
      </c>
      <c r="CB7" s="594"/>
      <c r="CC7" s="595"/>
      <c r="CD7" s="629" t="s">
        <v>62</v>
      </c>
      <c r="CE7" s="594"/>
      <c r="CF7" s="594"/>
      <c r="CG7" s="594"/>
      <c r="CH7" s="594"/>
      <c r="CI7" s="594"/>
      <c r="CJ7" s="630"/>
      <c r="CK7" s="631" t="s">
        <v>52</v>
      </c>
      <c r="CL7" s="610" t="s">
        <v>61</v>
      </c>
      <c r="CM7" s="603"/>
      <c r="CN7" s="633"/>
      <c r="CO7" s="632" t="s">
        <v>62</v>
      </c>
      <c r="CP7" s="603"/>
      <c r="CQ7" s="603"/>
      <c r="CR7" s="603"/>
      <c r="CS7" s="603"/>
      <c r="CT7" s="603"/>
      <c r="CU7" s="633"/>
      <c r="CV7" s="627" t="s">
        <v>52</v>
      </c>
      <c r="CW7" s="610" t="s">
        <v>61</v>
      </c>
      <c r="CX7" s="603"/>
      <c r="CY7" s="633"/>
      <c r="CZ7" s="632" t="s">
        <v>62</v>
      </c>
      <c r="DA7" s="603"/>
      <c r="DB7" s="603"/>
      <c r="DC7" s="603"/>
      <c r="DD7" s="603"/>
      <c r="DE7" s="603"/>
      <c r="DF7" s="633"/>
      <c r="DG7" s="627" t="s">
        <v>52</v>
      </c>
      <c r="DH7" s="593" t="s">
        <v>61</v>
      </c>
      <c r="DI7" s="594"/>
      <c r="DJ7" s="630"/>
      <c r="DK7" s="629" t="s">
        <v>62</v>
      </c>
      <c r="DL7" s="594"/>
      <c r="DM7" s="594"/>
      <c r="DN7" s="594"/>
      <c r="DO7" s="594"/>
      <c r="DP7" s="594"/>
      <c r="DQ7" s="630"/>
      <c r="DR7" s="631" t="s">
        <v>52</v>
      </c>
      <c r="DS7" s="610" t="s">
        <v>61</v>
      </c>
      <c r="DT7" s="603"/>
      <c r="DU7" s="604"/>
      <c r="DV7" s="632" t="s">
        <v>62</v>
      </c>
      <c r="DW7" s="603"/>
      <c r="DX7" s="603"/>
      <c r="DY7" s="603"/>
      <c r="DZ7" s="603"/>
      <c r="EA7" s="603"/>
      <c r="EB7" s="633"/>
      <c r="EC7" s="616" t="s">
        <v>52</v>
      </c>
      <c r="ED7" s="610" t="s">
        <v>61</v>
      </c>
      <c r="EE7" s="603"/>
      <c r="EF7" s="604"/>
      <c r="EG7" s="632" t="s">
        <v>62</v>
      </c>
      <c r="EH7" s="603"/>
      <c r="EI7" s="603"/>
      <c r="EJ7" s="603"/>
      <c r="EK7" s="603"/>
      <c r="EL7" s="603"/>
      <c r="EM7" s="633"/>
      <c r="EN7" s="616" t="s">
        <v>52</v>
      </c>
      <c r="EO7" s="610" t="s">
        <v>61</v>
      </c>
      <c r="EP7" s="603"/>
      <c r="EQ7" s="604"/>
      <c r="ER7" s="632" t="s">
        <v>62</v>
      </c>
      <c r="ES7" s="603"/>
      <c r="ET7" s="603"/>
      <c r="EU7" s="603"/>
      <c r="EV7" s="603"/>
      <c r="EW7" s="603"/>
      <c r="EX7" s="633"/>
      <c r="EY7" s="616" t="s">
        <v>52</v>
      </c>
      <c r="EZ7" s="610" t="s">
        <v>61</v>
      </c>
      <c r="FA7" s="603"/>
      <c r="FB7" s="604"/>
      <c r="FC7" s="632" t="s">
        <v>62</v>
      </c>
      <c r="FD7" s="603"/>
      <c r="FE7" s="603"/>
      <c r="FF7" s="603"/>
      <c r="FG7" s="603"/>
      <c r="FH7" s="603"/>
      <c r="FI7" s="633"/>
      <c r="FJ7" s="616" t="s">
        <v>52</v>
      </c>
      <c r="FK7" s="593" t="s">
        <v>61</v>
      </c>
      <c r="FL7" s="594"/>
      <c r="FM7" s="595"/>
      <c r="FN7" s="629" t="s">
        <v>62</v>
      </c>
      <c r="FO7" s="594"/>
      <c r="FP7" s="594"/>
      <c r="FQ7" s="594"/>
      <c r="FR7" s="594"/>
      <c r="FS7" s="594"/>
      <c r="FT7" s="630"/>
      <c r="FU7" s="597" t="s">
        <v>52</v>
      </c>
      <c r="FV7" s="610" t="s">
        <v>61</v>
      </c>
      <c r="FW7" s="603"/>
      <c r="FX7" s="604"/>
      <c r="FY7" s="632" t="s">
        <v>62</v>
      </c>
      <c r="FZ7" s="603"/>
      <c r="GA7" s="603"/>
      <c r="GB7" s="603"/>
      <c r="GC7" s="603"/>
      <c r="GD7" s="603"/>
      <c r="GE7" s="633"/>
      <c r="GF7" s="616" t="s">
        <v>52</v>
      </c>
      <c r="GG7" s="615" t="s">
        <v>61</v>
      </c>
      <c r="GH7" s="606"/>
      <c r="GI7" s="606"/>
      <c r="GJ7" s="605" t="s">
        <v>62</v>
      </c>
      <c r="GK7" s="606"/>
      <c r="GL7" s="606"/>
      <c r="GM7" s="606"/>
      <c r="GN7" s="606"/>
      <c r="GO7" s="606"/>
      <c r="GP7" s="607"/>
      <c r="GQ7" s="673" t="s">
        <v>52</v>
      </c>
      <c r="GR7" s="615" t="s">
        <v>61</v>
      </c>
      <c r="GS7" s="606"/>
      <c r="GT7" s="607"/>
      <c r="GU7" s="605" t="s">
        <v>62</v>
      </c>
      <c r="GV7" s="606"/>
      <c r="GW7" s="606"/>
      <c r="GX7" s="606"/>
      <c r="GY7" s="606"/>
      <c r="GZ7" s="606"/>
      <c r="HA7" s="607"/>
      <c r="HB7" s="673" t="s">
        <v>52</v>
      </c>
      <c r="HC7" s="610" t="s">
        <v>61</v>
      </c>
      <c r="HD7" s="603"/>
      <c r="HE7" s="604"/>
      <c r="HF7" s="632" t="s">
        <v>62</v>
      </c>
      <c r="HG7" s="603"/>
      <c r="HH7" s="603"/>
      <c r="HI7" s="603"/>
      <c r="HJ7" s="603"/>
      <c r="HK7" s="603"/>
      <c r="HL7" s="633"/>
      <c r="HM7" s="616" t="s">
        <v>52</v>
      </c>
      <c r="HN7" s="610" t="s">
        <v>61</v>
      </c>
      <c r="HO7" s="603"/>
      <c r="HP7" s="604"/>
      <c r="HQ7" s="632" t="s">
        <v>62</v>
      </c>
      <c r="HR7" s="603"/>
      <c r="HS7" s="603"/>
      <c r="HT7" s="603"/>
      <c r="HU7" s="603"/>
      <c r="HV7" s="603"/>
      <c r="HW7" s="633"/>
      <c r="HX7" s="616" t="s">
        <v>52</v>
      </c>
      <c r="HY7" s="593" t="s">
        <v>61</v>
      </c>
      <c r="HZ7" s="594"/>
      <c r="IA7" s="595"/>
      <c r="IB7" s="629" t="s">
        <v>62</v>
      </c>
      <c r="IC7" s="594"/>
      <c r="ID7" s="594"/>
      <c r="IE7" s="594"/>
      <c r="IF7" s="594"/>
      <c r="IG7" s="594"/>
      <c r="IH7" s="630"/>
      <c r="II7" s="597" t="s">
        <v>52</v>
      </c>
      <c r="IJ7" s="610" t="s">
        <v>61</v>
      </c>
      <c r="IK7" s="603"/>
      <c r="IL7" s="604"/>
      <c r="IM7" s="632" t="s">
        <v>62</v>
      </c>
      <c r="IN7" s="603"/>
      <c r="IO7" s="603"/>
      <c r="IP7" s="603"/>
      <c r="IQ7" s="603"/>
      <c r="IR7" s="603"/>
      <c r="IS7" s="633"/>
      <c r="IT7" s="616" t="s">
        <v>52</v>
      </c>
      <c r="IU7" s="610" t="s">
        <v>61</v>
      </c>
      <c r="IV7" s="603"/>
      <c r="IW7" s="633"/>
      <c r="IX7" s="632" t="s">
        <v>62</v>
      </c>
      <c r="IY7" s="603"/>
      <c r="IZ7" s="603"/>
      <c r="JA7" s="603"/>
      <c r="JB7" s="603"/>
      <c r="JC7" s="603"/>
      <c r="JD7" s="633"/>
      <c r="JE7" s="616" t="s">
        <v>52</v>
      </c>
      <c r="JF7" s="610" t="s">
        <v>61</v>
      </c>
      <c r="JG7" s="603"/>
      <c r="JH7" s="604"/>
      <c r="JI7" s="632" t="s">
        <v>62</v>
      </c>
      <c r="JJ7" s="603"/>
      <c r="JK7" s="603"/>
      <c r="JL7" s="603"/>
      <c r="JM7" s="603"/>
      <c r="JN7" s="603"/>
      <c r="JO7" s="633"/>
      <c r="JP7" s="627" t="s">
        <v>52</v>
      </c>
      <c r="JQ7" s="610" t="s">
        <v>61</v>
      </c>
      <c r="JR7" s="603"/>
      <c r="JS7" s="604"/>
      <c r="JT7" s="632" t="s">
        <v>62</v>
      </c>
      <c r="JU7" s="603"/>
      <c r="JV7" s="603"/>
      <c r="JW7" s="603"/>
      <c r="JX7" s="603"/>
      <c r="JY7" s="603"/>
      <c r="JZ7" s="633"/>
      <c r="KA7" s="627" t="s">
        <v>52</v>
      </c>
      <c r="KB7" s="610" t="s">
        <v>61</v>
      </c>
      <c r="KC7" s="603"/>
      <c r="KD7" s="604"/>
      <c r="KE7" s="632" t="s">
        <v>62</v>
      </c>
      <c r="KF7" s="603"/>
      <c r="KG7" s="603"/>
      <c r="KH7" s="603"/>
      <c r="KI7" s="603"/>
      <c r="KJ7" s="603"/>
      <c r="KK7" s="633"/>
      <c r="KL7" s="627" t="s">
        <v>52</v>
      </c>
      <c r="KM7" s="610" t="s">
        <v>61</v>
      </c>
      <c r="KN7" s="603"/>
      <c r="KO7" s="604"/>
      <c r="KP7" s="632" t="s">
        <v>62</v>
      </c>
      <c r="KQ7" s="603"/>
      <c r="KR7" s="603"/>
      <c r="KS7" s="603"/>
      <c r="KT7" s="603"/>
      <c r="KU7" s="603"/>
      <c r="KV7" s="633"/>
      <c r="KW7" s="627" t="s">
        <v>52</v>
      </c>
      <c r="KX7" s="610" t="s">
        <v>61</v>
      </c>
      <c r="KY7" s="603"/>
      <c r="KZ7" s="604"/>
      <c r="LA7" s="632" t="s">
        <v>62</v>
      </c>
      <c r="LB7" s="603"/>
      <c r="LC7" s="603"/>
      <c r="LD7" s="603"/>
      <c r="LE7" s="603"/>
      <c r="LF7" s="603"/>
      <c r="LG7" s="633"/>
      <c r="LH7" s="627" t="s">
        <v>52</v>
      </c>
      <c r="LI7" s="610" t="s">
        <v>61</v>
      </c>
      <c r="LJ7" s="603"/>
      <c r="LK7" s="604"/>
      <c r="LL7" s="632" t="s">
        <v>62</v>
      </c>
      <c r="LM7" s="603"/>
      <c r="LN7" s="603"/>
      <c r="LO7" s="603"/>
      <c r="LP7" s="603"/>
      <c r="LQ7" s="603"/>
      <c r="LR7" s="633"/>
      <c r="LS7" s="627" t="s">
        <v>52</v>
      </c>
      <c r="LT7" s="610" t="s">
        <v>61</v>
      </c>
      <c r="LU7" s="603"/>
      <c r="LV7" s="604"/>
      <c r="LW7" s="632" t="s">
        <v>62</v>
      </c>
      <c r="LX7" s="603"/>
      <c r="LY7" s="603"/>
      <c r="LZ7" s="603"/>
      <c r="MA7" s="603"/>
      <c r="MB7" s="603"/>
      <c r="MC7" s="633"/>
      <c r="MD7" s="627" t="s">
        <v>52</v>
      </c>
      <c r="ME7" s="593" t="s">
        <v>61</v>
      </c>
      <c r="MF7" s="594"/>
      <c r="MG7" s="595"/>
      <c r="MH7" s="629" t="s">
        <v>62</v>
      </c>
      <c r="MI7" s="594"/>
      <c r="MJ7" s="594"/>
      <c r="MK7" s="594"/>
      <c r="ML7" s="594"/>
      <c r="MM7" s="594"/>
      <c r="MN7" s="630"/>
      <c r="MO7" s="631" t="s">
        <v>52</v>
      </c>
      <c r="MP7" s="610" t="s">
        <v>61</v>
      </c>
      <c r="MQ7" s="603"/>
      <c r="MR7" s="604"/>
      <c r="MS7" s="632" t="s">
        <v>62</v>
      </c>
      <c r="MT7" s="603"/>
      <c r="MU7" s="603"/>
      <c r="MV7" s="603"/>
      <c r="MW7" s="603"/>
      <c r="MX7" s="603"/>
      <c r="MY7" s="633"/>
      <c r="MZ7" s="627" t="s">
        <v>52</v>
      </c>
      <c r="NA7" s="610" t="s">
        <v>61</v>
      </c>
      <c r="NB7" s="603"/>
      <c r="NC7" s="604"/>
      <c r="ND7" s="632" t="s">
        <v>62</v>
      </c>
      <c r="NE7" s="603"/>
      <c r="NF7" s="603"/>
      <c r="NG7" s="603"/>
      <c r="NH7" s="603"/>
      <c r="NI7" s="603"/>
      <c r="NJ7" s="633"/>
      <c r="NK7" s="627" t="s">
        <v>52</v>
      </c>
      <c r="NL7" s="610" t="s">
        <v>61</v>
      </c>
      <c r="NM7" s="603"/>
      <c r="NN7" s="604"/>
      <c r="NO7" s="632" t="s">
        <v>62</v>
      </c>
      <c r="NP7" s="603"/>
      <c r="NQ7" s="603"/>
      <c r="NR7" s="603"/>
      <c r="NS7" s="603"/>
      <c r="NT7" s="603"/>
      <c r="NU7" s="633"/>
      <c r="NV7" s="627" t="s">
        <v>52</v>
      </c>
      <c r="NW7" s="610" t="s">
        <v>61</v>
      </c>
      <c r="NX7" s="603"/>
      <c r="NY7" s="604"/>
      <c r="NZ7" s="632" t="s">
        <v>62</v>
      </c>
      <c r="OA7" s="603"/>
      <c r="OB7" s="603"/>
      <c r="OC7" s="603"/>
      <c r="OD7" s="603"/>
      <c r="OE7" s="603"/>
      <c r="OF7" s="633"/>
      <c r="OG7" s="627" t="s">
        <v>52</v>
      </c>
      <c r="OH7" s="593" t="s">
        <v>61</v>
      </c>
      <c r="OI7" s="594"/>
      <c r="OJ7" s="595"/>
      <c r="OK7" s="629" t="s">
        <v>62</v>
      </c>
      <c r="OL7" s="594"/>
      <c r="OM7" s="594"/>
      <c r="ON7" s="594"/>
      <c r="OO7" s="594"/>
      <c r="OP7" s="594"/>
      <c r="OQ7" s="630"/>
      <c r="OR7" s="631" t="s">
        <v>52</v>
      </c>
    </row>
    <row r="8" spans="1:408" ht="28.5" customHeight="1" thickBot="1" x14ac:dyDescent="0.25">
      <c r="A8" s="677"/>
      <c r="B8" s="65" t="s">
        <v>43</v>
      </c>
      <c r="C8" s="16" t="s">
        <v>44</v>
      </c>
      <c r="D8" s="41" t="s">
        <v>45</v>
      </c>
      <c r="E8" s="42" t="s">
        <v>83</v>
      </c>
      <c r="F8" s="16" t="s">
        <v>47</v>
      </c>
      <c r="G8" s="16" t="s">
        <v>48</v>
      </c>
      <c r="H8" s="16" t="s">
        <v>49</v>
      </c>
      <c r="I8" s="16" t="s">
        <v>50</v>
      </c>
      <c r="J8" s="16" t="s">
        <v>51</v>
      </c>
      <c r="K8" s="17" t="s">
        <v>45</v>
      </c>
      <c r="L8" s="690"/>
      <c r="M8" s="40" t="s">
        <v>43</v>
      </c>
      <c r="N8" s="16" t="s">
        <v>44</v>
      </c>
      <c r="O8" s="17" t="s">
        <v>45</v>
      </c>
      <c r="P8" s="42" t="s">
        <v>83</v>
      </c>
      <c r="Q8" s="16" t="s">
        <v>47</v>
      </c>
      <c r="R8" s="16" t="s">
        <v>48</v>
      </c>
      <c r="S8" s="16" t="s">
        <v>49</v>
      </c>
      <c r="T8" s="16" t="s">
        <v>50</v>
      </c>
      <c r="U8" s="16" t="s">
        <v>51</v>
      </c>
      <c r="V8" s="17" t="s">
        <v>45</v>
      </c>
      <c r="W8" s="672"/>
      <c r="X8" s="40" t="s">
        <v>43</v>
      </c>
      <c r="Y8" s="16" t="s">
        <v>44</v>
      </c>
      <c r="Z8" s="17" t="s">
        <v>45</v>
      </c>
      <c r="AA8" s="42" t="s">
        <v>83</v>
      </c>
      <c r="AB8" s="16" t="s">
        <v>47</v>
      </c>
      <c r="AC8" s="16" t="s">
        <v>48</v>
      </c>
      <c r="AD8" s="16" t="s">
        <v>49</v>
      </c>
      <c r="AE8" s="16" t="s">
        <v>50</v>
      </c>
      <c r="AF8" s="16" t="s">
        <v>51</v>
      </c>
      <c r="AG8" s="17" t="s">
        <v>45</v>
      </c>
      <c r="AH8" s="671"/>
      <c r="AI8" s="40" t="s">
        <v>43</v>
      </c>
      <c r="AJ8" s="16" t="s">
        <v>44</v>
      </c>
      <c r="AK8" s="41" t="s">
        <v>45</v>
      </c>
      <c r="AL8" s="42" t="s">
        <v>83</v>
      </c>
      <c r="AM8" s="16" t="s">
        <v>47</v>
      </c>
      <c r="AN8" s="16" t="s">
        <v>48</v>
      </c>
      <c r="AO8" s="16" t="s">
        <v>49</v>
      </c>
      <c r="AP8" s="16" t="s">
        <v>50</v>
      </c>
      <c r="AQ8" s="16" t="s">
        <v>51</v>
      </c>
      <c r="AR8" s="17" t="s">
        <v>45</v>
      </c>
      <c r="AS8" s="671"/>
      <c r="AT8" s="40" t="s">
        <v>43</v>
      </c>
      <c r="AU8" s="16" t="s">
        <v>44</v>
      </c>
      <c r="AV8" s="41" t="s">
        <v>45</v>
      </c>
      <c r="AW8" s="42" t="s">
        <v>83</v>
      </c>
      <c r="AX8" s="16" t="s">
        <v>47</v>
      </c>
      <c r="AY8" s="16" t="s">
        <v>48</v>
      </c>
      <c r="AZ8" s="16" t="s">
        <v>49</v>
      </c>
      <c r="BA8" s="16" t="s">
        <v>50</v>
      </c>
      <c r="BB8" s="16" t="s">
        <v>51</v>
      </c>
      <c r="BC8" s="17" t="s">
        <v>45</v>
      </c>
      <c r="BD8" s="671"/>
      <c r="BE8" s="61" t="s">
        <v>43</v>
      </c>
      <c r="BF8" s="16" t="s">
        <v>44</v>
      </c>
      <c r="BG8" s="41" t="s">
        <v>45</v>
      </c>
      <c r="BH8" s="42" t="s">
        <v>83</v>
      </c>
      <c r="BI8" s="16" t="s">
        <v>47</v>
      </c>
      <c r="BJ8" s="16" t="s">
        <v>48</v>
      </c>
      <c r="BK8" s="16" t="s">
        <v>49</v>
      </c>
      <c r="BL8" s="16" t="s">
        <v>50</v>
      </c>
      <c r="BM8" s="16" t="s">
        <v>51</v>
      </c>
      <c r="BN8" s="17" t="s">
        <v>45</v>
      </c>
      <c r="BO8" s="671"/>
      <c r="BP8" s="40" t="s">
        <v>43</v>
      </c>
      <c r="BQ8" s="16" t="s">
        <v>44</v>
      </c>
      <c r="BR8" s="41" t="s">
        <v>45</v>
      </c>
      <c r="BS8" s="42" t="s">
        <v>83</v>
      </c>
      <c r="BT8" s="16" t="s">
        <v>47</v>
      </c>
      <c r="BU8" s="16" t="s">
        <v>48</v>
      </c>
      <c r="BV8" s="16" t="s">
        <v>49</v>
      </c>
      <c r="BW8" s="16" t="s">
        <v>50</v>
      </c>
      <c r="BX8" s="16" t="s">
        <v>51</v>
      </c>
      <c r="BY8" s="17" t="s">
        <v>45</v>
      </c>
      <c r="BZ8" s="671"/>
      <c r="CA8" s="40" t="s">
        <v>43</v>
      </c>
      <c r="CB8" s="16" t="s">
        <v>44</v>
      </c>
      <c r="CC8" s="41" t="s">
        <v>45</v>
      </c>
      <c r="CD8" s="42" t="s">
        <v>83</v>
      </c>
      <c r="CE8" s="16" t="s">
        <v>47</v>
      </c>
      <c r="CF8" s="16" t="s">
        <v>48</v>
      </c>
      <c r="CG8" s="16" t="s">
        <v>49</v>
      </c>
      <c r="CH8" s="16" t="s">
        <v>50</v>
      </c>
      <c r="CI8" s="16" t="s">
        <v>51</v>
      </c>
      <c r="CJ8" s="17" t="s">
        <v>45</v>
      </c>
      <c r="CK8" s="672"/>
      <c r="CL8" s="40" t="s">
        <v>43</v>
      </c>
      <c r="CM8" s="16" t="s">
        <v>44</v>
      </c>
      <c r="CN8" s="17" t="s">
        <v>45</v>
      </c>
      <c r="CO8" s="42" t="s">
        <v>83</v>
      </c>
      <c r="CP8" s="16" t="s">
        <v>47</v>
      </c>
      <c r="CQ8" s="16" t="s">
        <v>48</v>
      </c>
      <c r="CR8" s="16" t="s">
        <v>49</v>
      </c>
      <c r="CS8" s="16" t="s">
        <v>50</v>
      </c>
      <c r="CT8" s="16" t="s">
        <v>51</v>
      </c>
      <c r="CU8" s="17" t="s">
        <v>45</v>
      </c>
      <c r="CV8" s="672"/>
      <c r="CW8" s="40" t="s">
        <v>43</v>
      </c>
      <c r="CX8" s="16" t="s">
        <v>44</v>
      </c>
      <c r="CY8" s="17" t="s">
        <v>45</v>
      </c>
      <c r="CZ8" s="42" t="s">
        <v>83</v>
      </c>
      <c r="DA8" s="16" t="s">
        <v>47</v>
      </c>
      <c r="DB8" s="16" t="s">
        <v>48</v>
      </c>
      <c r="DC8" s="16" t="s">
        <v>49</v>
      </c>
      <c r="DD8" s="16" t="s">
        <v>50</v>
      </c>
      <c r="DE8" s="16" t="s">
        <v>51</v>
      </c>
      <c r="DF8" s="17" t="s">
        <v>45</v>
      </c>
      <c r="DG8" s="672"/>
      <c r="DH8" s="40" t="s">
        <v>43</v>
      </c>
      <c r="DI8" s="16" t="s">
        <v>44</v>
      </c>
      <c r="DJ8" s="17" t="s">
        <v>45</v>
      </c>
      <c r="DK8" s="42" t="s">
        <v>83</v>
      </c>
      <c r="DL8" s="16" t="s">
        <v>47</v>
      </c>
      <c r="DM8" s="16" t="s">
        <v>48</v>
      </c>
      <c r="DN8" s="16" t="s">
        <v>49</v>
      </c>
      <c r="DO8" s="16" t="s">
        <v>50</v>
      </c>
      <c r="DP8" s="16" t="s">
        <v>51</v>
      </c>
      <c r="DQ8" s="17" t="s">
        <v>45</v>
      </c>
      <c r="DR8" s="672"/>
      <c r="DS8" s="40" t="s">
        <v>43</v>
      </c>
      <c r="DT8" s="16" t="s">
        <v>44</v>
      </c>
      <c r="DU8" s="41" t="s">
        <v>45</v>
      </c>
      <c r="DV8" s="42" t="s">
        <v>83</v>
      </c>
      <c r="DW8" s="16" t="s">
        <v>47</v>
      </c>
      <c r="DX8" s="16" t="s">
        <v>48</v>
      </c>
      <c r="DY8" s="16" t="s">
        <v>49</v>
      </c>
      <c r="DZ8" s="16" t="s">
        <v>50</v>
      </c>
      <c r="EA8" s="16" t="s">
        <v>51</v>
      </c>
      <c r="EB8" s="17" t="s">
        <v>45</v>
      </c>
      <c r="EC8" s="671"/>
      <c r="ED8" s="40" t="s">
        <v>43</v>
      </c>
      <c r="EE8" s="16" t="s">
        <v>44</v>
      </c>
      <c r="EF8" s="41" t="s">
        <v>45</v>
      </c>
      <c r="EG8" s="42" t="s">
        <v>83</v>
      </c>
      <c r="EH8" s="16" t="s">
        <v>47</v>
      </c>
      <c r="EI8" s="16" t="s">
        <v>48</v>
      </c>
      <c r="EJ8" s="16" t="s">
        <v>49</v>
      </c>
      <c r="EK8" s="16" t="s">
        <v>50</v>
      </c>
      <c r="EL8" s="16" t="s">
        <v>51</v>
      </c>
      <c r="EM8" s="17" t="s">
        <v>45</v>
      </c>
      <c r="EN8" s="671"/>
      <c r="EO8" s="40" t="s">
        <v>43</v>
      </c>
      <c r="EP8" s="16" t="s">
        <v>44</v>
      </c>
      <c r="EQ8" s="41" t="s">
        <v>45</v>
      </c>
      <c r="ER8" s="42" t="s">
        <v>83</v>
      </c>
      <c r="ES8" s="16" t="s">
        <v>47</v>
      </c>
      <c r="ET8" s="16" t="s">
        <v>48</v>
      </c>
      <c r="EU8" s="16" t="s">
        <v>49</v>
      </c>
      <c r="EV8" s="16" t="s">
        <v>50</v>
      </c>
      <c r="EW8" s="16" t="s">
        <v>51</v>
      </c>
      <c r="EX8" s="17" t="s">
        <v>45</v>
      </c>
      <c r="EY8" s="671"/>
      <c r="EZ8" s="40" t="s">
        <v>43</v>
      </c>
      <c r="FA8" s="16" t="s">
        <v>44</v>
      </c>
      <c r="FB8" s="41" t="s">
        <v>45</v>
      </c>
      <c r="FC8" s="42" t="s">
        <v>83</v>
      </c>
      <c r="FD8" s="16" t="s">
        <v>47</v>
      </c>
      <c r="FE8" s="16" t="s">
        <v>48</v>
      </c>
      <c r="FF8" s="16" t="s">
        <v>49</v>
      </c>
      <c r="FG8" s="16" t="s">
        <v>50</v>
      </c>
      <c r="FH8" s="16" t="s">
        <v>51</v>
      </c>
      <c r="FI8" s="17" t="s">
        <v>45</v>
      </c>
      <c r="FJ8" s="671"/>
      <c r="FK8" s="40" t="s">
        <v>43</v>
      </c>
      <c r="FL8" s="16" t="s">
        <v>44</v>
      </c>
      <c r="FM8" s="41" t="s">
        <v>45</v>
      </c>
      <c r="FN8" s="42" t="s">
        <v>83</v>
      </c>
      <c r="FO8" s="16" t="s">
        <v>47</v>
      </c>
      <c r="FP8" s="16" t="s">
        <v>48</v>
      </c>
      <c r="FQ8" s="16" t="s">
        <v>49</v>
      </c>
      <c r="FR8" s="16" t="s">
        <v>50</v>
      </c>
      <c r="FS8" s="16" t="s">
        <v>51</v>
      </c>
      <c r="FT8" s="17" t="s">
        <v>45</v>
      </c>
      <c r="FU8" s="669"/>
      <c r="FV8" s="40" t="s">
        <v>43</v>
      </c>
      <c r="FW8" s="16" t="s">
        <v>44</v>
      </c>
      <c r="FX8" s="41" t="s">
        <v>45</v>
      </c>
      <c r="FY8" s="42" t="s">
        <v>83</v>
      </c>
      <c r="FZ8" s="16" t="s">
        <v>47</v>
      </c>
      <c r="GA8" s="16" t="s">
        <v>48</v>
      </c>
      <c r="GB8" s="16" t="s">
        <v>49</v>
      </c>
      <c r="GC8" s="16" t="s">
        <v>50</v>
      </c>
      <c r="GD8" s="16" t="s">
        <v>51</v>
      </c>
      <c r="GE8" s="17" t="s">
        <v>45</v>
      </c>
      <c r="GF8" s="671"/>
      <c r="GG8" s="40" t="s">
        <v>43</v>
      </c>
      <c r="GH8" s="16" t="s">
        <v>44</v>
      </c>
      <c r="GI8" s="41" t="s">
        <v>45</v>
      </c>
      <c r="GJ8" s="42" t="s">
        <v>83</v>
      </c>
      <c r="GK8" s="16" t="s">
        <v>47</v>
      </c>
      <c r="GL8" s="16" t="s">
        <v>48</v>
      </c>
      <c r="GM8" s="16" t="s">
        <v>49</v>
      </c>
      <c r="GN8" s="16" t="s">
        <v>50</v>
      </c>
      <c r="GO8" s="16" t="s">
        <v>51</v>
      </c>
      <c r="GP8" s="17" t="s">
        <v>45</v>
      </c>
      <c r="GQ8" s="674"/>
      <c r="GR8" s="40" t="s">
        <v>43</v>
      </c>
      <c r="GS8" s="16" t="s">
        <v>44</v>
      </c>
      <c r="GT8" s="41" t="s">
        <v>45</v>
      </c>
      <c r="GU8" s="42" t="s">
        <v>83</v>
      </c>
      <c r="GV8" s="16" t="s">
        <v>47</v>
      </c>
      <c r="GW8" s="16" t="s">
        <v>48</v>
      </c>
      <c r="GX8" s="16" t="s">
        <v>49</v>
      </c>
      <c r="GY8" s="16" t="s">
        <v>50</v>
      </c>
      <c r="GZ8" s="16" t="s">
        <v>51</v>
      </c>
      <c r="HA8" s="17" t="s">
        <v>45</v>
      </c>
      <c r="HB8" s="674"/>
      <c r="HC8" s="40" t="s">
        <v>43</v>
      </c>
      <c r="HD8" s="16" t="s">
        <v>44</v>
      </c>
      <c r="HE8" s="41" t="s">
        <v>45</v>
      </c>
      <c r="HF8" s="42" t="s">
        <v>83</v>
      </c>
      <c r="HG8" s="16" t="s">
        <v>47</v>
      </c>
      <c r="HH8" s="16" t="s">
        <v>48</v>
      </c>
      <c r="HI8" s="16" t="s">
        <v>49</v>
      </c>
      <c r="HJ8" s="16" t="s">
        <v>50</v>
      </c>
      <c r="HK8" s="16" t="s">
        <v>51</v>
      </c>
      <c r="HL8" s="17" t="s">
        <v>45</v>
      </c>
      <c r="HM8" s="671"/>
      <c r="HN8" s="40" t="s">
        <v>43</v>
      </c>
      <c r="HO8" s="16" t="s">
        <v>44</v>
      </c>
      <c r="HP8" s="41" t="s">
        <v>45</v>
      </c>
      <c r="HQ8" s="42" t="s">
        <v>83</v>
      </c>
      <c r="HR8" s="16" t="s">
        <v>47</v>
      </c>
      <c r="HS8" s="16" t="s">
        <v>48</v>
      </c>
      <c r="HT8" s="16" t="s">
        <v>49</v>
      </c>
      <c r="HU8" s="16" t="s">
        <v>50</v>
      </c>
      <c r="HV8" s="16" t="s">
        <v>51</v>
      </c>
      <c r="HW8" s="17" t="s">
        <v>45</v>
      </c>
      <c r="HX8" s="671"/>
      <c r="HY8" s="412" t="s">
        <v>43</v>
      </c>
      <c r="HZ8" s="413" t="s">
        <v>44</v>
      </c>
      <c r="IA8" s="41" t="s">
        <v>45</v>
      </c>
      <c r="IB8" s="42" t="s">
        <v>83</v>
      </c>
      <c r="IC8" s="413" t="s">
        <v>47</v>
      </c>
      <c r="ID8" s="413" t="s">
        <v>48</v>
      </c>
      <c r="IE8" s="413" t="s">
        <v>49</v>
      </c>
      <c r="IF8" s="413" t="s">
        <v>50</v>
      </c>
      <c r="IG8" s="413" t="s">
        <v>51</v>
      </c>
      <c r="IH8" s="17" t="s">
        <v>45</v>
      </c>
      <c r="II8" s="669"/>
      <c r="IJ8" s="412" t="s">
        <v>43</v>
      </c>
      <c r="IK8" s="413" t="s">
        <v>44</v>
      </c>
      <c r="IL8" s="41" t="s">
        <v>45</v>
      </c>
      <c r="IM8" s="42" t="s">
        <v>83</v>
      </c>
      <c r="IN8" s="59" t="s">
        <v>47</v>
      </c>
      <c r="IO8" s="59" t="s">
        <v>48</v>
      </c>
      <c r="IP8" s="59" t="s">
        <v>49</v>
      </c>
      <c r="IQ8" s="59" t="s">
        <v>50</v>
      </c>
      <c r="IR8" s="59" t="s">
        <v>51</v>
      </c>
      <c r="IS8" s="64" t="s">
        <v>45</v>
      </c>
      <c r="IT8" s="668"/>
      <c r="IU8" s="61" t="s">
        <v>43</v>
      </c>
      <c r="IV8" s="59" t="s">
        <v>44</v>
      </c>
      <c r="IW8" s="64" t="s">
        <v>45</v>
      </c>
      <c r="IX8" s="33" t="s">
        <v>83</v>
      </c>
      <c r="IY8" s="59" t="s">
        <v>47</v>
      </c>
      <c r="IZ8" s="59" t="s">
        <v>48</v>
      </c>
      <c r="JA8" s="59" t="s">
        <v>49</v>
      </c>
      <c r="JB8" s="59" t="s">
        <v>50</v>
      </c>
      <c r="JC8" s="59" t="s">
        <v>51</v>
      </c>
      <c r="JD8" s="64" t="s">
        <v>45</v>
      </c>
      <c r="JE8" s="668"/>
      <c r="JF8" s="61" t="s">
        <v>43</v>
      </c>
      <c r="JG8" s="59" t="s">
        <v>44</v>
      </c>
      <c r="JH8" s="60" t="s">
        <v>45</v>
      </c>
      <c r="JI8" s="33" t="s">
        <v>83</v>
      </c>
      <c r="JJ8" s="59" t="s">
        <v>47</v>
      </c>
      <c r="JK8" s="59" t="s">
        <v>48</v>
      </c>
      <c r="JL8" s="59" t="s">
        <v>49</v>
      </c>
      <c r="JM8" s="59" t="s">
        <v>50</v>
      </c>
      <c r="JN8" s="59" t="s">
        <v>51</v>
      </c>
      <c r="JO8" s="64" t="s">
        <v>45</v>
      </c>
      <c r="JP8" s="628"/>
      <c r="JQ8" s="61" t="s">
        <v>43</v>
      </c>
      <c r="JR8" s="59" t="s">
        <v>44</v>
      </c>
      <c r="JS8" s="60" t="s">
        <v>45</v>
      </c>
      <c r="JT8" s="33" t="s">
        <v>83</v>
      </c>
      <c r="JU8" s="59" t="s">
        <v>47</v>
      </c>
      <c r="JV8" s="59" t="s">
        <v>48</v>
      </c>
      <c r="JW8" s="59" t="s">
        <v>49</v>
      </c>
      <c r="JX8" s="59" t="s">
        <v>50</v>
      </c>
      <c r="JY8" s="59" t="s">
        <v>51</v>
      </c>
      <c r="JZ8" s="64" t="s">
        <v>45</v>
      </c>
      <c r="KA8" s="628"/>
      <c r="KB8" s="61" t="s">
        <v>43</v>
      </c>
      <c r="KC8" s="59" t="s">
        <v>44</v>
      </c>
      <c r="KD8" s="60" t="s">
        <v>45</v>
      </c>
      <c r="KE8" s="33" t="s">
        <v>83</v>
      </c>
      <c r="KF8" s="59" t="s">
        <v>47</v>
      </c>
      <c r="KG8" s="59" t="s">
        <v>48</v>
      </c>
      <c r="KH8" s="59" t="s">
        <v>49</v>
      </c>
      <c r="KI8" s="59" t="s">
        <v>50</v>
      </c>
      <c r="KJ8" s="59" t="s">
        <v>51</v>
      </c>
      <c r="KK8" s="64" t="s">
        <v>45</v>
      </c>
      <c r="KL8" s="628"/>
      <c r="KM8" s="61" t="s">
        <v>43</v>
      </c>
      <c r="KN8" s="59" t="s">
        <v>44</v>
      </c>
      <c r="KO8" s="60" t="s">
        <v>45</v>
      </c>
      <c r="KP8" s="42" t="s">
        <v>83</v>
      </c>
      <c r="KQ8" s="59" t="s">
        <v>47</v>
      </c>
      <c r="KR8" s="59" t="s">
        <v>48</v>
      </c>
      <c r="KS8" s="59" t="s">
        <v>49</v>
      </c>
      <c r="KT8" s="59" t="s">
        <v>50</v>
      </c>
      <c r="KU8" s="59" t="s">
        <v>51</v>
      </c>
      <c r="KV8" s="64" t="s">
        <v>45</v>
      </c>
      <c r="KW8" s="628"/>
      <c r="KX8" s="61" t="s">
        <v>43</v>
      </c>
      <c r="KY8" s="59" t="s">
        <v>44</v>
      </c>
      <c r="KZ8" s="60" t="s">
        <v>45</v>
      </c>
      <c r="LA8" s="42" t="s">
        <v>83</v>
      </c>
      <c r="LB8" s="59" t="s">
        <v>47</v>
      </c>
      <c r="LC8" s="59" t="s">
        <v>48</v>
      </c>
      <c r="LD8" s="59" t="s">
        <v>49</v>
      </c>
      <c r="LE8" s="59" t="s">
        <v>50</v>
      </c>
      <c r="LF8" s="59" t="s">
        <v>51</v>
      </c>
      <c r="LG8" s="64" t="s">
        <v>45</v>
      </c>
      <c r="LH8" s="628"/>
      <c r="LI8" s="61" t="s">
        <v>43</v>
      </c>
      <c r="LJ8" s="59" t="s">
        <v>44</v>
      </c>
      <c r="LK8" s="60" t="s">
        <v>45</v>
      </c>
      <c r="LL8" s="42" t="s">
        <v>83</v>
      </c>
      <c r="LM8" s="59" t="s">
        <v>47</v>
      </c>
      <c r="LN8" s="59" t="s">
        <v>48</v>
      </c>
      <c r="LO8" s="59" t="s">
        <v>49</v>
      </c>
      <c r="LP8" s="59" t="s">
        <v>50</v>
      </c>
      <c r="LQ8" s="59" t="s">
        <v>51</v>
      </c>
      <c r="LR8" s="64" t="s">
        <v>45</v>
      </c>
      <c r="LS8" s="628"/>
      <c r="LT8" s="61" t="s">
        <v>43</v>
      </c>
      <c r="LU8" s="59" t="s">
        <v>44</v>
      </c>
      <c r="LV8" s="60" t="s">
        <v>45</v>
      </c>
      <c r="LW8" s="42" t="s">
        <v>83</v>
      </c>
      <c r="LX8" s="59" t="s">
        <v>47</v>
      </c>
      <c r="LY8" s="59" t="s">
        <v>48</v>
      </c>
      <c r="LZ8" s="59" t="s">
        <v>49</v>
      </c>
      <c r="MA8" s="59" t="s">
        <v>50</v>
      </c>
      <c r="MB8" s="59" t="s">
        <v>51</v>
      </c>
      <c r="MC8" s="64" t="s">
        <v>45</v>
      </c>
      <c r="MD8" s="628"/>
      <c r="ME8" s="61" t="s">
        <v>43</v>
      </c>
      <c r="MF8" s="59" t="s">
        <v>44</v>
      </c>
      <c r="MG8" s="60" t="s">
        <v>45</v>
      </c>
      <c r="MH8" s="42" t="s">
        <v>83</v>
      </c>
      <c r="MI8" s="59" t="s">
        <v>47</v>
      </c>
      <c r="MJ8" s="59" t="s">
        <v>48</v>
      </c>
      <c r="MK8" s="59" t="s">
        <v>49</v>
      </c>
      <c r="ML8" s="59" t="s">
        <v>50</v>
      </c>
      <c r="MM8" s="59" t="s">
        <v>51</v>
      </c>
      <c r="MN8" s="64" t="s">
        <v>45</v>
      </c>
      <c r="MO8" s="628"/>
      <c r="MP8" s="61" t="s">
        <v>43</v>
      </c>
      <c r="MQ8" s="59" t="s">
        <v>44</v>
      </c>
      <c r="MR8" s="60" t="s">
        <v>45</v>
      </c>
      <c r="MS8" s="42" t="s">
        <v>83</v>
      </c>
      <c r="MT8" s="59" t="s">
        <v>47</v>
      </c>
      <c r="MU8" s="59" t="s">
        <v>48</v>
      </c>
      <c r="MV8" s="59" t="s">
        <v>49</v>
      </c>
      <c r="MW8" s="59" t="s">
        <v>50</v>
      </c>
      <c r="MX8" s="59" t="s">
        <v>51</v>
      </c>
      <c r="MY8" s="64" t="s">
        <v>45</v>
      </c>
      <c r="MZ8" s="628"/>
      <c r="NA8" s="61" t="s">
        <v>43</v>
      </c>
      <c r="NB8" s="59" t="s">
        <v>44</v>
      </c>
      <c r="NC8" s="60" t="s">
        <v>45</v>
      </c>
      <c r="ND8" s="42" t="s">
        <v>83</v>
      </c>
      <c r="NE8" s="59" t="s">
        <v>47</v>
      </c>
      <c r="NF8" s="59" t="s">
        <v>48</v>
      </c>
      <c r="NG8" s="59" t="s">
        <v>49</v>
      </c>
      <c r="NH8" s="59" t="s">
        <v>50</v>
      </c>
      <c r="NI8" s="59" t="s">
        <v>51</v>
      </c>
      <c r="NJ8" s="64" t="s">
        <v>45</v>
      </c>
      <c r="NK8" s="628"/>
      <c r="NL8" s="61" t="s">
        <v>43</v>
      </c>
      <c r="NM8" s="59" t="s">
        <v>44</v>
      </c>
      <c r="NN8" s="60" t="s">
        <v>45</v>
      </c>
      <c r="NO8" s="42" t="s">
        <v>83</v>
      </c>
      <c r="NP8" s="59" t="s">
        <v>47</v>
      </c>
      <c r="NQ8" s="59" t="s">
        <v>48</v>
      </c>
      <c r="NR8" s="59" t="s">
        <v>49</v>
      </c>
      <c r="NS8" s="59" t="s">
        <v>50</v>
      </c>
      <c r="NT8" s="59" t="s">
        <v>51</v>
      </c>
      <c r="NU8" s="64" t="s">
        <v>45</v>
      </c>
      <c r="NV8" s="628"/>
      <c r="NW8" s="61" t="s">
        <v>43</v>
      </c>
      <c r="NX8" s="59" t="s">
        <v>44</v>
      </c>
      <c r="NY8" s="60" t="s">
        <v>45</v>
      </c>
      <c r="NZ8" s="42" t="s">
        <v>83</v>
      </c>
      <c r="OA8" s="59" t="s">
        <v>47</v>
      </c>
      <c r="OB8" s="59" t="s">
        <v>48</v>
      </c>
      <c r="OC8" s="59" t="s">
        <v>49</v>
      </c>
      <c r="OD8" s="59" t="s">
        <v>50</v>
      </c>
      <c r="OE8" s="59" t="s">
        <v>51</v>
      </c>
      <c r="OF8" s="64" t="s">
        <v>45</v>
      </c>
      <c r="OG8" s="628"/>
      <c r="OH8" s="61" t="s">
        <v>43</v>
      </c>
      <c r="OI8" s="59" t="s">
        <v>44</v>
      </c>
      <c r="OJ8" s="60" t="s">
        <v>45</v>
      </c>
      <c r="OK8" s="33" t="s">
        <v>83</v>
      </c>
      <c r="OL8" s="59" t="s">
        <v>47</v>
      </c>
      <c r="OM8" s="59" t="s">
        <v>48</v>
      </c>
      <c r="ON8" s="59" t="s">
        <v>49</v>
      </c>
      <c r="OO8" s="59" t="s">
        <v>50</v>
      </c>
      <c r="OP8" s="59" t="s">
        <v>51</v>
      </c>
      <c r="OQ8" s="64" t="s">
        <v>45</v>
      </c>
      <c r="OR8" s="628"/>
    </row>
    <row r="9" spans="1:408" s="483" customFormat="1" ht="18.75" customHeight="1" x14ac:dyDescent="0.2">
      <c r="A9" s="439" t="s">
        <v>4</v>
      </c>
      <c r="B9" s="440">
        <v>353615601</v>
      </c>
      <c r="C9" s="441">
        <v>727495778</v>
      </c>
      <c r="D9" s="442">
        <v>1081111379</v>
      </c>
      <c r="E9" s="443">
        <v>0</v>
      </c>
      <c r="F9" s="441">
        <v>4516271052</v>
      </c>
      <c r="G9" s="441">
        <v>6082663970</v>
      </c>
      <c r="H9" s="441">
        <v>5049600876</v>
      </c>
      <c r="I9" s="441">
        <v>4819959865</v>
      </c>
      <c r="J9" s="441">
        <v>3686036015</v>
      </c>
      <c r="K9" s="444">
        <v>24154531778</v>
      </c>
      <c r="L9" s="445">
        <v>25235643157</v>
      </c>
      <c r="M9" s="440">
        <v>83317850</v>
      </c>
      <c r="N9" s="441">
        <v>208167712</v>
      </c>
      <c r="O9" s="446">
        <v>291485562</v>
      </c>
      <c r="P9" s="440">
        <v>0</v>
      </c>
      <c r="Q9" s="441">
        <v>1298138671</v>
      </c>
      <c r="R9" s="441">
        <v>1938219519</v>
      </c>
      <c r="S9" s="441">
        <v>1646188783</v>
      </c>
      <c r="T9" s="441">
        <v>1820848643</v>
      </c>
      <c r="U9" s="441">
        <v>1873959025</v>
      </c>
      <c r="V9" s="446">
        <v>8577354641</v>
      </c>
      <c r="W9" s="445">
        <v>8868840203</v>
      </c>
      <c r="X9" s="440">
        <v>0</v>
      </c>
      <c r="Y9" s="441">
        <v>0</v>
      </c>
      <c r="Z9" s="446">
        <v>0</v>
      </c>
      <c r="AA9" s="447">
        <v>0</v>
      </c>
      <c r="AB9" s="448">
        <v>640470575</v>
      </c>
      <c r="AC9" s="448">
        <v>980400043</v>
      </c>
      <c r="AD9" s="448">
        <v>934236260</v>
      </c>
      <c r="AE9" s="448">
        <v>1060232010</v>
      </c>
      <c r="AF9" s="448">
        <v>1090890482</v>
      </c>
      <c r="AG9" s="446">
        <v>4706229370</v>
      </c>
      <c r="AH9" s="445">
        <v>4706229370</v>
      </c>
      <c r="AI9" s="449">
        <v>55500</v>
      </c>
      <c r="AJ9" s="448">
        <v>1019367</v>
      </c>
      <c r="AK9" s="446">
        <v>1074867</v>
      </c>
      <c r="AL9" s="447">
        <v>0</v>
      </c>
      <c r="AM9" s="448">
        <v>5951285</v>
      </c>
      <c r="AN9" s="444">
        <v>25483125</v>
      </c>
      <c r="AO9" s="448">
        <v>45570264</v>
      </c>
      <c r="AP9" s="448">
        <v>106858180</v>
      </c>
      <c r="AQ9" s="448">
        <v>217046664</v>
      </c>
      <c r="AR9" s="446">
        <v>400909518</v>
      </c>
      <c r="AS9" s="445">
        <v>401984385</v>
      </c>
      <c r="AT9" s="449">
        <v>45685288</v>
      </c>
      <c r="AU9" s="448">
        <v>147068244</v>
      </c>
      <c r="AV9" s="446">
        <v>192753532</v>
      </c>
      <c r="AW9" s="447">
        <v>0</v>
      </c>
      <c r="AX9" s="448">
        <v>393312618</v>
      </c>
      <c r="AY9" s="448">
        <v>613195829</v>
      </c>
      <c r="AZ9" s="448">
        <v>389984078</v>
      </c>
      <c r="BA9" s="448">
        <v>384644197</v>
      </c>
      <c r="BB9" s="448">
        <v>362770416</v>
      </c>
      <c r="BC9" s="446">
        <v>2143907138</v>
      </c>
      <c r="BD9" s="450">
        <v>2336660670</v>
      </c>
      <c r="BE9" s="449">
        <v>5486814</v>
      </c>
      <c r="BF9" s="444">
        <v>20617632</v>
      </c>
      <c r="BG9" s="451">
        <v>26104446</v>
      </c>
      <c r="BH9" s="447">
        <v>0</v>
      </c>
      <c r="BI9" s="448">
        <v>31019208</v>
      </c>
      <c r="BJ9" s="448">
        <v>50006226</v>
      </c>
      <c r="BK9" s="448">
        <v>34418007</v>
      </c>
      <c r="BL9" s="448">
        <v>31537583</v>
      </c>
      <c r="BM9" s="448">
        <v>18977711</v>
      </c>
      <c r="BN9" s="446">
        <v>165958735</v>
      </c>
      <c r="BO9" s="445">
        <v>192063181</v>
      </c>
      <c r="BP9" s="449">
        <v>32090248</v>
      </c>
      <c r="BQ9" s="448">
        <v>39462469</v>
      </c>
      <c r="BR9" s="446">
        <v>71552717</v>
      </c>
      <c r="BS9" s="447">
        <v>0</v>
      </c>
      <c r="BT9" s="448">
        <v>227384985</v>
      </c>
      <c r="BU9" s="448">
        <v>269134296</v>
      </c>
      <c r="BV9" s="448">
        <v>241980174</v>
      </c>
      <c r="BW9" s="448">
        <v>237576673</v>
      </c>
      <c r="BX9" s="448">
        <v>184273752</v>
      </c>
      <c r="BY9" s="446">
        <v>1160349880</v>
      </c>
      <c r="BZ9" s="445">
        <v>1231902597</v>
      </c>
      <c r="CA9" s="449">
        <v>31622700</v>
      </c>
      <c r="CB9" s="448">
        <v>96344692</v>
      </c>
      <c r="CC9" s="446">
        <v>127967392</v>
      </c>
      <c r="CD9" s="447">
        <v>0</v>
      </c>
      <c r="CE9" s="448">
        <v>1163385206</v>
      </c>
      <c r="CF9" s="448">
        <v>1523432534</v>
      </c>
      <c r="CG9" s="452">
        <v>1102772304</v>
      </c>
      <c r="CH9" s="448">
        <v>747430843</v>
      </c>
      <c r="CI9" s="448">
        <v>372925577</v>
      </c>
      <c r="CJ9" s="446">
        <v>4909946464</v>
      </c>
      <c r="CK9" s="445">
        <v>5037913856</v>
      </c>
      <c r="CL9" s="440">
        <v>0</v>
      </c>
      <c r="CM9" s="441">
        <v>0</v>
      </c>
      <c r="CN9" s="446">
        <v>0</v>
      </c>
      <c r="CO9" s="447">
        <v>0</v>
      </c>
      <c r="CP9" s="448">
        <v>994802342</v>
      </c>
      <c r="CQ9" s="448">
        <v>1198051544</v>
      </c>
      <c r="CR9" s="448">
        <v>874189053</v>
      </c>
      <c r="CS9" s="448">
        <v>573384313</v>
      </c>
      <c r="CT9" s="448">
        <v>304702562</v>
      </c>
      <c r="CU9" s="453">
        <v>3945129814</v>
      </c>
      <c r="CV9" s="445">
        <v>3945129814</v>
      </c>
      <c r="CW9" s="449">
        <v>31622700</v>
      </c>
      <c r="CX9" s="448">
        <v>96344692</v>
      </c>
      <c r="CY9" s="446">
        <v>127967392</v>
      </c>
      <c r="CZ9" s="447">
        <v>0</v>
      </c>
      <c r="DA9" s="448">
        <v>168582864</v>
      </c>
      <c r="DB9" s="448">
        <v>325380990</v>
      </c>
      <c r="DC9" s="448">
        <v>228583251</v>
      </c>
      <c r="DD9" s="448">
        <v>174046530</v>
      </c>
      <c r="DE9" s="448">
        <v>68223015</v>
      </c>
      <c r="DF9" s="446">
        <v>964816650</v>
      </c>
      <c r="DG9" s="445">
        <v>1092784042</v>
      </c>
      <c r="DH9" s="449">
        <v>1024082</v>
      </c>
      <c r="DI9" s="448">
        <v>7525218</v>
      </c>
      <c r="DJ9" s="451">
        <v>8549300</v>
      </c>
      <c r="DK9" s="447">
        <v>0</v>
      </c>
      <c r="DL9" s="448">
        <v>112353219</v>
      </c>
      <c r="DM9" s="448">
        <v>247083250</v>
      </c>
      <c r="DN9" s="448">
        <v>460334727</v>
      </c>
      <c r="DO9" s="448">
        <v>390865476</v>
      </c>
      <c r="DP9" s="448">
        <v>218306033</v>
      </c>
      <c r="DQ9" s="454">
        <v>1428942705</v>
      </c>
      <c r="DR9" s="445">
        <v>1437492005</v>
      </c>
      <c r="DS9" s="449">
        <v>1024082</v>
      </c>
      <c r="DT9" s="448">
        <v>6589597</v>
      </c>
      <c r="DU9" s="446">
        <v>7613679</v>
      </c>
      <c r="DV9" s="447">
        <v>0</v>
      </c>
      <c r="DW9" s="448">
        <v>103849112</v>
      </c>
      <c r="DX9" s="448">
        <v>219957514</v>
      </c>
      <c r="DY9" s="448">
        <v>421487456</v>
      </c>
      <c r="DZ9" s="448">
        <v>351240602</v>
      </c>
      <c r="EA9" s="448">
        <v>188713548</v>
      </c>
      <c r="EB9" s="446">
        <v>1285248232</v>
      </c>
      <c r="EC9" s="445">
        <v>1292861911</v>
      </c>
      <c r="ED9" s="449">
        <v>0</v>
      </c>
      <c r="EE9" s="444">
        <v>935621</v>
      </c>
      <c r="EF9" s="446">
        <v>935621</v>
      </c>
      <c r="EG9" s="450">
        <v>0</v>
      </c>
      <c r="EH9" s="448">
        <v>8504107</v>
      </c>
      <c r="EI9" s="448">
        <v>27125736</v>
      </c>
      <c r="EJ9" s="448">
        <v>38847271</v>
      </c>
      <c r="EK9" s="448">
        <v>39624874</v>
      </c>
      <c r="EL9" s="452">
        <v>29592485</v>
      </c>
      <c r="EM9" s="444">
        <v>143694473</v>
      </c>
      <c r="EN9" s="445">
        <v>144630094</v>
      </c>
      <c r="EO9" s="449">
        <v>0</v>
      </c>
      <c r="EP9" s="448">
        <v>0</v>
      </c>
      <c r="EQ9" s="444">
        <v>0</v>
      </c>
      <c r="ER9" s="447">
        <v>0</v>
      </c>
      <c r="ES9" s="448">
        <v>0</v>
      </c>
      <c r="ET9" s="448">
        <v>0</v>
      </c>
      <c r="EU9" s="448">
        <v>0</v>
      </c>
      <c r="EV9" s="448">
        <v>0</v>
      </c>
      <c r="EW9" s="448">
        <v>0</v>
      </c>
      <c r="EX9" s="453">
        <v>0</v>
      </c>
      <c r="EY9" s="445">
        <v>0</v>
      </c>
      <c r="EZ9" s="449">
        <v>0</v>
      </c>
      <c r="FA9" s="448">
        <v>0</v>
      </c>
      <c r="FB9" s="444">
        <v>0</v>
      </c>
      <c r="FC9" s="455"/>
      <c r="FD9" s="448">
        <v>0</v>
      </c>
      <c r="FE9" s="448">
        <v>0</v>
      </c>
      <c r="FF9" s="448">
        <v>0</v>
      </c>
      <c r="FG9" s="448">
        <v>0</v>
      </c>
      <c r="FH9" s="448">
        <v>0</v>
      </c>
      <c r="FI9" s="453">
        <v>0</v>
      </c>
      <c r="FJ9" s="445">
        <v>0</v>
      </c>
      <c r="FK9" s="449">
        <v>78913948</v>
      </c>
      <c r="FL9" s="448">
        <v>166095957</v>
      </c>
      <c r="FM9" s="446">
        <v>245009905</v>
      </c>
      <c r="FN9" s="447">
        <v>0</v>
      </c>
      <c r="FO9" s="448">
        <v>224420877</v>
      </c>
      <c r="FP9" s="448">
        <v>595612333</v>
      </c>
      <c r="FQ9" s="448">
        <v>419277322</v>
      </c>
      <c r="FR9" s="448">
        <v>396021194</v>
      </c>
      <c r="FS9" s="448">
        <v>296881090</v>
      </c>
      <c r="FT9" s="446">
        <v>1932212816</v>
      </c>
      <c r="FU9" s="445">
        <v>2177222721</v>
      </c>
      <c r="FV9" s="449">
        <v>49072136</v>
      </c>
      <c r="FW9" s="448">
        <v>133443936</v>
      </c>
      <c r="FX9" s="444">
        <v>182516072</v>
      </c>
      <c r="FY9" s="450">
        <v>0</v>
      </c>
      <c r="FZ9" s="448">
        <v>188013693</v>
      </c>
      <c r="GA9" s="456">
        <v>558296057</v>
      </c>
      <c r="GB9" s="448">
        <v>397377271</v>
      </c>
      <c r="GC9" s="456">
        <v>376379431</v>
      </c>
      <c r="GD9" s="448">
        <v>287780021</v>
      </c>
      <c r="GE9" s="453">
        <v>1807846473</v>
      </c>
      <c r="GF9" s="457">
        <v>1990362545</v>
      </c>
      <c r="GG9" s="458">
        <v>4267324</v>
      </c>
      <c r="GH9" s="448">
        <v>6777020</v>
      </c>
      <c r="GI9" s="456">
        <v>11044344</v>
      </c>
      <c r="GJ9" s="443">
        <v>0</v>
      </c>
      <c r="GK9" s="448">
        <v>10127888</v>
      </c>
      <c r="GL9" s="444">
        <v>12115922</v>
      </c>
      <c r="GM9" s="448">
        <v>8806407</v>
      </c>
      <c r="GN9" s="444">
        <v>8400471</v>
      </c>
      <c r="GO9" s="448">
        <v>3826505</v>
      </c>
      <c r="GP9" s="454">
        <v>43277193</v>
      </c>
      <c r="GQ9" s="445">
        <v>54321537</v>
      </c>
      <c r="GR9" s="444">
        <v>25574488</v>
      </c>
      <c r="GS9" s="448">
        <v>25875001</v>
      </c>
      <c r="GT9" s="446">
        <v>51449489</v>
      </c>
      <c r="GU9" s="444">
        <v>0</v>
      </c>
      <c r="GV9" s="448">
        <v>26279296</v>
      </c>
      <c r="GW9" s="444">
        <v>25200354</v>
      </c>
      <c r="GX9" s="448">
        <v>13093644</v>
      </c>
      <c r="GY9" s="444">
        <v>11241292</v>
      </c>
      <c r="GZ9" s="448">
        <v>5274564</v>
      </c>
      <c r="HA9" s="444">
        <v>81089150</v>
      </c>
      <c r="HB9" s="445">
        <v>132538639</v>
      </c>
      <c r="HC9" s="444">
        <v>93454781</v>
      </c>
      <c r="HD9" s="448">
        <v>120412656</v>
      </c>
      <c r="HE9" s="444">
        <v>213867437</v>
      </c>
      <c r="HF9" s="450">
        <v>0</v>
      </c>
      <c r="HG9" s="448">
        <v>911003682</v>
      </c>
      <c r="HH9" s="456">
        <v>918975987</v>
      </c>
      <c r="HI9" s="448">
        <v>859706483</v>
      </c>
      <c r="HJ9" s="456">
        <v>1067239135</v>
      </c>
      <c r="HK9" s="448">
        <v>683500349</v>
      </c>
      <c r="HL9" s="453">
        <v>4440425636</v>
      </c>
      <c r="HM9" s="444">
        <v>4654293073</v>
      </c>
      <c r="HN9" s="458">
        <v>65282240</v>
      </c>
      <c r="HO9" s="448">
        <v>128949543</v>
      </c>
      <c r="HP9" s="453">
        <v>194231783</v>
      </c>
      <c r="HQ9" s="444">
        <v>0</v>
      </c>
      <c r="HR9" s="448">
        <v>806969397</v>
      </c>
      <c r="HS9" s="444">
        <v>859340347</v>
      </c>
      <c r="HT9" s="448">
        <v>561321257</v>
      </c>
      <c r="HU9" s="444">
        <v>397554574</v>
      </c>
      <c r="HV9" s="448">
        <v>240463941</v>
      </c>
      <c r="HW9" s="444">
        <v>2865649516</v>
      </c>
      <c r="HX9" s="445">
        <v>3059881299</v>
      </c>
      <c r="HY9" s="459">
        <v>9034491</v>
      </c>
      <c r="HZ9" s="460">
        <v>33250740</v>
      </c>
      <c r="IA9" s="461">
        <v>42285231</v>
      </c>
      <c r="IB9" s="462">
        <v>0</v>
      </c>
      <c r="IC9" s="460">
        <v>1484132903</v>
      </c>
      <c r="ID9" s="463">
        <v>1929406080</v>
      </c>
      <c r="IE9" s="464">
        <v>1997855645</v>
      </c>
      <c r="IF9" s="460">
        <v>1481150855</v>
      </c>
      <c r="IG9" s="464">
        <v>1077458681</v>
      </c>
      <c r="IH9" s="465">
        <v>7970004164</v>
      </c>
      <c r="II9" s="466">
        <v>8012289395</v>
      </c>
      <c r="IJ9" s="467">
        <v>0</v>
      </c>
      <c r="IK9" s="468">
        <v>0</v>
      </c>
      <c r="IL9" s="469">
        <v>0</v>
      </c>
      <c r="IM9" s="470"/>
      <c r="IN9" s="471">
        <v>25621622</v>
      </c>
      <c r="IO9" s="471">
        <v>48587698</v>
      </c>
      <c r="IP9" s="471">
        <v>61234551</v>
      </c>
      <c r="IQ9" s="471">
        <v>90294220</v>
      </c>
      <c r="IR9" s="471">
        <v>88201203</v>
      </c>
      <c r="IS9" s="472">
        <v>313939294</v>
      </c>
      <c r="IT9" s="473">
        <v>313939294</v>
      </c>
      <c r="IU9" s="474">
        <v>0</v>
      </c>
      <c r="IV9" s="471">
        <v>0</v>
      </c>
      <c r="IW9" s="475">
        <v>0</v>
      </c>
      <c r="IX9" s="476"/>
      <c r="IY9" s="471">
        <v>4063936</v>
      </c>
      <c r="IZ9" s="471">
        <v>11913707</v>
      </c>
      <c r="JA9" s="471">
        <v>11925425</v>
      </c>
      <c r="JB9" s="471">
        <v>14839794</v>
      </c>
      <c r="JC9" s="471">
        <v>16717692</v>
      </c>
      <c r="JD9" s="475">
        <v>59460554</v>
      </c>
      <c r="JE9" s="477">
        <v>59460554</v>
      </c>
      <c r="JF9" s="474">
        <v>0</v>
      </c>
      <c r="JG9" s="471">
        <v>34789</v>
      </c>
      <c r="JH9" s="472">
        <v>34789</v>
      </c>
      <c r="JI9" s="478">
        <v>0</v>
      </c>
      <c r="JJ9" s="471">
        <v>530204676</v>
      </c>
      <c r="JK9" s="471">
        <v>627241035</v>
      </c>
      <c r="JL9" s="471">
        <v>472953834</v>
      </c>
      <c r="JM9" s="471">
        <v>294692284</v>
      </c>
      <c r="JN9" s="471">
        <v>165330860</v>
      </c>
      <c r="JO9" s="475">
        <v>2090422689</v>
      </c>
      <c r="JP9" s="473">
        <v>2090457478</v>
      </c>
      <c r="JQ9" s="474">
        <v>279304</v>
      </c>
      <c r="JR9" s="471">
        <v>389553</v>
      </c>
      <c r="JS9" s="472">
        <v>668857</v>
      </c>
      <c r="JT9" s="478">
        <v>0</v>
      </c>
      <c r="JU9" s="471">
        <v>57265355</v>
      </c>
      <c r="JV9" s="471">
        <v>86567343</v>
      </c>
      <c r="JW9" s="471">
        <v>126265913</v>
      </c>
      <c r="JX9" s="471">
        <v>70474843</v>
      </c>
      <c r="JY9" s="471">
        <v>66765408</v>
      </c>
      <c r="JZ9" s="475">
        <v>407338862</v>
      </c>
      <c r="KA9" s="473">
        <v>408007719</v>
      </c>
      <c r="KB9" s="479">
        <v>8755187</v>
      </c>
      <c r="KC9" s="480">
        <v>23315440</v>
      </c>
      <c r="KD9" s="475">
        <v>32070627</v>
      </c>
      <c r="KE9" s="478">
        <v>0</v>
      </c>
      <c r="KF9" s="471">
        <v>192834131</v>
      </c>
      <c r="KG9" s="471">
        <v>286528470</v>
      </c>
      <c r="KH9" s="471">
        <v>329750056</v>
      </c>
      <c r="KI9" s="471">
        <v>258108894</v>
      </c>
      <c r="KJ9" s="471">
        <v>148178607</v>
      </c>
      <c r="KK9" s="475">
        <v>1215400158</v>
      </c>
      <c r="KL9" s="481">
        <v>1247470785</v>
      </c>
      <c r="KM9" s="467">
        <v>0</v>
      </c>
      <c r="KN9" s="468">
        <v>9510958</v>
      </c>
      <c r="KO9" s="469">
        <v>9510958</v>
      </c>
      <c r="KP9" s="470"/>
      <c r="KQ9" s="471">
        <v>637817857</v>
      </c>
      <c r="KR9" s="471">
        <v>803050242</v>
      </c>
      <c r="KS9" s="471">
        <v>849555701</v>
      </c>
      <c r="KT9" s="471">
        <v>568199092</v>
      </c>
      <c r="KU9" s="471">
        <v>391471366</v>
      </c>
      <c r="KV9" s="475">
        <v>3250094258</v>
      </c>
      <c r="KW9" s="473">
        <v>3259605216</v>
      </c>
      <c r="KX9" s="474">
        <v>0</v>
      </c>
      <c r="KY9" s="471">
        <v>0</v>
      </c>
      <c r="KZ9" s="475">
        <v>0</v>
      </c>
      <c r="LA9" s="482"/>
      <c r="LB9" s="471">
        <v>4933678</v>
      </c>
      <c r="LC9" s="471">
        <v>10139577</v>
      </c>
      <c r="LD9" s="471">
        <v>11507447</v>
      </c>
      <c r="LE9" s="471">
        <v>14030619</v>
      </c>
      <c r="LF9" s="471">
        <v>11914535</v>
      </c>
      <c r="LG9" s="475">
        <v>52525856</v>
      </c>
      <c r="LH9" s="477">
        <v>52525856</v>
      </c>
      <c r="LI9" s="474">
        <v>0</v>
      </c>
      <c r="LJ9" s="471">
        <v>0</v>
      </c>
      <c r="LK9" s="475">
        <v>0</v>
      </c>
      <c r="LL9" s="482"/>
      <c r="LM9" s="471">
        <v>2883587</v>
      </c>
      <c r="LN9" s="471">
        <v>5527963</v>
      </c>
      <c r="LO9" s="471">
        <v>58606685</v>
      </c>
      <c r="LP9" s="471">
        <v>75630891</v>
      </c>
      <c r="LQ9" s="471">
        <v>55260679</v>
      </c>
      <c r="LR9" s="475">
        <v>197909805</v>
      </c>
      <c r="LS9" s="473">
        <v>197909805</v>
      </c>
      <c r="LT9" s="474">
        <v>0</v>
      </c>
      <c r="LU9" s="471">
        <v>0</v>
      </c>
      <c r="LV9" s="475">
        <v>0</v>
      </c>
      <c r="LW9" s="482"/>
      <c r="LX9" s="471">
        <v>28508061</v>
      </c>
      <c r="LY9" s="471">
        <v>49850045</v>
      </c>
      <c r="LZ9" s="471">
        <v>76056033</v>
      </c>
      <c r="MA9" s="471">
        <v>94880218</v>
      </c>
      <c r="MB9" s="471">
        <v>133618331</v>
      </c>
      <c r="MC9" s="475">
        <v>382912688</v>
      </c>
      <c r="MD9" s="477">
        <v>382912688</v>
      </c>
      <c r="ME9" s="474">
        <v>0</v>
      </c>
      <c r="MF9" s="471">
        <v>0</v>
      </c>
      <c r="MG9" s="475">
        <v>0</v>
      </c>
      <c r="MH9" s="482"/>
      <c r="MI9" s="471">
        <v>527759151</v>
      </c>
      <c r="MJ9" s="471">
        <v>1245728922</v>
      </c>
      <c r="MK9" s="471">
        <v>3595801171</v>
      </c>
      <c r="ML9" s="471">
        <v>5280043609</v>
      </c>
      <c r="MM9" s="471">
        <v>3845930054</v>
      </c>
      <c r="MN9" s="475">
        <v>14495262907</v>
      </c>
      <c r="MO9" s="481">
        <v>14495262907</v>
      </c>
      <c r="MP9" s="474">
        <v>0</v>
      </c>
      <c r="MQ9" s="471">
        <v>0</v>
      </c>
      <c r="MR9" s="475">
        <v>0</v>
      </c>
      <c r="MS9" s="482"/>
      <c r="MT9" s="471">
        <v>88915767</v>
      </c>
      <c r="MU9" s="471">
        <v>333368925</v>
      </c>
      <c r="MV9" s="471">
        <v>2312630310</v>
      </c>
      <c r="MW9" s="471">
        <v>3587494228</v>
      </c>
      <c r="MX9" s="471">
        <v>2753830484</v>
      </c>
      <c r="MY9" s="475">
        <v>9076239714</v>
      </c>
      <c r="MZ9" s="481">
        <v>9076239714</v>
      </c>
      <c r="NA9" s="474">
        <v>0</v>
      </c>
      <c r="NB9" s="471">
        <v>0</v>
      </c>
      <c r="NC9" s="475">
        <v>0</v>
      </c>
      <c r="ND9" s="482"/>
      <c r="NE9" s="471">
        <v>435482748</v>
      </c>
      <c r="NF9" s="471">
        <v>907051670</v>
      </c>
      <c r="NG9" s="471">
        <v>1259082197</v>
      </c>
      <c r="NH9" s="471">
        <v>1544926656</v>
      </c>
      <c r="NI9" s="471">
        <v>882379917</v>
      </c>
      <c r="NJ9" s="475">
        <v>5028923188</v>
      </c>
      <c r="NK9" s="473">
        <v>5028923188</v>
      </c>
      <c r="NL9" s="474">
        <v>0</v>
      </c>
      <c r="NM9" s="471">
        <v>0</v>
      </c>
      <c r="NN9" s="475">
        <v>0</v>
      </c>
      <c r="NO9" s="482"/>
      <c r="NP9" s="471">
        <v>288134</v>
      </c>
      <c r="NQ9" s="471">
        <v>544919</v>
      </c>
      <c r="NR9" s="471">
        <v>4924017</v>
      </c>
      <c r="NS9" s="471">
        <v>52792256</v>
      </c>
      <c r="NT9" s="471">
        <v>84684781</v>
      </c>
      <c r="NU9" s="475">
        <v>143234107</v>
      </c>
      <c r="NV9" s="477">
        <v>143234107</v>
      </c>
      <c r="NW9" s="474">
        <v>0</v>
      </c>
      <c r="NX9" s="471">
        <v>0</v>
      </c>
      <c r="NY9" s="475">
        <v>0</v>
      </c>
      <c r="NZ9" s="482"/>
      <c r="OA9" s="471">
        <v>3072502</v>
      </c>
      <c r="OB9" s="471">
        <v>4763408</v>
      </c>
      <c r="OC9" s="471">
        <v>19164647</v>
      </c>
      <c r="OD9" s="471">
        <v>94830469</v>
      </c>
      <c r="OE9" s="471">
        <v>125034872</v>
      </c>
      <c r="OF9" s="475">
        <v>246865898</v>
      </c>
      <c r="OG9" s="477">
        <v>246865898</v>
      </c>
      <c r="OH9" s="474">
        <v>362650092</v>
      </c>
      <c r="OI9" s="471">
        <v>760746518</v>
      </c>
      <c r="OJ9" s="472">
        <v>1123396610</v>
      </c>
      <c r="OK9" s="478">
        <v>0</v>
      </c>
      <c r="OL9" s="471">
        <v>6528163106</v>
      </c>
      <c r="OM9" s="471">
        <v>9257798972</v>
      </c>
      <c r="ON9" s="471">
        <v>10643257692</v>
      </c>
      <c r="OO9" s="471">
        <v>11581154329</v>
      </c>
      <c r="OP9" s="471">
        <v>8609424750</v>
      </c>
      <c r="OQ9" s="475">
        <v>46619798849</v>
      </c>
      <c r="OR9" s="481">
        <v>47743195459</v>
      </c>
    </row>
    <row r="10" spans="1:408" s="483" customFormat="1" ht="18.75" customHeight="1" x14ac:dyDescent="0.2">
      <c r="A10" s="484" t="s">
        <v>5</v>
      </c>
      <c r="B10" s="485">
        <v>136263844</v>
      </c>
      <c r="C10" s="486">
        <v>322340697</v>
      </c>
      <c r="D10" s="487">
        <v>458604541</v>
      </c>
      <c r="E10" s="488">
        <v>0</v>
      </c>
      <c r="F10" s="486">
        <v>1575315535</v>
      </c>
      <c r="G10" s="486">
        <v>2781713372</v>
      </c>
      <c r="H10" s="486">
        <v>2101889112</v>
      </c>
      <c r="I10" s="486">
        <v>1918405117</v>
      </c>
      <c r="J10" s="486">
        <v>1493918974</v>
      </c>
      <c r="K10" s="488">
        <v>9871242110</v>
      </c>
      <c r="L10" s="489">
        <v>10329846651</v>
      </c>
      <c r="M10" s="485">
        <v>36089249</v>
      </c>
      <c r="N10" s="486">
        <v>109056539</v>
      </c>
      <c r="O10" s="487">
        <v>145145788</v>
      </c>
      <c r="P10" s="485">
        <v>0</v>
      </c>
      <c r="Q10" s="486">
        <v>467713443</v>
      </c>
      <c r="R10" s="486">
        <v>926903600</v>
      </c>
      <c r="S10" s="486">
        <v>701346236</v>
      </c>
      <c r="T10" s="486">
        <v>714561927</v>
      </c>
      <c r="U10" s="486">
        <v>763711918</v>
      </c>
      <c r="V10" s="487">
        <v>3574237124</v>
      </c>
      <c r="W10" s="489">
        <v>3719382912</v>
      </c>
      <c r="X10" s="485">
        <v>0</v>
      </c>
      <c r="Y10" s="486">
        <v>0</v>
      </c>
      <c r="Z10" s="487">
        <v>0</v>
      </c>
      <c r="AA10" s="485">
        <v>0</v>
      </c>
      <c r="AB10" s="486">
        <v>223494919</v>
      </c>
      <c r="AC10" s="486">
        <v>447864665</v>
      </c>
      <c r="AD10" s="486">
        <v>373481686</v>
      </c>
      <c r="AE10" s="486">
        <v>382669664</v>
      </c>
      <c r="AF10" s="486">
        <v>416351983</v>
      </c>
      <c r="AG10" s="487">
        <v>1843862917</v>
      </c>
      <c r="AH10" s="489">
        <v>1843862917</v>
      </c>
      <c r="AI10" s="485">
        <v>7527</v>
      </c>
      <c r="AJ10" s="486">
        <v>477441</v>
      </c>
      <c r="AK10" s="487">
        <v>484968</v>
      </c>
      <c r="AL10" s="485">
        <v>0</v>
      </c>
      <c r="AM10" s="486">
        <v>1487955</v>
      </c>
      <c r="AN10" s="486">
        <v>8993922</v>
      </c>
      <c r="AO10" s="486">
        <v>18319391</v>
      </c>
      <c r="AP10" s="486">
        <v>42257085</v>
      </c>
      <c r="AQ10" s="486">
        <v>95638768</v>
      </c>
      <c r="AR10" s="487">
        <v>166697121</v>
      </c>
      <c r="AS10" s="489">
        <v>167182089</v>
      </c>
      <c r="AT10" s="485">
        <v>20412891</v>
      </c>
      <c r="AU10" s="486">
        <v>79235563</v>
      </c>
      <c r="AV10" s="487">
        <v>99648454</v>
      </c>
      <c r="AW10" s="485">
        <v>0</v>
      </c>
      <c r="AX10" s="486">
        <v>147931567</v>
      </c>
      <c r="AY10" s="486">
        <v>327653353</v>
      </c>
      <c r="AZ10" s="486">
        <v>193781507</v>
      </c>
      <c r="BA10" s="486">
        <v>178457327</v>
      </c>
      <c r="BB10" s="486">
        <v>166925369</v>
      </c>
      <c r="BC10" s="487">
        <v>1014749123</v>
      </c>
      <c r="BD10" s="489">
        <v>1114397577</v>
      </c>
      <c r="BE10" s="485">
        <v>2364238</v>
      </c>
      <c r="BF10" s="486">
        <v>10937615</v>
      </c>
      <c r="BG10" s="490">
        <v>13301853</v>
      </c>
      <c r="BH10" s="491">
        <v>0</v>
      </c>
      <c r="BI10" s="486">
        <v>7523468</v>
      </c>
      <c r="BJ10" s="486">
        <v>21809910</v>
      </c>
      <c r="BK10" s="486">
        <v>14285173</v>
      </c>
      <c r="BL10" s="486">
        <v>13507814</v>
      </c>
      <c r="BM10" s="486">
        <v>7636756</v>
      </c>
      <c r="BN10" s="487">
        <v>64763121</v>
      </c>
      <c r="BO10" s="489">
        <v>78064974</v>
      </c>
      <c r="BP10" s="485">
        <v>13304593</v>
      </c>
      <c r="BQ10" s="486">
        <v>18405920</v>
      </c>
      <c r="BR10" s="487">
        <v>31710513</v>
      </c>
      <c r="BS10" s="485">
        <v>0</v>
      </c>
      <c r="BT10" s="486">
        <v>87275534</v>
      </c>
      <c r="BU10" s="486">
        <v>120581750</v>
      </c>
      <c r="BV10" s="486">
        <v>101478479</v>
      </c>
      <c r="BW10" s="486">
        <v>97670037</v>
      </c>
      <c r="BX10" s="486">
        <v>77159042</v>
      </c>
      <c r="BY10" s="487">
        <v>484164842</v>
      </c>
      <c r="BZ10" s="489">
        <v>515875355</v>
      </c>
      <c r="CA10" s="485">
        <v>13878827</v>
      </c>
      <c r="CB10" s="486">
        <v>42455470</v>
      </c>
      <c r="CC10" s="487">
        <v>56334297</v>
      </c>
      <c r="CD10" s="485">
        <v>0</v>
      </c>
      <c r="CE10" s="486">
        <v>374097185</v>
      </c>
      <c r="CF10" s="486">
        <v>658540794</v>
      </c>
      <c r="CG10" s="486">
        <v>427301852</v>
      </c>
      <c r="CH10" s="486">
        <v>268972134</v>
      </c>
      <c r="CI10" s="486">
        <v>138984792</v>
      </c>
      <c r="CJ10" s="487">
        <v>1867896757</v>
      </c>
      <c r="CK10" s="489">
        <v>1924231054</v>
      </c>
      <c r="CL10" s="485">
        <v>0</v>
      </c>
      <c r="CM10" s="486">
        <v>0</v>
      </c>
      <c r="CN10" s="487">
        <v>0</v>
      </c>
      <c r="CO10" s="491">
        <v>0</v>
      </c>
      <c r="CP10" s="486">
        <v>320234809</v>
      </c>
      <c r="CQ10" s="486">
        <v>498674298</v>
      </c>
      <c r="CR10" s="486">
        <v>314568280</v>
      </c>
      <c r="CS10" s="486">
        <v>190749868</v>
      </c>
      <c r="CT10" s="486">
        <v>105668985</v>
      </c>
      <c r="CU10" s="487">
        <v>1429896240</v>
      </c>
      <c r="CV10" s="489">
        <v>1429896240</v>
      </c>
      <c r="CW10" s="485">
        <v>13878827</v>
      </c>
      <c r="CX10" s="486">
        <v>42455470</v>
      </c>
      <c r="CY10" s="487">
        <v>56334297</v>
      </c>
      <c r="CZ10" s="485">
        <v>0</v>
      </c>
      <c r="DA10" s="486">
        <v>53862376</v>
      </c>
      <c r="DB10" s="486">
        <v>159866496</v>
      </c>
      <c r="DC10" s="486">
        <v>112733572</v>
      </c>
      <c r="DD10" s="486">
        <v>78222266</v>
      </c>
      <c r="DE10" s="486">
        <v>33315807</v>
      </c>
      <c r="DF10" s="487">
        <v>438000517</v>
      </c>
      <c r="DG10" s="489">
        <v>494334814</v>
      </c>
      <c r="DH10" s="485">
        <v>349439</v>
      </c>
      <c r="DI10" s="486">
        <v>3251031</v>
      </c>
      <c r="DJ10" s="490">
        <v>3600470</v>
      </c>
      <c r="DK10" s="491">
        <v>0</v>
      </c>
      <c r="DL10" s="486">
        <v>34662298</v>
      </c>
      <c r="DM10" s="486">
        <v>102443498</v>
      </c>
      <c r="DN10" s="486">
        <v>183656250</v>
      </c>
      <c r="DO10" s="486">
        <v>158459459</v>
      </c>
      <c r="DP10" s="486">
        <v>88596376</v>
      </c>
      <c r="DQ10" s="487">
        <v>567817881</v>
      </c>
      <c r="DR10" s="489">
        <v>571418351</v>
      </c>
      <c r="DS10" s="485">
        <v>349439</v>
      </c>
      <c r="DT10" s="486">
        <v>2388452</v>
      </c>
      <c r="DU10" s="487">
        <v>2737891</v>
      </c>
      <c r="DV10" s="485">
        <v>0</v>
      </c>
      <c r="DW10" s="486">
        <v>30164948</v>
      </c>
      <c r="DX10" s="486">
        <v>86955955</v>
      </c>
      <c r="DY10" s="486">
        <v>159911018</v>
      </c>
      <c r="DZ10" s="486">
        <v>134261441</v>
      </c>
      <c r="EA10" s="486">
        <v>69284411</v>
      </c>
      <c r="EB10" s="487">
        <v>480577773</v>
      </c>
      <c r="EC10" s="489">
        <v>483315664</v>
      </c>
      <c r="ED10" s="485">
        <v>0</v>
      </c>
      <c r="EE10" s="490">
        <v>862579</v>
      </c>
      <c r="EF10" s="487">
        <v>862579</v>
      </c>
      <c r="EG10" s="485">
        <v>0</v>
      </c>
      <c r="EH10" s="486">
        <v>4497350</v>
      </c>
      <c r="EI10" s="486">
        <v>15487543</v>
      </c>
      <c r="EJ10" s="486">
        <v>23745232</v>
      </c>
      <c r="EK10" s="486">
        <v>24198018</v>
      </c>
      <c r="EL10" s="486">
        <v>19311965</v>
      </c>
      <c r="EM10" s="490">
        <v>87240108</v>
      </c>
      <c r="EN10" s="489">
        <v>88102687</v>
      </c>
      <c r="EO10" s="485">
        <v>0</v>
      </c>
      <c r="EP10" s="486">
        <v>0</v>
      </c>
      <c r="EQ10" s="490">
        <v>0</v>
      </c>
      <c r="ER10" s="491">
        <v>0</v>
      </c>
      <c r="ES10" s="486">
        <v>0</v>
      </c>
      <c r="ET10" s="486">
        <v>0</v>
      </c>
      <c r="EU10" s="486">
        <v>0</v>
      </c>
      <c r="EV10" s="486">
        <v>0</v>
      </c>
      <c r="EW10" s="486">
        <v>0</v>
      </c>
      <c r="EX10" s="487">
        <v>0</v>
      </c>
      <c r="EY10" s="489">
        <v>0</v>
      </c>
      <c r="EZ10" s="485">
        <v>0</v>
      </c>
      <c r="FA10" s="486">
        <v>0</v>
      </c>
      <c r="FB10" s="490">
        <v>0</v>
      </c>
      <c r="FC10" s="492"/>
      <c r="FD10" s="486">
        <v>0</v>
      </c>
      <c r="FE10" s="486">
        <v>0</v>
      </c>
      <c r="FF10" s="486">
        <v>0</v>
      </c>
      <c r="FG10" s="486">
        <v>0</v>
      </c>
      <c r="FH10" s="486">
        <v>0</v>
      </c>
      <c r="FI10" s="487">
        <v>0</v>
      </c>
      <c r="FJ10" s="489">
        <v>0</v>
      </c>
      <c r="FK10" s="485">
        <v>23398132</v>
      </c>
      <c r="FL10" s="486">
        <v>62575918</v>
      </c>
      <c r="FM10" s="487">
        <v>85974050</v>
      </c>
      <c r="FN10" s="485">
        <v>0</v>
      </c>
      <c r="FO10" s="486">
        <v>55089160</v>
      </c>
      <c r="FP10" s="486">
        <v>251897874</v>
      </c>
      <c r="FQ10" s="486">
        <v>167723974</v>
      </c>
      <c r="FR10" s="486">
        <v>147611700</v>
      </c>
      <c r="FS10" s="486">
        <v>118311193</v>
      </c>
      <c r="FT10" s="487">
        <v>740633901</v>
      </c>
      <c r="FU10" s="489">
        <v>826607951</v>
      </c>
      <c r="FV10" s="493">
        <v>15501564</v>
      </c>
      <c r="FW10" s="486">
        <v>55362834</v>
      </c>
      <c r="FX10" s="490">
        <v>70864398</v>
      </c>
      <c r="FY10" s="491">
        <v>0</v>
      </c>
      <c r="FZ10" s="486">
        <v>49542398</v>
      </c>
      <c r="GA10" s="486">
        <v>243937160</v>
      </c>
      <c r="GB10" s="486">
        <v>163044219</v>
      </c>
      <c r="GC10" s="486">
        <v>144472046</v>
      </c>
      <c r="GD10" s="486">
        <v>116967345</v>
      </c>
      <c r="GE10" s="487">
        <v>717963168</v>
      </c>
      <c r="GF10" s="494">
        <v>788827566</v>
      </c>
      <c r="GG10" s="493">
        <v>1000000</v>
      </c>
      <c r="GH10" s="486">
        <v>1397628</v>
      </c>
      <c r="GI10" s="490">
        <v>2397628</v>
      </c>
      <c r="GJ10" s="491">
        <v>0</v>
      </c>
      <c r="GK10" s="486">
        <v>1467527</v>
      </c>
      <c r="GL10" s="486">
        <v>2342782</v>
      </c>
      <c r="GM10" s="486">
        <v>1755106</v>
      </c>
      <c r="GN10" s="486">
        <v>1035940</v>
      </c>
      <c r="GO10" s="486">
        <v>657798</v>
      </c>
      <c r="GP10" s="487">
        <v>7259153</v>
      </c>
      <c r="GQ10" s="489">
        <v>9656781</v>
      </c>
      <c r="GR10" s="485">
        <v>6896568</v>
      </c>
      <c r="GS10" s="486">
        <v>5815456</v>
      </c>
      <c r="GT10" s="487">
        <v>12712024</v>
      </c>
      <c r="GU10" s="485">
        <v>0</v>
      </c>
      <c r="GV10" s="486">
        <v>4079235</v>
      </c>
      <c r="GW10" s="486">
        <v>5617932</v>
      </c>
      <c r="GX10" s="486">
        <v>2924649</v>
      </c>
      <c r="GY10" s="486">
        <v>2103714</v>
      </c>
      <c r="GZ10" s="486">
        <v>686050</v>
      </c>
      <c r="HA10" s="490">
        <v>15411580</v>
      </c>
      <c r="HB10" s="489">
        <v>28123604</v>
      </c>
      <c r="HC10" s="485">
        <v>38586360</v>
      </c>
      <c r="HD10" s="486">
        <v>47153661</v>
      </c>
      <c r="HE10" s="490">
        <v>85740021</v>
      </c>
      <c r="HF10" s="491">
        <v>0</v>
      </c>
      <c r="HG10" s="486">
        <v>373662200</v>
      </c>
      <c r="HH10" s="486">
        <v>438814867</v>
      </c>
      <c r="HI10" s="486">
        <v>381140350</v>
      </c>
      <c r="HJ10" s="486">
        <v>464794567</v>
      </c>
      <c r="HK10" s="486">
        <v>283016494</v>
      </c>
      <c r="HL10" s="487">
        <v>1941428478</v>
      </c>
      <c r="HM10" s="488">
        <v>2027168499</v>
      </c>
      <c r="HN10" s="493">
        <v>23961837</v>
      </c>
      <c r="HO10" s="486">
        <v>57848078</v>
      </c>
      <c r="HP10" s="487">
        <v>81809915</v>
      </c>
      <c r="HQ10" s="485">
        <v>0</v>
      </c>
      <c r="HR10" s="486">
        <v>270091249</v>
      </c>
      <c r="HS10" s="486">
        <v>403112739</v>
      </c>
      <c r="HT10" s="486">
        <v>240720450</v>
      </c>
      <c r="HU10" s="486">
        <v>164005330</v>
      </c>
      <c r="HV10" s="486">
        <v>101298201</v>
      </c>
      <c r="HW10" s="490">
        <v>1179227969</v>
      </c>
      <c r="HX10" s="489">
        <v>1261037884</v>
      </c>
      <c r="HY10" s="495">
        <v>3866436</v>
      </c>
      <c r="HZ10" s="496">
        <v>13013028</v>
      </c>
      <c r="IA10" s="497">
        <v>16879464</v>
      </c>
      <c r="IB10" s="498">
        <v>0</v>
      </c>
      <c r="IC10" s="499">
        <v>564633487</v>
      </c>
      <c r="ID10" s="500">
        <v>846022050</v>
      </c>
      <c r="IE10" s="501">
        <v>853099332</v>
      </c>
      <c r="IF10" s="499">
        <v>626618000</v>
      </c>
      <c r="IG10" s="501">
        <v>482292660</v>
      </c>
      <c r="IH10" s="502">
        <v>3372665529</v>
      </c>
      <c r="II10" s="503">
        <v>3389544993</v>
      </c>
      <c r="IJ10" s="504">
        <v>0</v>
      </c>
      <c r="IK10" s="505">
        <v>0</v>
      </c>
      <c r="IL10" s="506">
        <v>0</v>
      </c>
      <c r="IM10" s="507"/>
      <c r="IN10" s="508">
        <v>10286806</v>
      </c>
      <c r="IO10" s="508">
        <v>23762656</v>
      </c>
      <c r="IP10" s="508">
        <v>32489803</v>
      </c>
      <c r="IQ10" s="508">
        <v>41928111</v>
      </c>
      <c r="IR10" s="508">
        <v>44272913</v>
      </c>
      <c r="IS10" s="509">
        <v>152740289</v>
      </c>
      <c r="IT10" s="510">
        <v>152740289</v>
      </c>
      <c r="IU10" s="511">
        <v>0</v>
      </c>
      <c r="IV10" s="508">
        <v>0</v>
      </c>
      <c r="IW10" s="512">
        <v>0</v>
      </c>
      <c r="IX10" s="513"/>
      <c r="IY10" s="508">
        <v>2402988</v>
      </c>
      <c r="IZ10" s="508">
        <v>9149364</v>
      </c>
      <c r="JA10" s="508">
        <v>9183550</v>
      </c>
      <c r="JB10" s="508">
        <v>10952821</v>
      </c>
      <c r="JC10" s="508">
        <v>13213251</v>
      </c>
      <c r="JD10" s="512">
        <v>44901974</v>
      </c>
      <c r="JE10" s="514">
        <v>44901974</v>
      </c>
      <c r="JF10" s="511">
        <v>0</v>
      </c>
      <c r="JG10" s="508">
        <v>34789</v>
      </c>
      <c r="JH10" s="509">
        <v>34789</v>
      </c>
      <c r="JI10" s="515">
        <v>0</v>
      </c>
      <c r="JJ10" s="508">
        <v>173046192</v>
      </c>
      <c r="JK10" s="508">
        <v>278037156</v>
      </c>
      <c r="JL10" s="508">
        <v>210254894</v>
      </c>
      <c r="JM10" s="508">
        <v>136300119</v>
      </c>
      <c r="JN10" s="508">
        <v>75739280</v>
      </c>
      <c r="JO10" s="512">
        <v>873377641</v>
      </c>
      <c r="JP10" s="510">
        <v>873412430</v>
      </c>
      <c r="JQ10" s="511">
        <v>141025</v>
      </c>
      <c r="JR10" s="508">
        <v>93236</v>
      </c>
      <c r="JS10" s="509">
        <v>234261</v>
      </c>
      <c r="JT10" s="515">
        <v>0</v>
      </c>
      <c r="JU10" s="508">
        <v>27419361</v>
      </c>
      <c r="JV10" s="508">
        <v>42525327</v>
      </c>
      <c r="JW10" s="508">
        <v>67068808</v>
      </c>
      <c r="JX10" s="508">
        <v>37032153</v>
      </c>
      <c r="JY10" s="508">
        <v>39350041</v>
      </c>
      <c r="JZ10" s="512">
        <v>213395690</v>
      </c>
      <c r="KA10" s="510">
        <v>213629951</v>
      </c>
      <c r="KB10" s="516">
        <v>3725411</v>
      </c>
      <c r="KC10" s="517">
        <v>9619698</v>
      </c>
      <c r="KD10" s="512">
        <v>13345109</v>
      </c>
      <c r="KE10" s="515">
        <v>0</v>
      </c>
      <c r="KF10" s="508">
        <v>70890365</v>
      </c>
      <c r="KG10" s="508">
        <v>120149330</v>
      </c>
      <c r="KH10" s="508">
        <v>143829604</v>
      </c>
      <c r="KI10" s="508">
        <v>116455025</v>
      </c>
      <c r="KJ10" s="508">
        <v>73593470</v>
      </c>
      <c r="KK10" s="512">
        <v>524917794</v>
      </c>
      <c r="KL10" s="518">
        <v>538262903</v>
      </c>
      <c r="KM10" s="504">
        <v>0</v>
      </c>
      <c r="KN10" s="505">
        <v>3265305</v>
      </c>
      <c r="KO10" s="506">
        <v>3265305</v>
      </c>
      <c r="KP10" s="507"/>
      <c r="KQ10" s="508">
        <v>274643272</v>
      </c>
      <c r="KR10" s="508">
        <v>358551446</v>
      </c>
      <c r="KS10" s="508">
        <v>360609631</v>
      </c>
      <c r="KT10" s="508">
        <v>244271409</v>
      </c>
      <c r="KU10" s="508">
        <v>174505398</v>
      </c>
      <c r="KV10" s="512">
        <v>1412581156</v>
      </c>
      <c r="KW10" s="510">
        <v>1415846461</v>
      </c>
      <c r="KX10" s="511">
        <v>0</v>
      </c>
      <c r="KY10" s="508">
        <v>0</v>
      </c>
      <c r="KZ10" s="512">
        <v>0</v>
      </c>
      <c r="LA10" s="519"/>
      <c r="LB10" s="508">
        <v>155206</v>
      </c>
      <c r="LC10" s="508">
        <v>174387</v>
      </c>
      <c r="LD10" s="508">
        <v>388872</v>
      </c>
      <c r="LE10" s="508">
        <v>859722</v>
      </c>
      <c r="LF10" s="508">
        <v>1164025</v>
      </c>
      <c r="LG10" s="512">
        <v>2742212</v>
      </c>
      <c r="LH10" s="514">
        <v>2742212</v>
      </c>
      <c r="LI10" s="511">
        <v>0</v>
      </c>
      <c r="LJ10" s="508">
        <v>0</v>
      </c>
      <c r="LK10" s="512">
        <v>0</v>
      </c>
      <c r="LL10" s="519"/>
      <c r="LM10" s="508">
        <v>926533</v>
      </c>
      <c r="LN10" s="508">
        <v>1222025</v>
      </c>
      <c r="LO10" s="508">
        <v>5451900</v>
      </c>
      <c r="LP10" s="508">
        <v>8089801</v>
      </c>
      <c r="LQ10" s="508">
        <v>5944161</v>
      </c>
      <c r="LR10" s="512">
        <v>21634420</v>
      </c>
      <c r="LS10" s="510">
        <v>21634420</v>
      </c>
      <c r="LT10" s="511">
        <v>0</v>
      </c>
      <c r="LU10" s="508">
        <v>0</v>
      </c>
      <c r="LV10" s="512">
        <v>0</v>
      </c>
      <c r="LW10" s="519"/>
      <c r="LX10" s="508">
        <v>4862764</v>
      </c>
      <c r="LY10" s="508">
        <v>12450359</v>
      </c>
      <c r="LZ10" s="508">
        <v>23822270</v>
      </c>
      <c r="MA10" s="508">
        <v>30728839</v>
      </c>
      <c r="MB10" s="508">
        <v>54510121</v>
      </c>
      <c r="MC10" s="512">
        <v>126374353</v>
      </c>
      <c r="MD10" s="514">
        <v>126374353</v>
      </c>
      <c r="ME10" s="511">
        <v>0</v>
      </c>
      <c r="MF10" s="508">
        <v>0</v>
      </c>
      <c r="MG10" s="512">
        <v>0</v>
      </c>
      <c r="MH10" s="519"/>
      <c r="MI10" s="508">
        <v>201513072</v>
      </c>
      <c r="MJ10" s="508">
        <v>619800809</v>
      </c>
      <c r="MK10" s="508">
        <v>1580139640</v>
      </c>
      <c r="ML10" s="508">
        <v>2265909312</v>
      </c>
      <c r="MM10" s="508">
        <v>1711648520</v>
      </c>
      <c r="MN10" s="512">
        <v>6379011353</v>
      </c>
      <c r="MO10" s="518">
        <v>6379011353</v>
      </c>
      <c r="MP10" s="511">
        <v>0</v>
      </c>
      <c r="MQ10" s="508">
        <v>0</v>
      </c>
      <c r="MR10" s="512">
        <v>0</v>
      </c>
      <c r="MS10" s="519"/>
      <c r="MT10" s="508">
        <v>46729861</v>
      </c>
      <c r="MU10" s="508">
        <v>202036461</v>
      </c>
      <c r="MV10" s="508">
        <v>1010822114</v>
      </c>
      <c r="MW10" s="508">
        <v>1519044195</v>
      </c>
      <c r="MX10" s="508">
        <v>1220234248</v>
      </c>
      <c r="MY10" s="512">
        <v>3998866879</v>
      </c>
      <c r="MZ10" s="518">
        <v>3998866879</v>
      </c>
      <c r="NA10" s="511">
        <v>0</v>
      </c>
      <c r="NB10" s="508">
        <v>0</v>
      </c>
      <c r="NC10" s="512">
        <v>0</v>
      </c>
      <c r="ND10" s="519"/>
      <c r="NE10" s="508">
        <v>154378481</v>
      </c>
      <c r="NF10" s="508">
        <v>416028433</v>
      </c>
      <c r="NG10" s="508">
        <v>564973394</v>
      </c>
      <c r="NH10" s="508">
        <v>700372650</v>
      </c>
      <c r="NI10" s="508">
        <v>429391817</v>
      </c>
      <c r="NJ10" s="512">
        <v>2265144775</v>
      </c>
      <c r="NK10" s="510">
        <v>2265144775</v>
      </c>
      <c r="NL10" s="511">
        <v>0</v>
      </c>
      <c r="NM10" s="508">
        <v>0</v>
      </c>
      <c r="NN10" s="512">
        <v>0</v>
      </c>
      <c r="NO10" s="519"/>
      <c r="NP10" s="508">
        <v>0</v>
      </c>
      <c r="NQ10" s="508">
        <v>544919</v>
      </c>
      <c r="NR10" s="508">
        <v>995308</v>
      </c>
      <c r="NS10" s="508">
        <v>18315836</v>
      </c>
      <c r="NT10" s="508">
        <v>31164954</v>
      </c>
      <c r="NU10" s="512">
        <v>51021017</v>
      </c>
      <c r="NV10" s="514">
        <v>51021017</v>
      </c>
      <c r="NW10" s="511">
        <v>0</v>
      </c>
      <c r="NX10" s="508">
        <v>0</v>
      </c>
      <c r="NY10" s="512">
        <v>0</v>
      </c>
      <c r="NZ10" s="519"/>
      <c r="OA10" s="508">
        <v>404730</v>
      </c>
      <c r="OB10" s="508">
        <v>1190996</v>
      </c>
      <c r="OC10" s="508">
        <v>3348824</v>
      </c>
      <c r="OD10" s="508">
        <v>28176631</v>
      </c>
      <c r="OE10" s="508">
        <v>30857501</v>
      </c>
      <c r="OF10" s="512">
        <v>63978682</v>
      </c>
      <c r="OG10" s="514">
        <v>63978682</v>
      </c>
      <c r="OH10" s="511">
        <v>140130280</v>
      </c>
      <c r="OI10" s="508">
        <v>335353725</v>
      </c>
      <c r="OJ10" s="509">
        <v>475484005</v>
      </c>
      <c r="OK10" s="515">
        <v>0</v>
      </c>
      <c r="OL10" s="508">
        <v>2341462094</v>
      </c>
      <c r="OM10" s="508">
        <v>4247536231</v>
      </c>
      <c r="ON10" s="508">
        <v>4535128084</v>
      </c>
      <c r="OO10" s="508">
        <v>4810932429</v>
      </c>
      <c r="OP10" s="508">
        <v>3687860154</v>
      </c>
      <c r="OQ10" s="512">
        <v>19622918992</v>
      </c>
      <c r="OR10" s="518">
        <v>20098402997</v>
      </c>
    </row>
    <row r="11" spans="1:408" ht="18.75" customHeight="1" x14ac:dyDescent="0.2">
      <c r="A11" s="62" t="s">
        <v>6</v>
      </c>
      <c r="B11" s="112">
        <v>48511330</v>
      </c>
      <c r="C11" s="116">
        <v>88572390</v>
      </c>
      <c r="D11" s="115">
        <v>137083720</v>
      </c>
      <c r="E11" s="111">
        <v>0</v>
      </c>
      <c r="F11" s="116">
        <v>758366422</v>
      </c>
      <c r="G11" s="116">
        <v>798377481</v>
      </c>
      <c r="H11" s="116">
        <v>707825813</v>
      </c>
      <c r="I11" s="116">
        <v>750152730</v>
      </c>
      <c r="J11" s="116">
        <v>580571719</v>
      </c>
      <c r="K11" s="111">
        <v>3595294165</v>
      </c>
      <c r="L11" s="118">
        <v>3732377885</v>
      </c>
      <c r="M11" s="112">
        <v>12675956</v>
      </c>
      <c r="N11" s="116">
        <v>26394070</v>
      </c>
      <c r="O11" s="115">
        <v>39070026</v>
      </c>
      <c r="P11" s="112">
        <v>0</v>
      </c>
      <c r="Q11" s="116">
        <v>242956913</v>
      </c>
      <c r="R11" s="116">
        <v>280136124</v>
      </c>
      <c r="S11" s="116">
        <v>255517476</v>
      </c>
      <c r="T11" s="116">
        <v>305065703</v>
      </c>
      <c r="U11" s="116">
        <v>304317299</v>
      </c>
      <c r="V11" s="115">
        <v>1387993515</v>
      </c>
      <c r="W11" s="118">
        <v>1427063541</v>
      </c>
      <c r="X11" s="112">
        <v>0</v>
      </c>
      <c r="Y11" s="116">
        <v>0</v>
      </c>
      <c r="Z11" s="115">
        <v>0</v>
      </c>
      <c r="AA11" s="112">
        <v>0</v>
      </c>
      <c r="AB11" s="116">
        <v>122320574</v>
      </c>
      <c r="AC11" s="116">
        <v>148995100</v>
      </c>
      <c r="AD11" s="116">
        <v>152583614</v>
      </c>
      <c r="AE11" s="116">
        <v>183780724</v>
      </c>
      <c r="AF11" s="116">
        <v>183256700</v>
      </c>
      <c r="AG11" s="115">
        <v>790936712</v>
      </c>
      <c r="AH11" s="118">
        <v>790936712</v>
      </c>
      <c r="AI11" s="112">
        <v>0</v>
      </c>
      <c r="AJ11" s="116">
        <v>152489</v>
      </c>
      <c r="AK11" s="115">
        <v>152489</v>
      </c>
      <c r="AL11" s="112">
        <v>0</v>
      </c>
      <c r="AM11" s="116">
        <v>825050</v>
      </c>
      <c r="AN11" s="116">
        <v>2915309</v>
      </c>
      <c r="AO11" s="116">
        <v>5926799</v>
      </c>
      <c r="AP11" s="116">
        <v>16305885</v>
      </c>
      <c r="AQ11" s="116">
        <v>31846570</v>
      </c>
      <c r="AR11" s="115">
        <v>57819613</v>
      </c>
      <c r="AS11" s="118">
        <v>57972102</v>
      </c>
      <c r="AT11" s="112">
        <v>6807966</v>
      </c>
      <c r="AU11" s="116">
        <v>18736483</v>
      </c>
      <c r="AV11" s="115">
        <v>25544449</v>
      </c>
      <c r="AW11" s="112">
        <v>0</v>
      </c>
      <c r="AX11" s="116">
        <v>73312519</v>
      </c>
      <c r="AY11" s="116">
        <v>77856344</v>
      </c>
      <c r="AZ11" s="116">
        <v>52354371</v>
      </c>
      <c r="BA11" s="116">
        <v>59019859</v>
      </c>
      <c r="BB11" s="116">
        <v>53085617</v>
      </c>
      <c r="BC11" s="115">
        <v>315628710</v>
      </c>
      <c r="BD11" s="118">
        <v>341173159</v>
      </c>
      <c r="BE11" s="112">
        <v>536923</v>
      </c>
      <c r="BF11" s="116">
        <v>1518185</v>
      </c>
      <c r="BG11" s="114">
        <v>2055108</v>
      </c>
      <c r="BH11" s="113">
        <v>0</v>
      </c>
      <c r="BI11" s="116">
        <v>5178843</v>
      </c>
      <c r="BJ11" s="116">
        <v>5742755</v>
      </c>
      <c r="BK11" s="116">
        <v>3853107</v>
      </c>
      <c r="BL11" s="116">
        <v>3612281</v>
      </c>
      <c r="BM11" s="116">
        <v>2273877</v>
      </c>
      <c r="BN11" s="115">
        <v>20660863</v>
      </c>
      <c r="BO11" s="118">
        <v>22715971</v>
      </c>
      <c r="BP11" s="112">
        <v>5331067</v>
      </c>
      <c r="BQ11" s="116">
        <v>5986913</v>
      </c>
      <c r="BR11" s="115">
        <v>11317980</v>
      </c>
      <c r="BS11" s="112">
        <v>0</v>
      </c>
      <c r="BT11" s="116">
        <v>41319927</v>
      </c>
      <c r="BU11" s="116">
        <v>44626616</v>
      </c>
      <c r="BV11" s="116">
        <v>40799585</v>
      </c>
      <c r="BW11" s="116">
        <v>42346954</v>
      </c>
      <c r="BX11" s="116">
        <v>33854535</v>
      </c>
      <c r="BY11" s="115">
        <v>202947617</v>
      </c>
      <c r="BZ11" s="118">
        <v>214265597</v>
      </c>
      <c r="CA11" s="112">
        <v>2130400</v>
      </c>
      <c r="CB11" s="116">
        <v>7631661</v>
      </c>
      <c r="CC11" s="115">
        <v>9762061</v>
      </c>
      <c r="CD11" s="112">
        <v>0</v>
      </c>
      <c r="CE11" s="116">
        <v>192579458</v>
      </c>
      <c r="CF11" s="116">
        <v>188805253</v>
      </c>
      <c r="CG11" s="116">
        <v>145828737</v>
      </c>
      <c r="CH11" s="116">
        <v>110699456</v>
      </c>
      <c r="CI11" s="116">
        <v>53752841</v>
      </c>
      <c r="CJ11" s="115">
        <v>691665745</v>
      </c>
      <c r="CK11" s="118">
        <v>701427806</v>
      </c>
      <c r="CL11" s="112">
        <v>0</v>
      </c>
      <c r="CM11" s="116">
        <v>0</v>
      </c>
      <c r="CN11" s="115">
        <v>0</v>
      </c>
      <c r="CO11" s="113">
        <v>0</v>
      </c>
      <c r="CP11" s="116">
        <v>170274326</v>
      </c>
      <c r="CQ11" s="116">
        <v>154997973</v>
      </c>
      <c r="CR11" s="116">
        <v>118453616</v>
      </c>
      <c r="CS11" s="116">
        <v>88070962</v>
      </c>
      <c r="CT11" s="116">
        <v>45173269</v>
      </c>
      <c r="CU11" s="115">
        <v>576970146</v>
      </c>
      <c r="CV11" s="118">
        <v>576970146</v>
      </c>
      <c r="CW11" s="112">
        <v>2130400</v>
      </c>
      <c r="CX11" s="116">
        <v>7631661</v>
      </c>
      <c r="CY11" s="115">
        <v>9762061</v>
      </c>
      <c r="CZ11" s="112">
        <v>0</v>
      </c>
      <c r="DA11" s="116">
        <v>22305132</v>
      </c>
      <c r="DB11" s="116">
        <v>33807280</v>
      </c>
      <c r="DC11" s="116">
        <v>27375121</v>
      </c>
      <c r="DD11" s="116">
        <v>22628494</v>
      </c>
      <c r="DE11" s="116">
        <v>8579572</v>
      </c>
      <c r="DF11" s="115">
        <v>114695599</v>
      </c>
      <c r="DG11" s="118">
        <v>124457660</v>
      </c>
      <c r="DH11" s="112">
        <v>106307</v>
      </c>
      <c r="DI11" s="116">
        <v>861543</v>
      </c>
      <c r="DJ11" s="114">
        <v>967850</v>
      </c>
      <c r="DK11" s="113">
        <v>0</v>
      </c>
      <c r="DL11" s="116">
        <v>15736849</v>
      </c>
      <c r="DM11" s="116">
        <v>27482025</v>
      </c>
      <c r="DN11" s="116">
        <v>45496181</v>
      </c>
      <c r="DO11" s="116">
        <v>45863900</v>
      </c>
      <c r="DP11" s="116">
        <v>24140322</v>
      </c>
      <c r="DQ11" s="115">
        <v>158719277</v>
      </c>
      <c r="DR11" s="118">
        <v>159687127</v>
      </c>
      <c r="DS11" s="112">
        <v>106307</v>
      </c>
      <c r="DT11" s="116">
        <v>861543</v>
      </c>
      <c r="DU11" s="115">
        <v>967850</v>
      </c>
      <c r="DV11" s="112">
        <v>0</v>
      </c>
      <c r="DW11" s="116">
        <v>14975239</v>
      </c>
      <c r="DX11" s="116">
        <v>24403299</v>
      </c>
      <c r="DY11" s="116">
        <v>40963577</v>
      </c>
      <c r="DZ11" s="116">
        <v>39772973</v>
      </c>
      <c r="EA11" s="116">
        <v>21089581</v>
      </c>
      <c r="EB11" s="115">
        <v>141204669</v>
      </c>
      <c r="EC11" s="118">
        <v>142172519</v>
      </c>
      <c r="ED11" s="112">
        <v>0</v>
      </c>
      <c r="EE11" s="114">
        <v>0</v>
      </c>
      <c r="EF11" s="115">
        <v>0</v>
      </c>
      <c r="EG11" s="112">
        <v>0</v>
      </c>
      <c r="EH11" s="116">
        <v>761610</v>
      </c>
      <c r="EI11" s="116">
        <v>3078726</v>
      </c>
      <c r="EJ11" s="116">
        <v>4532604</v>
      </c>
      <c r="EK11" s="116">
        <v>6090927</v>
      </c>
      <c r="EL11" s="116">
        <v>3050741</v>
      </c>
      <c r="EM11" s="114">
        <v>17514608</v>
      </c>
      <c r="EN11" s="118">
        <v>17514608</v>
      </c>
      <c r="EO11" s="112">
        <v>0</v>
      </c>
      <c r="EP11" s="116">
        <v>0</v>
      </c>
      <c r="EQ11" s="114">
        <v>0</v>
      </c>
      <c r="ER11" s="113">
        <v>0</v>
      </c>
      <c r="ES11" s="116">
        <v>0</v>
      </c>
      <c r="ET11" s="116">
        <v>0</v>
      </c>
      <c r="EU11" s="116">
        <v>0</v>
      </c>
      <c r="EV11" s="116">
        <v>0</v>
      </c>
      <c r="EW11" s="116">
        <v>0</v>
      </c>
      <c r="EX11" s="115">
        <v>0</v>
      </c>
      <c r="EY11" s="118">
        <v>0</v>
      </c>
      <c r="EZ11" s="112">
        <v>0</v>
      </c>
      <c r="FA11" s="116">
        <v>0</v>
      </c>
      <c r="FB11" s="114">
        <v>0</v>
      </c>
      <c r="FC11" s="390"/>
      <c r="FD11" s="116">
        <v>0</v>
      </c>
      <c r="FE11" s="116">
        <v>0</v>
      </c>
      <c r="FF11" s="116">
        <v>0</v>
      </c>
      <c r="FG11" s="116">
        <v>0</v>
      </c>
      <c r="FH11" s="116">
        <v>0</v>
      </c>
      <c r="FI11" s="115">
        <v>0</v>
      </c>
      <c r="FJ11" s="118">
        <v>0</v>
      </c>
      <c r="FK11" s="112">
        <v>10530507</v>
      </c>
      <c r="FL11" s="116">
        <v>21605665</v>
      </c>
      <c r="FM11" s="115">
        <v>32136172</v>
      </c>
      <c r="FN11" s="112">
        <v>0</v>
      </c>
      <c r="FO11" s="116">
        <v>46039294</v>
      </c>
      <c r="FP11" s="116">
        <v>78836271</v>
      </c>
      <c r="FQ11" s="116">
        <v>61764727</v>
      </c>
      <c r="FR11" s="116">
        <v>66380568</v>
      </c>
      <c r="FS11" s="116">
        <v>47052166</v>
      </c>
      <c r="FT11" s="115">
        <v>300073026</v>
      </c>
      <c r="FU11" s="118">
        <v>332209198</v>
      </c>
      <c r="FV11" s="117">
        <v>7464939</v>
      </c>
      <c r="FW11" s="116">
        <v>16726180</v>
      </c>
      <c r="FX11" s="114">
        <v>24191119</v>
      </c>
      <c r="FY11" s="113">
        <v>0</v>
      </c>
      <c r="FZ11" s="116">
        <v>38109885</v>
      </c>
      <c r="GA11" s="116">
        <v>73749284</v>
      </c>
      <c r="GB11" s="116">
        <v>58065653</v>
      </c>
      <c r="GC11" s="116">
        <v>61983305</v>
      </c>
      <c r="GD11" s="116">
        <v>45249210</v>
      </c>
      <c r="GE11" s="115">
        <v>277157337</v>
      </c>
      <c r="GF11" s="354">
        <v>301348456</v>
      </c>
      <c r="GG11" s="117">
        <v>699316</v>
      </c>
      <c r="GH11" s="116">
        <v>1209739</v>
      </c>
      <c r="GI11" s="114">
        <v>1909055</v>
      </c>
      <c r="GJ11" s="113">
        <v>0</v>
      </c>
      <c r="GK11" s="116">
        <v>2032170</v>
      </c>
      <c r="GL11" s="116">
        <v>1643905</v>
      </c>
      <c r="GM11" s="116">
        <v>1431678</v>
      </c>
      <c r="GN11" s="116">
        <v>1555003</v>
      </c>
      <c r="GO11" s="116">
        <v>801121</v>
      </c>
      <c r="GP11" s="115">
        <v>7463877</v>
      </c>
      <c r="GQ11" s="118">
        <v>9372932</v>
      </c>
      <c r="GR11" s="112">
        <v>2366252</v>
      </c>
      <c r="GS11" s="116">
        <v>3669746</v>
      </c>
      <c r="GT11" s="115">
        <v>6035998</v>
      </c>
      <c r="GU11" s="112">
        <v>0</v>
      </c>
      <c r="GV11" s="116">
        <v>5897239</v>
      </c>
      <c r="GW11" s="116">
        <v>3443082</v>
      </c>
      <c r="GX11" s="116">
        <v>2267396</v>
      </c>
      <c r="GY11" s="116">
        <v>2842260</v>
      </c>
      <c r="GZ11" s="116">
        <v>1001835</v>
      </c>
      <c r="HA11" s="114">
        <v>15451812</v>
      </c>
      <c r="HB11" s="118">
        <v>21487810</v>
      </c>
      <c r="HC11" s="112">
        <v>13472200</v>
      </c>
      <c r="HD11" s="116">
        <v>16106393</v>
      </c>
      <c r="HE11" s="114">
        <v>29578593</v>
      </c>
      <c r="HF11" s="113">
        <v>0</v>
      </c>
      <c r="HG11" s="116">
        <v>125817630</v>
      </c>
      <c r="HH11" s="116">
        <v>118687337</v>
      </c>
      <c r="HI11" s="116">
        <v>121814058</v>
      </c>
      <c r="HJ11" s="116">
        <v>161004053</v>
      </c>
      <c r="HK11" s="116">
        <v>114365667</v>
      </c>
      <c r="HL11" s="115">
        <v>641688745</v>
      </c>
      <c r="HM11" s="111">
        <v>671267338</v>
      </c>
      <c r="HN11" s="117">
        <v>9595960</v>
      </c>
      <c r="HO11" s="116">
        <v>15973058</v>
      </c>
      <c r="HP11" s="115">
        <v>25569018</v>
      </c>
      <c r="HQ11" s="112">
        <v>0</v>
      </c>
      <c r="HR11" s="116">
        <v>135236278</v>
      </c>
      <c r="HS11" s="116">
        <v>104430471</v>
      </c>
      <c r="HT11" s="116">
        <v>77404634</v>
      </c>
      <c r="HU11" s="116">
        <v>61139050</v>
      </c>
      <c r="HV11" s="116">
        <v>36943424</v>
      </c>
      <c r="HW11" s="114">
        <v>415153857</v>
      </c>
      <c r="HX11" s="118">
        <v>440722875</v>
      </c>
      <c r="HY11" s="148">
        <v>1060804</v>
      </c>
      <c r="HZ11" s="149">
        <v>4104330</v>
      </c>
      <c r="IA11" s="150">
        <v>5165134</v>
      </c>
      <c r="IB11" s="163">
        <v>0</v>
      </c>
      <c r="IC11" s="149">
        <v>255404316</v>
      </c>
      <c r="ID11" s="164">
        <v>299646925</v>
      </c>
      <c r="IE11" s="150">
        <v>324587239</v>
      </c>
      <c r="IF11" s="149">
        <v>272098195</v>
      </c>
      <c r="IG11" s="150">
        <v>192752088</v>
      </c>
      <c r="IH11" s="165">
        <v>1344488763</v>
      </c>
      <c r="II11" s="156">
        <v>1349653897</v>
      </c>
      <c r="IJ11" s="261">
        <v>0</v>
      </c>
      <c r="IK11" s="268">
        <v>0</v>
      </c>
      <c r="IL11" s="269">
        <v>0</v>
      </c>
      <c r="IM11" s="157"/>
      <c r="IN11" s="122">
        <v>6434039</v>
      </c>
      <c r="IO11" s="122">
        <v>11502143</v>
      </c>
      <c r="IP11" s="122">
        <v>13703316</v>
      </c>
      <c r="IQ11" s="122">
        <v>22410402</v>
      </c>
      <c r="IR11" s="122">
        <v>24945332</v>
      </c>
      <c r="IS11" s="158">
        <v>78995232</v>
      </c>
      <c r="IT11" s="357">
        <v>78995232</v>
      </c>
      <c r="IU11" s="159">
        <v>0</v>
      </c>
      <c r="IV11" s="122">
        <v>0</v>
      </c>
      <c r="IW11" s="123">
        <v>0</v>
      </c>
      <c r="IX11" s="161"/>
      <c r="IY11" s="122">
        <v>1256292</v>
      </c>
      <c r="IZ11" s="122">
        <v>2142254</v>
      </c>
      <c r="JA11" s="122">
        <v>1952623</v>
      </c>
      <c r="JB11" s="122">
        <v>3221908</v>
      </c>
      <c r="JC11" s="122">
        <v>3081995</v>
      </c>
      <c r="JD11" s="123">
        <v>11655072</v>
      </c>
      <c r="JE11" s="124">
        <v>11655072</v>
      </c>
      <c r="JF11" s="159">
        <v>0</v>
      </c>
      <c r="JG11" s="122">
        <v>0</v>
      </c>
      <c r="JH11" s="158">
        <v>0</v>
      </c>
      <c r="JI11" s="121">
        <v>0</v>
      </c>
      <c r="JJ11" s="122">
        <v>78552757</v>
      </c>
      <c r="JK11" s="122">
        <v>71354102</v>
      </c>
      <c r="JL11" s="122">
        <v>56441022</v>
      </c>
      <c r="JM11" s="122">
        <v>39043953</v>
      </c>
      <c r="JN11" s="122">
        <v>25161966</v>
      </c>
      <c r="JO11" s="123">
        <v>270553800</v>
      </c>
      <c r="JP11" s="357">
        <v>270553800</v>
      </c>
      <c r="JQ11" s="159">
        <v>82915</v>
      </c>
      <c r="JR11" s="122">
        <v>31882</v>
      </c>
      <c r="JS11" s="158">
        <v>114797</v>
      </c>
      <c r="JT11" s="121">
        <v>0</v>
      </c>
      <c r="JU11" s="122">
        <v>12677194</v>
      </c>
      <c r="JV11" s="122">
        <v>18717598</v>
      </c>
      <c r="JW11" s="122">
        <v>26081832</v>
      </c>
      <c r="JX11" s="122">
        <v>17838984</v>
      </c>
      <c r="JY11" s="122">
        <v>12678287</v>
      </c>
      <c r="JZ11" s="123">
        <v>87993895</v>
      </c>
      <c r="KA11" s="357">
        <v>88108692</v>
      </c>
      <c r="KB11" s="264">
        <v>977889</v>
      </c>
      <c r="KC11" s="258">
        <v>2458662</v>
      </c>
      <c r="KD11" s="123">
        <v>3436551</v>
      </c>
      <c r="KE11" s="121">
        <v>0</v>
      </c>
      <c r="KF11" s="122">
        <v>30586838</v>
      </c>
      <c r="KG11" s="122">
        <v>40168209</v>
      </c>
      <c r="KH11" s="122">
        <v>46166408</v>
      </c>
      <c r="KI11" s="122">
        <v>39223775</v>
      </c>
      <c r="KJ11" s="122">
        <v>17177054</v>
      </c>
      <c r="KK11" s="123">
        <v>173322284</v>
      </c>
      <c r="KL11" s="160">
        <v>176758835</v>
      </c>
      <c r="KM11" s="261">
        <v>0</v>
      </c>
      <c r="KN11" s="268">
        <v>1613786</v>
      </c>
      <c r="KO11" s="269">
        <v>1613786</v>
      </c>
      <c r="KP11" s="157"/>
      <c r="KQ11" s="122">
        <v>116126178</v>
      </c>
      <c r="KR11" s="122">
        <v>137842104</v>
      </c>
      <c r="KS11" s="122">
        <v>143144485</v>
      </c>
      <c r="KT11" s="122">
        <v>100857887</v>
      </c>
      <c r="KU11" s="122">
        <v>64787783</v>
      </c>
      <c r="KV11" s="123">
        <v>562758437</v>
      </c>
      <c r="KW11" s="357">
        <v>564372223</v>
      </c>
      <c r="KX11" s="159">
        <v>0</v>
      </c>
      <c r="KY11" s="122">
        <v>0</v>
      </c>
      <c r="KZ11" s="123">
        <v>0</v>
      </c>
      <c r="LA11" s="162"/>
      <c r="LB11" s="122">
        <v>0</v>
      </c>
      <c r="LC11" s="122">
        <v>0</v>
      </c>
      <c r="LD11" s="122">
        <v>0</v>
      </c>
      <c r="LE11" s="122">
        <v>0</v>
      </c>
      <c r="LF11" s="122">
        <v>0</v>
      </c>
      <c r="LG11" s="123">
        <v>0</v>
      </c>
      <c r="LH11" s="124">
        <v>0</v>
      </c>
      <c r="LI11" s="159">
        <v>0</v>
      </c>
      <c r="LJ11" s="122">
        <v>0</v>
      </c>
      <c r="LK11" s="123">
        <v>0</v>
      </c>
      <c r="LL11" s="162"/>
      <c r="LM11" s="122">
        <v>802093</v>
      </c>
      <c r="LN11" s="122">
        <v>1144732</v>
      </c>
      <c r="LO11" s="122">
        <v>16422459</v>
      </c>
      <c r="LP11" s="122">
        <v>22337417</v>
      </c>
      <c r="LQ11" s="122">
        <v>16427560</v>
      </c>
      <c r="LR11" s="123">
        <v>57134261</v>
      </c>
      <c r="LS11" s="357">
        <v>57134261</v>
      </c>
      <c r="LT11" s="159">
        <v>0</v>
      </c>
      <c r="LU11" s="122">
        <v>0</v>
      </c>
      <c r="LV11" s="123">
        <v>0</v>
      </c>
      <c r="LW11" s="162"/>
      <c r="LX11" s="122">
        <v>8968925</v>
      </c>
      <c r="LY11" s="122">
        <v>16775783</v>
      </c>
      <c r="LZ11" s="122">
        <v>20675094</v>
      </c>
      <c r="MA11" s="122">
        <v>27163869</v>
      </c>
      <c r="MB11" s="122">
        <v>28492111</v>
      </c>
      <c r="MC11" s="123">
        <v>102075782</v>
      </c>
      <c r="MD11" s="124">
        <v>102075782</v>
      </c>
      <c r="ME11" s="159">
        <v>0</v>
      </c>
      <c r="MF11" s="122">
        <v>0</v>
      </c>
      <c r="MG11" s="123">
        <v>0</v>
      </c>
      <c r="MH11" s="162"/>
      <c r="MI11" s="122">
        <v>71777506</v>
      </c>
      <c r="MJ11" s="122">
        <v>125804497</v>
      </c>
      <c r="MK11" s="122">
        <v>423218526</v>
      </c>
      <c r="ML11" s="122">
        <v>645903227</v>
      </c>
      <c r="MM11" s="122">
        <v>480116530</v>
      </c>
      <c r="MN11" s="123">
        <v>1746820286</v>
      </c>
      <c r="MO11" s="160">
        <v>1746820286</v>
      </c>
      <c r="MP11" s="159">
        <v>0</v>
      </c>
      <c r="MQ11" s="122">
        <v>0</v>
      </c>
      <c r="MR11" s="123">
        <v>0</v>
      </c>
      <c r="MS11" s="162"/>
      <c r="MT11" s="122">
        <v>14801494</v>
      </c>
      <c r="MU11" s="122">
        <v>40715613</v>
      </c>
      <c r="MV11" s="122">
        <v>285008621</v>
      </c>
      <c r="MW11" s="122">
        <v>416428457</v>
      </c>
      <c r="MX11" s="122">
        <v>335854469</v>
      </c>
      <c r="MY11" s="123">
        <v>1092808654</v>
      </c>
      <c r="MZ11" s="160">
        <v>1092808654</v>
      </c>
      <c r="NA11" s="159">
        <v>0</v>
      </c>
      <c r="NB11" s="122">
        <v>0</v>
      </c>
      <c r="NC11" s="123">
        <v>0</v>
      </c>
      <c r="ND11" s="162"/>
      <c r="NE11" s="122">
        <v>56687878</v>
      </c>
      <c r="NF11" s="122">
        <v>84856396</v>
      </c>
      <c r="NG11" s="122">
        <v>133838779</v>
      </c>
      <c r="NH11" s="122">
        <v>196784678</v>
      </c>
      <c r="NI11" s="122">
        <v>95767397</v>
      </c>
      <c r="NJ11" s="123">
        <v>567935128</v>
      </c>
      <c r="NK11" s="357">
        <v>567935128</v>
      </c>
      <c r="NL11" s="159">
        <v>0</v>
      </c>
      <c r="NM11" s="122">
        <v>0</v>
      </c>
      <c r="NN11" s="123">
        <v>0</v>
      </c>
      <c r="NO11" s="162"/>
      <c r="NP11" s="122">
        <v>288134</v>
      </c>
      <c r="NQ11" s="122">
        <v>0</v>
      </c>
      <c r="NR11" s="122">
        <v>2791473</v>
      </c>
      <c r="NS11" s="122">
        <v>19718338</v>
      </c>
      <c r="NT11" s="122">
        <v>28250910</v>
      </c>
      <c r="NU11" s="123">
        <v>51048855</v>
      </c>
      <c r="NV11" s="124">
        <v>51048855</v>
      </c>
      <c r="NW11" s="159">
        <v>0</v>
      </c>
      <c r="NX11" s="122">
        <v>0</v>
      </c>
      <c r="NY11" s="123">
        <v>0</v>
      </c>
      <c r="NZ11" s="162"/>
      <c r="OA11" s="122">
        <v>0</v>
      </c>
      <c r="OB11" s="122">
        <v>232488</v>
      </c>
      <c r="OC11" s="122">
        <v>1579653</v>
      </c>
      <c r="OD11" s="122">
        <v>12971754</v>
      </c>
      <c r="OE11" s="122">
        <v>20243754</v>
      </c>
      <c r="OF11" s="123">
        <v>35027649</v>
      </c>
      <c r="OG11" s="124">
        <v>35027649</v>
      </c>
      <c r="OH11" s="159">
        <v>49572134</v>
      </c>
      <c r="OI11" s="122">
        <v>92676720</v>
      </c>
      <c r="OJ11" s="158">
        <v>142248854</v>
      </c>
      <c r="OK11" s="121">
        <v>0</v>
      </c>
      <c r="OL11" s="122">
        <v>1085548244</v>
      </c>
      <c r="OM11" s="122">
        <v>1223828903</v>
      </c>
      <c r="ON11" s="122">
        <v>1455631578</v>
      </c>
      <c r="OO11" s="122">
        <v>1668154152</v>
      </c>
      <c r="OP11" s="122">
        <v>1253440337</v>
      </c>
      <c r="OQ11" s="123">
        <v>6686603214</v>
      </c>
      <c r="OR11" s="160">
        <v>6828852068</v>
      </c>
    </row>
    <row r="12" spans="1:408" ht="18.75" customHeight="1" x14ac:dyDescent="0.2">
      <c r="A12" s="62" t="s">
        <v>14</v>
      </c>
      <c r="B12" s="112">
        <v>26226260</v>
      </c>
      <c r="C12" s="116">
        <v>68760861</v>
      </c>
      <c r="D12" s="115">
        <v>94987121</v>
      </c>
      <c r="E12" s="111">
        <v>0</v>
      </c>
      <c r="F12" s="116">
        <v>289396082</v>
      </c>
      <c r="G12" s="116">
        <v>426788823</v>
      </c>
      <c r="H12" s="116">
        <v>400819832</v>
      </c>
      <c r="I12" s="116">
        <v>370678425</v>
      </c>
      <c r="J12" s="116">
        <v>250801763</v>
      </c>
      <c r="K12" s="114">
        <v>1738484925</v>
      </c>
      <c r="L12" s="118">
        <v>1833472046</v>
      </c>
      <c r="M12" s="112">
        <v>4998167</v>
      </c>
      <c r="N12" s="116">
        <v>15279128</v>
      </c>
      <c r="O12" s="115">
        <v>20277295</v>
      </c>
      <c r="P12" s="112">
        <v>0</v>
      </c>
      <c r="Q12" s="116">
        <v>81975253</v>
      </c>
      <c r="R12" s="116">
        <v>134694837</v>
      </c>
      <c r="S12" s="116">
        <v>122101854</v>
      </c>
      <c r="T12" s="116">
        <v>132152223</v>
      </c>
      <c r="U12" s="116">
        <v>120698236</v>
      </c>
      <c r="V12" s="115">
        <v>591622403</v>
      </c>
      <c r="W12" s="118">
        <v>611899698</v>
      </c>
      <c r="X12" s="112">
        <v>0</v>
      </c>
      <c r="Y12" s="116">
        <v>0</v>
      </c>
      <c r="Z12" s="115">
        <v>0</v>
      </c>
      <c r="AA12" s="112">
        <v>0</v>
      </c>
      <c r="AB12" s="116">
        <v>43347270</v>
      </c>
      <c r="AC12" s="116">
        <v>73976907</v>
      </c>
      <c r="AD12" s="116">
        <v>71578438</v>
      </c>
      <c r="AE12" s="116">
        <v>77854914</v>
      </c>
      <c r="AF12" s="116">
        <v>69314534</v>
      </c>
      <c r="AG12" s="115">
        <v>336072063</v>
      </c>
      <c r="AH12" s="118">
        <v>336072063</v>
      </c>
      <c r="AI12" s="112">
        <v>0</v>
      </c>
      <c r="AJ12" s="116">
        <v>73821</v>
      </c>
      <c r="AK12" s="115">
        <v>73821</v>
      </c>
      <c r="AL12" s="112">
        <v>0</v>
      </c>
      <c r="AM12" s="116">
        <v>456842</v>
      </c>
      <c r="AN12" s="116">
        <v>1080924</v>
      </c>
      <c r="AO12" s="116">
        <v>2893149</v>
      </c>
      <c r="AP12" s="116">
        <v>7345421</v>
      </c>
      <c r="AQ12" s="116">
        <v>13976210</v>
      </c>
      <c r="AR12" s="115">
        <v>25752546</v>
      </c>
      <c r="AS12" s="118">
        <v>25826367</v>
      </c>
      <c r="AT12" s="112">
        <v>2598867</v>
      </c>
      <c r="AU12" s="116">
        <v>10792769</v>
      </c>
      <c r="AV12" s="115">
        <v>13391636</v>
      </c>
      <c r="AW12" s="112">
        <v>0</v>
      </c>
      <c r="AX12" s="116">
        <v>20856885</v>
      </c>
      <c r="AY12" s="116">
        <v>37710786</v>
      </c>
      <c r="AZ12" s="116">
        <v>26038397</v>
      </c>
      <c r="BA12" s="116">
        <v>27792814</v>
      </c>
      <c r="BB12" s="116">
        <v>24239084</v>
      </c>
      <c r="BC12" s="115">
        <v>136637966</v>
      </c>
      <c r="BD12" s="118">
        <v>150029602</v>
      </c>
      <c r="BE12" s="112">
        <v>146436</v>
      </c>
      <c r="BF12" s="116">
        <v>1176600</v>
      </c>
      <c r="BG12" s="114">
        <v>1323036</v>
      </c>
      <c r="BH12" s="113">
        <v>0</v>
      </c>
      <c r="BI12" s="116">
        <v>560842</v>
      </c>
      <c r="BJ12" s="116">
        <v>2045527</v>
      </c>
      <c r="BK12" s="116">
        <v>2133515</v>
      </c>
      <c r="BL12" s="116">
        <v>1491990</v>
      </c>
      <c r="BM12" s="116">
        <v>642162</v>
      </c>
      <c r="BN12" s="115">
        <v>6874036</v>
      </c>
      <c r="BO12" s="118">
        <v>8197072</v>
      </c>
      <c r="BP12" s="112">
        <v>2252864</v>
      </c>
      <c r="BQ12" s="116">
        <v>3235938</v>
      </c>
      <c r="BR12" s="115">
        <v>5488802</v>
      </c>
      <c r="BS12" s="112">
        <v>0</v>
      </c>
      <c r="BT12" s="116">
        <v>16753414</v>
      </c>
      <c r="BU12" s="116">
        <v>19880693</v>
      </c>
      <c r="BV12" s="116">
        <v>19458355</v>
      </c>
      <c r="BW12" s="116">
        <v>17667084</v>
      </c>
      <c r="BX12" s="116">
        <v>12526246</v>
      </c>
      <c r="BY12" s="115">
        <v>86285792</v>
      </c>
      <c r="BZ12" s="118">
        <v>91774594</v>
      </c>
      <c r="CA12" s="112">
        <v>1893503</v>
      </c>
      <c r="CB12" s="116">
        <v>8714555</v>
      </c>
      <c r="CC12" s="115">
        <v>10608058</v>
      </c>
      <c r="CD12" s="112">
        <v>0</v>
      </c>
      <c r="CE12" s="116">
        <v>78873839</v>
      </c>
      <c r="CF12" s="116">
        <v>114827661</v>
      </c>
      <c r="CG12" s="116">
        <v>103985156</v>
      </c>
      <c r="CH12" s="116">
        <v>77265573</v>
      </c>
      <c r="CI12" s="116">
        <v>36386566</v>
      </c>
      <c r="CJ12" s="115">
        <v>411338795</v>
      </c>
      <c r="CK12" s="118">
        <v>421946853</v>
      </c>
      <c r="CL12" s="112">
        <v>0</v>
      </c>
      <c r="CM12" s="116">
        <v>0</v>
      </c>
      <c r="CN12" s="115">
        <v>0</v>
      </c>
      <c r="CO12" s="113">
        <v>0</v>
      </c>
      <c r="CP12" s="116">
        <v>73318489</v>
      </c>
      <c r="CQ12" s="116">
        <v>96408585</v>
      </c>
      <c r="CR12" s="116">
        <v>90114758</v>
      </c>
      <c r="CS12" s="116">
        <v>63268522</v>
      </c>
      <c r="CT12" s="116">
        <v>32474450</v>
      </c>
      <c r="CU12" s="115">
        <v>355584804</v>
      </c>
      <c r="CV12" s="118">
        <v>355584804</v>
      </c>
      <c r="CW12" s="112">
        <v>1893503</v>
      </c>
      <c r="CX12" s="116">
        <v>8714555</v>
      </c>
      <c r="CY12" s="115">
        <v>10608058</v>
      </c>
      <c r="CZ12" s="112">
        <v>0</v>
      </c>
      <c r="DA12" s="116">
        <v>5555350</v>
      </c>
      <c r="DB12" s="116">
        <v>18419076</v>
      </c>
      <c r="DC12" s="116">
        <v>13870398</v>
      </c>
      <c r="DD12" s="116">
        <v>13997051</v>
      </c>
      <c r="DE12" s="116">
        <v>3912116</v>
      </c>
      <c r="DF12" s="115">
        <v>55753991</v>
      </c>
      <c r="DG12" s="118">
        <v>66362049</v>
      </c>
      <c r="DH12" s="112">
        <v>43910</v>
      </c>
      <c r="DI12" s="116">
        <v>461212</v>
      </c>
      <c r="DJ12" s="114">
        <v>505122</v>
      </c>
      <c r="DK12" s="113">
        <v>0</v>
      </c>
      <c r="DL12" s="116">
        <v>7403757</v>
      </c>
      <c r="DM12" s="116">
        <v>16988722</v>
      </c>
      <c r="DN12" s="116">
        <v>43254306</v>
      </c>
      <c r="DO12" s="116">
        <v>36627451</v>
      </c>
      <c r="DP12" s="116">
        <v>19634614</v>
      </c>
      <c r="DQ12" s="115">
        <v>123908850</v>
      </c>
      <c r="DR12" s="118">
        <v>124413972</v>
      </c>
      <c r="DS12" s="112">
        <v>43910</v>
      </c>
      <c r="DT12" s="116">
        <v>461212</v>
      </c>
      <c r="DU12" s="115">
        <v>505122</v>
      </c>
      <c r="DV12" s="112">
        <v>0</v>
      </c>
      <c r="DW12" s="116">
        <v>7254338</v>
      </c>
      <c r="DX12" s="116">
        <v>16650645</v>
      </c>
      <c r="DY12" s="116">
        <v>42864610</v>
      </c>
      <c r="DZ12" s="116">
        <v>35998595</v>
      </c>
      <c r="EA12" s="116">
        <v>19001426</v>
      </c>
      <c r="EB12" s="115">
        <v>121769614</v>
      </c>
      <c r="EC12" s="118">
        <v>122274736</v>
      </c>
      <c r="ED12" s="112">
        <v>0</v>
      </c>
      <c r="EE12" s="114">
        <v>0</v>
      </c>
      <c r="EF12" s="115">
        <v>0</v>
      </c>
      <c r="EG12" s="112">
        <v>0</v>
      </c>
      <c r="EH12" s="116">
        <v>149419</v>
      </c>
      <c r="EI12" s="116">
        <v>338077</v>
      </c>
      <c r="EJ12" s="116">
        <v>389696</v>
      </c>
      <c r="EK12" s="116">
        <v>628856</v>
      </c>
      <c r="EL12" s="116">
        <v>633188</v>
      </c>
      <c r="EM12" s="114">
        <v>2139236</v>
      </c>
      <c r="EN12" s="118">
        <v>2139236</v>
      </c>
      <c r="EO12" s="112">
        <v>0</v>
      </c>
      <c r="EP12" s="116">
        <v>0</v>
      </c>
      <c r="EQ12" s="114">
        <v>0</v>
      </c>
      <c r="ER12" s="113">
        <v>0</v>
      </c>
      <c r="ES12" s="116">
        <v>0</v>
      </c>
      <c r="ET12" s="116">
        <v>0</v>
      </c>
      <c r="EU12" s="116">
        <v>0</v>
      </c>
      <c r="EV12" s="116">
        <v>0</v>
      </c>
      <c r="EW12" s="116">
        <v>0</v>
      </c>
      <c r="EX12" s="115">
        <v>0</v>
      </c>
      <c r="EY12" s="118">
        <v>0</v>
      </c>
      <c r="EZ12" s="112">
        <v>0</v>
      </c>
      <c r="FA12" s="116">
        <v>0</v>
      </c>
      <c r="FB12" s="114">
        <v>0</v>
      </c>
      <c r="FC12" s="390"/>
      <c r="FD12" s="116">
        <v>0</v>
      </c>
      <c r="FE12" s="116">
        <v>0</v>
      </c>
      <c r="FF12" s="116">
        <v>0</v>
      </c>
      <c r="FG12" s="116">
        <v>0</v>
      </c>
      <c r="FH12" s="116">
        <v>0</v>
      </c>
      <c r="FI12" s="115">
        <v>0</v>
      </c>
      <c r="FJ12" s="118">
        <v>0</v>
      </c>
      <c r="FK12" s="112">
        <v>7226810</v>
      </c>
      <c r="FL12" s="116">
        <v>21588690</v>
      </c>
      <c r="FM12" s="115">
        <v>28815500</v>
      </c>
      <c r="FN12" s="112">
        <v>0</v>
      </c>
      <c r="FO12" s="116">
        <v>15071852</v>
      </c>
      <c r="FP12" s="116">
        <v>48666329</v>
      </c>
      <c r="FQ12" s="116">
        <v>36358805</v>
      </c>
      <c r="FR12" s="116">
        <v>34431568</v>
      </c>
      <c r="FS12" s="116">
        <v>22413256</v>
      </c>
      <c r="FT12" s="115">
        <v>156941810</v>
      </c>
      <c r="FU12" s="118">
        <v>185757310</v>
      </c>
      <c r="FV12" s="117">
        <v>4383135</v>
      </c>
      <c r="FW12" s="116">
        <v>16107064</v>
      </c>
      <c r="FX12" s="114">
        <v>20490199</v>
      </c>
      <c r="FY12" s="113">
        <v>0</v>
      </c>
      <c r="FZ12" s="116">
        <v>13385467</v>
      </c>
      <c r="GA12" s="116">
        <v>44863362</v>
      </c>
      <c r="GB12" s="116">
        <v>33931927</v>
      </c>
      <c r="GC12" s="116">
        <v>32018372</v>
      </c>
      <c r="GD12" s="116">
        <v>20937260</v>
      </c>
      <c r="GE12" s="115">
        <v>145136388</v>
      </c>
      <c r="GF12" s="354">
        <v>165626587</v>
      </c>
      <c r="GG12" s="117">
        <v>392816</v>
      </c>
      <c r="GH12" s="116">
        <v>1019156</v>
      </c>
      <c r="GI12" s="114">
        <v>1411972</v>
      </c>
      <c r="GJ12" s="113">
        <v>0</v>
      </c>
      <c r="GK12" s="116">
        <v>382215</v>
      </c>
      <c r="GL12" s="116">
        <v>1349493</v>
      </c>
      <c r="GM12" s="116">
        <v>826818</v>
      </c>
      <c r="GN12" s="116">
        <v>1173952</v>
      </c>
      <c r="GO12" s="116">
        <v>682592</v>
      </c>
      <c r="GP12" s="115">
        <v>4415070</v>
      </c>
      <c r="GQ12" s="118">
        <v>5827042</v>
      </c>
      <c r="GR12" s="112">
        <v>2450859</v>
      </c>
      <c r="GS12" s="116">
        <v>4462470</v>
      </c>
      <c r="GT12" s="115">
        <v>6913329</v>
      </c>
      <c r="GU12" s="112">
        <v>0</v>
      </c>
      <c r="GV12" s="116">
        <v>1304170</v>
      </c>
      <c r="GW12" s="116">
        <v>2453474</v>
      </c>
      <c r="GX12" s="116">
        <v>1600060</v>
      </c>
      <c r="GY12" s="116">
        <v>1239244</v>
      </c>
      <c r="GZ12" s="116">
        <v>793404</v>
      </c>
      <c r="HA12" s="114">
        <v>7390352</v>
      </c>
      <c r="HB12" s="118">
        <v>14303681</v>
      </c>
      <c r="HC12" s="112">
        <v>7421473</v>
      </c>
      <c r="HD12" s="116">
        <v>10567895</v>
      </c>
      <c r="HE12" s="114">
        <v>17989368</v>
      </c>
      <c r="HF12" s="113">
        <v>0</v>
      </c>
      <c r="HG12" s="116">
        <v>52623348</v>
      </c>
      <c r="HH12" s="116">
        <v>47237354</v>
      </c>
      <c r="HI12" s="116">
        <v>49044484</v>
      </c>
      <c r="HJ12" s="116">
        <v>57573855</v>
      </c>
      <c r="HK12" s="116">
        <v>34449959</v>
      </c>
      <c r="HL12" s="115">
        <v>240929000</v>
      </c>
      <c r="HM12" s="111">
        <v>258918368</v>
      </c>
      <c r="HN12" s="117">
        <v>4642397</v>
      </c>
      <c r="HO12" s="116">
        <v>12149381</v>
      </c>
      <c r="HP12" s="115">
        <v>16791778</v>
      </c>
      <c r="HQ12" s="112">
        <v>0</v>
      </c>
      <c r="HR12" s="116">
        <v>53448033</v>
      </c>
      <c r="HS12" s="116">
        <v>64373920</v>
      </c>
      <c r="HT12" s="116">
        <v>46075227</v>
      </c>
      <c r="HU12" s="116">
        <v>32627755</v>
      </c>
      <c r="HV12" s="116">
        <v>17219132</v>
      </c>
      <c r="HW12" s="114">
        <v>213744067</v>
      </c>
      <c r="HX12" s="118">
        <v>230535845</v>
      </c>
      <c r="HY12" s="148">
        <v>604318</v>
      </c>
      <c r="HZ12" s="149">
        <v>3023867</v>
      </c>
      <c r="IA12" s="150">
        <v>3628185</v>
      </c>
      <c r="IB12" s="151">
        <v>0</v>
      </c>
      <c r="IC12" s="152">
        <v>124128915</v>
      </c>
      <c r="ID12" s="153">
        <v>152836073</v>
      </c>
      <c r="IE12" s="154">
        <v>165092790</v>
      </c>
      <c r="IF12" s="152">
        <v>117993949</v>
      </c>
      <c r="IG12" s="154">
        <v>71089845</v>
      </c>
      <c r="IH12" s="155">
        <v>631141572</v>
      </c>
      <c r="II12" s="156">
        <v>634769757</v>
      </c>
      <c r="IJ12" s="261">
        <v>0</v>
      </c>
      <c r="IK12" s="268">
        <v>0</v>
      </c>
      <c r="IL12" s="269">
        <v>0</v>
      </c>
      <c r="IM12" s="157"/>
      <c r="IN12" s="122">
        <v>1026028</v>
      </c>
      <c r="IO12" s="122">
        <v>2000128</v>
      </c>
      <c r="IP12" s="122">
        <v>3167210</v>
      </c>
      <c r="IQ12" s="122">
        <v>4767044</v>
      </c>
      <c r="IR12" s="122">
        <v>4116360</v>
      </c>
      <c r="IS12" s="158">
        <v>15076770</v>
      </c>
      <c r="IT12" s="357">
        <v>15076770</v>
      </c>
      <c r="IU12" s="159">
        <v>0</v>
      </c>
      <c r="IV12" s="122">
        <v>0</v>
      </c>
      <c r="IW12" s="123">
        <v>0</v>
      </c>
      <c r="IX12" s="161"/>
      <c r="IY12" s="122">
        <v>22730</v>
      </c>
      <c r="IZ12" s="122">
        <v>34095</v>
      </c>
      <c r="JA12" s="122">
        <v>22730</v>
      </c>
      <c r="JB12" s="122">
        <v>75686</v>
      </c>
      <c r="JC12" s="122">
        <v>137997</v>
      </c>
      <c r="JD12" s="123">
        <v>293238</v>
      </c>
      <c r="JE12" s="124">
        <v>293238</v>
      </c>
      <c r="JF12" s="159">
        <v>0</v>
      </c>
      <c r="JG12" s="122">
        <v>0</v>
      </c>
      <c r="JH12" s="158">
        <v>0</v>
      </c>
      <c r="JI12" s="121">
        <v>0</v>
      </c>
      <c r="JJ12" s="122">
        <v>43528720</v>
      </c>
      <c r="JK12" s="122">
        <v>55520926</v>
      </c>
      <c r="JL12" s="122">
        <v>45663021</v>
      </c>
      <c r="JM12" s="122">
        <v>27790861</v>
      </c>
      <c r="JN12" s="122">
        <v>13942453</v>
      </c>
      <c r="JO12" s="123">
        <v>186445981</v>
      </c>
      <c r="JP12" s="357">
        <v>186445981</v>
      </c>
      <c r="JQ12" s="159">
        <v>0</v>
      </c>
      <c r="JR12" s="122">
        <v>0</v>
      </c>
      <c r="JS12" s="158">
        <v>0</v>
      </c>
      <c r="JT12" s="121">
        <v>0</v>
      </c>
      <c r="JU12" s="122">
        <v>704550</v>
      </c>
      <c r="JV12" s="122">
        <v>1309490</v>
      </c>
      <c r="JW12" s="122">
        <v>3868377</v>
      </c>
      <c r="JX12" s="122">
        <v>2721155</v>
      </c>
      <c r="JY12" s="122">
        <v>2951549</v>
      </c>
      <c r="JZ12" s="123">
        <v>11555121</v>
      </c>
      <c r="KA12" s="357">
        <v>11555121</v>
      </c>
      <c r="KB12" s="264">
        <v>604318</v>
      </c>
      <c r="KC12" s="258">
        <v>2340650</v>
      </c>
      <c r="KD12" s="123">
        <v>2944968</v>
      </c>
      <c r="KE12" s="121">
        <v>0</v>
      </c>
      <c r="KF12" s="122">
        <v>17830582</v>
      </c>
      <c r="KG12" s="122">
        <v>23808999</v>
      </c>
      <c r="KH12" s="122">
        <v>26264023</v>
      </c>
      <c r="KI12" s="122">
        <v>21585858</v>
      </c>
      <c r="KJ12" s="122">
        <v>7547090</v>
      </c>
      <c r="KK12" s="123">
        <v>97036552</v>
      </c>
      <c r="KL12" s="160">
        <v>99981520</v>
      </c>
      <c r="KM12" s="261">
        <v>0</v>
      </c>
      <c r="KN12" s="268">
        <v>683217</v>
      </c>
      <c r="KO12" s="269">
        <v>683217</v>
      </c>
      <c r="KP12" s="157"/>
      <c r="KQ12" s="122">
        <v>59877710</v>
      </c>
      <c r="KR12" s="122">
        <v>67572948</v>
      </c>
      <c r="KS12" s="122">
        <v>79030399</v>
      </c>
      <c r="KT12" s="122">
        <v>50842441</v>
      </c>
      <c r="KU12" s="122">
        <v>35447147</v>
      </c>
      <c r="KV12" s="123">
        <v>292770645</v>
      </c>
      <c r="KW12" s="357">
        <v>293453862</v>
      </c>
      <c r="KX12" s="159">
        <v>0</v>
      </c>
      <c r="KY12" s="122">
        <v>0</v>
      </c>
      <c r="KZ12" s="123">
        <v>0</v>
      </c>
      <c r="LA12" s="162"/>
      <c r="LB12" s="122">
        <v>0</v>
      </c>
      <c r="LC12" s="122">
        <v>0</v>
      </c>
      <c r="LD12" s="122">
        <v>0</v>
      </c>
      <c r="LE12" s="122">
        <v>0</v>
      </c>
      <c r="LF12" s="122">
        <v>0</v>
      </c>
      <c r="LG12" s="123">
        <v>0</v>
      </c>
      <c r="LH12" s="124">
        <v>0</v>
      </c>
      <c r="LI12" s="159">
        <v>0</v>
      </c>
      <c r="LJ12" s="122">
        <v>0</v>
      </c>
      <c r="LK12" s="123">
        <v>0</v>
      </c>
      <c r="LL12" s="162"/>
      <c r="LM12" s="122">
        <v>0</v>
      </c>
      <c r="LN12" s="122">
        <v>375863</v>
      </c>
      <c r="LO12" s="122">
        <v>3964324</v>
      </c>
      <c r="LP12" s="122">
        <v>7645312</v>
      </c>
      <c r="LQ12" s="122">
        <v>1916603</v>
      </c>
      <c r="LR12" s="123">
        <v>13902102</v>
      </c>
      <c r="LS12" s="357">
        <v>13902102</v>
      </c>
      <c r="LT12" s="159">
        <v>0</v>
      </c>
      <c r="LU12" s="122">
        <v>0</v>
      </c>
      <c r="LV12" s="123">
        <v>0</v>
      </c>
      <c r="LW12" s="162"/>
      <c r="LX12" s="122">
        <v>1138595</v>
      </c>
      <c r="LY12" s="122">
        <v>2213624</v>
      </c>
      <c r="LZ12" s="122">
        <v>3112706</v>
      </c>
      <c r="MA12" s="122">
        <v>2565592</v>
      </c>
      <c r="MB12" s="122">
        <v>5030646</v>
      </c>
      <c r="MC12" s="123">
        <v>14061163</v>
      </c>
      <c r="MD12" s="124">
        <v>14061163</v>
      </c>
      <c r="ME12" s="159">
        <v>0</v>
      </c>
      <c r="MF12" s="122">
        <v>0</v>
      </c>
      <c r="MG12" s="123">
        <v>0</v>
      </c>
      <c r="MH12" s="162"/>
      <c r="MI12" s="122">
        <v>22423113</v>
      </c>
      <c r="MJ12" s="122">
        <v>69831537</v>
      </c>
      <c r="MK12" s="122">
        <v>278650752</v>
      </c>
      <c r="ML12" s="122">
        <v>455965727</v>
      </c>
      <c r="MM12" s="122">
        <v>293810768</v>
      </c>
      <c r="MN12" s="123">
        <v>1120681897</v>
      </c>
      <c r="MO12" s="160">
        <v>1120681897</v>
      </c>
      <c r="MP12" s="159">
        <v>0</v>
      </c>
      <c r="MQ12" s="122">
        <v>0</v>
      </c>
      <c r="MR12" s="123">
        <v>0</v>
      </c>
      <c r="MS12" s="162"/>
      <c r="MT12" s="122">
        <v>2574215</v>
      </c>
      <c r="MU12" s="122">
        <v>13356731</v>
      </c>
      <c r="MV12" s="122">
        <v>196704519</v>
      </c>
      <c r="MW12" s="122">
        <v>323907272</v>
      </c>
      <c r="MX12" s="122">
        <v>198378294</v>
      </c>
      <c r="MY12" s="123">
        <v>734921031</v>
      </c>
      <c r="MZ12" s="160">
        <v>734921031</v>
      </c>
      <c r="NA12" s="159">
        <v>0</v>
      </c>
      <c r="NB12" s="122">
        <v>0</v>
      </c>
      <c r="NC12" s="123">
        <v>0</v>
      </c>
      <c r="ND12" s="162"/>
      <c r="NE12" s="122">
        <v>19848898</v>
      </c>
      <c r="NF12" s="122">
        <v>56474806</v>
      </c>
      <c r="NG12" s="122">
        <v>79559310</v>
      </c>
      <c r="NH12" s="122">
        <v>100240390</v>
      </c>
      <c r="NI12" s="122">
        <v>62026019</v>
      </c>
      <c r="NJ12" s="123">
        <v>318149423</v>
      </c>
      <c r="NK12" s="357">
        <v>318149423</v>
      </c>
      <c r="NL12" s="159">
        <v>0</v>
      </c>
      <c r="NM12" s="122">
        <v>0</v>
      </c>
      <c r="NN12" s="123">
        <v>0</v>
      </c>
      <c r="NO12" s="162"/>
      <c r="NP12" s="122">
        <v>0</v>
      </c>
      <c r="NQ12" s="122">
        <v>0</v>
      </c>
      <c r="NR12" s="122">
        <v>576653</v>
      </c>
      <c r="NS12" s="122">
        <v>6053825</v>
      </c>
      <c r="NT12" s="122">
        <v>6809106</v>
      </c>
      <c r="NU12" s="123">
        <v>13439584</v>
      </c>
      <c r="NV12" s="124">
        <v>13439584</v>
      </c>
      <c r="NW12" s="159">
        <v>0</v>
      </c>
      <c r="NX12" s="122">
        <v>0</v>
      </c>
      <c r="NY12" s="123">
        <v>0</v>
      </c>
      <c r="NZ12" s="162"/>
      <c r="OA12" s="122">
        <v>0</v>
      </c>
      <c r="OB12" s="122">
        <v>0</v>
      </c>
      <c r="OC12" s="122">
        <v>1810270</v>
      </c>
      <c r="OD12" s="122">
        <v>25764240</v>
      </c>
      <c r="OE12" s="122">
        <v>26597349</v>
      </c>
      <c r="OF12" s="123">
        <v>54171859</v>
      </c>
      <c r="OG12" s="124">
        <v>54171859</v>
      </c>
      <c r="OH12" s="159">
        <v>26830578</v>
      </c>
      <c r="OI12" s="122">
        <v>71784728</v>
      </c>
      <c r="OJ12" s="158">
        <v>98615306</v>
      </c>
      <c r="OK12" s="121">
        <v>0</v>
      </c>
      <c r="OL12" s="122">
        <v>435948110</v>
      </c>
      <c r="OM12" s="122">
        <v>649456433</v>
      </c>
      <c r="ON12" s="122">
        <v>844563374</v>
      </c>
      <c r="OO12" s="122">
        <v>944638101</v>
      </c>
      <c r="OP12" s="122">
        <v>615702376</v>
      </c>
      <c r="OQ12" s="123">
        <v>3490308394</v>
      </c>
      <c r="OR12" s="160">
        <v>3588923700</v>
      </c>
    </row>
    <row r="13" spans="1:408" ht="18.75" customHeight="1" x14ac:dyDescent="0.2">
      <c r="A13" s="62" t="s">
        <v>7</v>
      </c>
      <c r="B13" s="112">
        <v>13612679</v>
      </c>
      <c r="C13" s="116">
        <v>16832485</v>
      </c>
      <c r="D13" s="115">
        <v>30445164</v>
      </c>
      <c r="E13" s="111">
        <v>0</v>
      </c>
      <c r="F13" s="116">
        <v>311795241</v>
      </c>
      <c r="G13" s="116">
        <v>295531879</v>
      </c>
      <c r="H13" s="116">
        <v>244747058</v>
      </c>
      <c r="I13" s="116">
        <v>245877825</v>
      </c>
      <c r="J13" s="116">
        <v>176931657</v>
      </c>
      <c r="K13" s="111">
        <v>1274883660</v>
      </c>
      <c r="L13" s="118">
        <v>1305328824</v>
      </c>
      <c r="M13" s="112">
        <v>1982152</v>
      </c>
      <c r="N13" s="116">
        <v>2062232</v>
      </c>
      <c r="O13" s="115">
        <v>4044384</v>
      </c>
      <c r="P13" s="112">
        <v>0</v>
      </c>
      <c r="Q13" s="116">
        <v>69441550</v>
      </c>
      <c r="R13" s="116">
        <v>78617995</v>
      </c>
      <c r="S13" s="116">
        <v>76731333</v>
      </c>
      <c r="T13" s="116">
        <v>99758683</v>
      </c>
      <c r="U13" s="116">
        <v>96257788</v>
      </c>
      <c r="V13" s="115">
        <v>420807349</v>
      </c>
      <c r="W13" s="118">
        <v>424851733</v>
      </c>
      <c r="X13" s="112">
        <v>0</v>
      </c>
      <c r="Y13" s="116">
        <v>0</v>
      </c>
      <c r="Z13" s="115">
        <v>0</v>
      </c>
      <c r="AA13" s="112">
        <v>0</v>
      </c>
      <c r="AB13" s="116">
        <v>38365728</v>
      </c>
      <c r="AC13" s="116">
        <v>44025345</v>
      </c>
      <c r="AD13" s="116">
        <v>48258398</v>
      </c>
      <c r="AE13" s="116">
        <v>65788779</v>
      </c>
      <c r="AF13" s="116">
        <v>61877938</v>
      </c>
      <c r="AG13" s="115">
        <v>258316188</v>
      </c>
      <c r="AH13" s="118">
        <v>258316188</v>
      </c>
      <c r="AI13" s="112">
        <v>0</v>
      </c>
      <c r="AJ13" s="116">
        <v>0</v>
      </c>
      <c r="AK13" s="115">
        <v>0</v>
      </c>
      <c r="AL13" s="112">
        <v>0</v>
      </c>
      <c r="AM13" s="116">
        <v>709300</v>
      </c>
      <c r="AN13" s="116">
        <v>2171129</v>
      </c>
      <c r="AO13" s="116">
        <v>3208161</v>
      </c>
      <c r="AP13" s="116">
        <v>6603935</v>
      </c>
      <c r="AQ13" s="116">
        <v>11705537</v>
      </c>
      <c r="AR13" s="115">
        <v>24398062</v>
      </c>
      <c r="AS13" s="118">
        <v>24398062</v>
      </c>
      <c r="AT13" s="112">
        <v>242938</v>
      </c>
      <c r="AU13" s="116">
        <v>630480</v>
      </c>
      <c r="AV13" s="115">
        <v>873418</v>
      </c>
      <c r="AW13" s="112">
        <v>0</v>
      </c>
      <c r="AX13" s="116">
        <v>14985983</v>
      </c>
      <c r="AY13" s="116">
        <v>18566433</v>
      </c>
      <c r="AZ13" s="116">
        <v>13277038</v>
      </c>
      <c r="BA13" s="116">
        <v>14406310</v>
      </c>
      <c r="BB13" s="116">
        <v>14177036</v>
      </c>
      <c r="BC13" s="115">
        <v>75412800</v>
      </c>
      <c r="BD13" s="118">
        <v>76286218</v>
      </c>
      <c r="BE13" s="112">
        <v>99656</v>
      </c>
      <c r="BF13" s="116">
        <v>172964</v>
      </c>
      <c r="BG13" s="114">
        <v>272620</v>
      </c>
      <c r="BH13" s="113">
        <v>0</v>
      </c>
      <c r="BI13" s="116">
        <v>1358544</v>
      </c>
      <c r="BJ13" s="116">
        <v>1839731</v>
      </c>
      <c r="BK13" s="116">
        <v>748805</v>
      </c>
      <c r="BL13" s="116">
        <v>1407724</v>
      </c>
      <c r="BM13" s="116">
        <v>848314</v>
      </c>
      <c r="BN13" s="115">
        <v>6203118</v>
      </c>
      <c r="BO13" s="118">
        <v>6475738</v>
      </c>
      <c r="BP13" s="112">
        <v>1639558</v>
      </c>
      <c r="BQ13" s="116">
        <v>1258788</v>
      </c>
      <c r="BR13" s="115">
        <v>2898346</v>
      </c>
      <c r="BS13" s="112">
        <v>0</v>
      </c>
      <c r="BT13" s="116">
        <v>14021995</v>
      </c>
      <c r="BU13" s="116">
        <v>12015357</v>
      </c>
      <c r="BV13" s="116">
        <v>11238931</v>
      </c>
      <c r="BW13" s="116">
        <v>11551935</v>
      </c>
      <c r="BX13" s="116">
        <v>7648963</v>
      </c>
      <c r="BY13" s="115">
        <v>56477181</v>
      </c>
      <c r="BZ13" s="118">
        <v>59375527</v>
      </c>
      <c r="CA13" s="112">
        <v>793440</v>
      </c>
      <c r="CB13" s="116">
        <v>1580598</v>
      </c>
      <c r="CC13" s="115">
        <v>2374038</v>
      </c>
      <c r="CD13" s="112">
        <v>0</v>
      </c>
      <c r="CE13" s="116">
        <v>76758953</v>
      </c>
      <c r="CF13" s="116">
        <v>71763822</v>
      </c>
      <c r="CG13" s="116">
        <v>49333152</v>
      </c>
      <c r="CH13" s="116">
        <v>32232321</v>
      </c>
      <c r="CI13" s="116">
        <v>13589340</v>
      </c>
      <c r="CJ13" s="115">
        <v>243677588</v>
      </c>
      <c r="CK13" s="118">
        <v>246051626</v>
      </c>
      <c r="CL13" s="112">
        <v>0</v>
      </c>
      <c r="CM13" s="116">
        <v>0</v>
      </c>
      <c r="CN13" s="115">
        <v>0</v>
      </c>
      <c r="CO13" s="113">
        <v>0</v>
      </c>
      <c r="CP13" s="116">
        <v>66587403</v>
      </c>
      <c r="CQ13" s="116">
        <v>59410282</v>
      </c>
      <c r="CR13" s="116">
        <v>41330515</v>
      </c>
      <c r="CS13" s="116">
        <v>28034270</v>
      </c>
      <c r="CT13" s="116">
        <v>12267692</v>
      </c>
      <c r="CU13" s="115">
        <v>207630162</v>
      </c>
      <c r="CV13" s="118">
        <v>207630162</v>
      </c>
      <c r="CW13" s="112">
        <v>793440</v>
      </c>
      <c r="CX13" s="116">
        <v>1580598</v>
      </c>
      <c r="CY13" s="115">
        <v>2374038</v>
      </c>
      <c r="CZ13" s="112">
        <v>0</v>
      </c>
      <c r="DA13" s="116">
        <v>10171550</v>
      </c>
      <c r="DB13" s="116">
        <v>12353540</v>
      </c>
      <c r="DC13" s="116">
        <v>8002637</v>
      </c>
      <c r="DD13" s="116">
        <v>4198051</v>
      </c>
      <c r="DE13" s="116">
        <v>1321648</v>
      </c>
      <c r="DF13" s="115">
        <v>36047426</v>
      </c>
      <c r="DG13" s="118">
        <v>38421464</v>
      </c>
      <c r="DH13" s="112">
        <v>69143</v>
      </c>
      <c r="DI13" s="116">
        <v>53679</v>
      </c>
      <c r="DJ13" s="114">
        <v>122822</v>
      </c>
      <c r="DK13" s="113">
        <v>0</v>
      </c>
      <c r="DL13" s="116">
        <v>11024609</v>
      </c>
      <c r="DM13" s="116">
        <v>17600820</v>
      </c>
      <c r="DN13" s="116">
        <v>20259376</v>
      </c>
      <c r="DO13" s="116">
        <v>14181174</v>
      </c>
      <c r="DP13" s="116">
        <v>11553380</v>
      </c>
      <c r="DQ13" s="115">
        <v>74619359</v>
      </c>
      <c r="DR13" s="118">
        <v>74742181</v>
      </c>
      <c r="DS13" s="112">
        <v>69143</v>
      </c>
      <c r="DT13" s="116">
        <v>53679</v>
      </c>
      <c r="DU13" s="115">
        <v>122822</v>
      </c>
      <c r="DV13" s="112">
        <v>0</v>
      </c>
      <c r="DW13" s="116">
        <v>10796907</v>
      </c>
      <c r="DX13" s="116">
        <v>16449168</v>
      </c>
      <c r="DY13" s="116">
        <v>18805470</v>
      </c>
      <c r="DZ13" s="116">
        <v>13249863</v>
      </c>
      <c r="EA13" s="116">
        <v>11069138</v>
      </c>
      <c r="EB13" s="115">
        <v>70370546</v>
      </c>
      <c r="EC13" s="118">
        <v>70493368</v>
      </c>
      <c r="ED13" s="112">
        <v>0</v>
      </c>
      <c r="EE13" s="114">
        <v>0</v>
      </c>
      <c r="EF13" s="115">
        <v>0</v>
      </c>
      <c r="EG13" s="112">
        <v>0</v>
      </c>
      <c r="EH13" s="116">
        <v>227702</v>
      </c>
      <c r="EI13" s="116">
        <v>1151652</v>
      </c>
      <c r="EJ13" s="116">
        <v>1453906</v>
      </c>
      <c r="EK13" s="116">
        <v>931311</v>
      </c>
      <c r="EL13" s="116">
        <v>484242</v>
      </c>
      <c r="EM13" s="114">
        <v>4248813</v>
      </c>
      <c r="EN13" s="118">
        <v>4248813</v>
      </c>
      <c r="EO13" s="112">
        <v>0</v>
      </c>
      <c r="EP13" s="116">
        <v>0</v>
      </c>
      <c r="EQ13" s="114">
        <v>0</v>
      </c>
      <c r="ER13" s="113">
        <v>0</v>
      </c>
      <c r="ES13" s="116">
        <v>0</v>
      </c>
      <c r="ET13" s="116">
        <v>0</v>
      </c>
      <c r="EU13" s="116">
        <v>0</v>
      </c>
      <c r="EV13" s="116">
        <v>0</v>
      </c>
      <c r="EW13" s="116">
        <v>0</v>
      </c>
      <c r="EX13" s="115">
        <v>0</v>
      </c>
      <c r="EY13" s="118">
        <v>0</v>
      </c>
      <c r="EZ13" s="112">
        <v>0</v>
      </c>
      <c r="FA13" s="116">
        <v>0</v>
      </c>
      <c r="FB13" s="114">
        <v>0</v>
      </c>
      <c r="FC13" s="390"/>
      <c r="FD13" s="116">
        <v>0</v>
      </c>
      <c r="FE13" s="116">
        <v>0</v>
      </c>
      <c r="FF13" s="116">
        <v>0</v>
      </c>
      <c r="FG13" s="116">
        <v>0</v>
      </c>
      <c r="FH13" s="116">
        <v>0</v>
      </c>
      <c r="FI13" s="115">
        <v>0</v>
      </c>
      <c r="FJ13" s="118">
        <v>0</v>
      </c>
      <c r="FK13" s="112">
        <v>3339027</v>
      </c>
      <c r="FL13" s="116">
        <v>4498337</v>
      </c>
      <c r="FM13" s="115">
        <v>7837364</v>
      </c>
      <c r="FN13" s="112">
        <v>0</v>
      </c>
      <c r="FO13" s="116">
        <v>13794941</v>
      </c>
      <c r="FP13" s="116">
        <v>32664344</v>
      </c>
      <c r="FQ13" s="116">
        <v>20354800</v>
      </c>
      <c r="FR13" s="116">
        <v>19662377</v>
      </c>
      <c r="FS13" s="116">
        <v>13090970</v>
      </c>
      <c r="FT13" s="115">
        <v>99567432</v>
      </c>
      <c r="FU13" s="118">
        <v>107404796</v>
      </c>
      <c r="FV13" s="117">
        <v>1113716</v>
      </c>
      <c r="FW13" s="116">
        <v>2915590</v>
      </c>
      <c r="FX13" s="114">
        <v>4029306</v>
      </c>
      <c r="FY13" s="113">
        <v>0</v>
      </c>
      <c r="FZ13" s="116">
        <v>10554235</v>
      </c>
      <c r="GA13" s="116">
        <v>28826799</v>
      </c>
      <c r="GB13" s="116">
        <v>18899152</v>
      </c>
      <c r="GC13" s="116">
        <v>18197052</v>
      </c>
      <c r="GD13" s="116">
        <v>12609306</v>
      </c>
      <c r="GE13" s="115">
        <v>89086544</v>
      </c>
      <c r="GF13" s="354">
        <v>93115850</v>
      </c>
      <c r="GG13" s="117">
        <v>256410</v>
      </c>
      <c r="GH13" s="116">
        <v>211064</v>
      </c>
      <c r="GI13" s="114">
        <v>467474</v>
      </c>
      <c r="GJ13" s="113">
        <v>0</v>
      </c>
      <c r="GK13" s="116">
        <v>974238</v>
      </c>
      <c r="GL13" s="116">
        <v>883013</v>
      </c>
      <c r="GM13" s="116">
        <v>669667</v>
      </c>
      <c r="GN13" s="116">
        <v>812489</v>
      </c>
      <c r="GO13" s="116">
        <v>160364</v>
      </c>
      <c r="GP13" s="115">
        <v>3499771</v>
      </c>
      <c r="GQ13" s="118">
        <v>3967245</v>
      </c>
      <c r="GR13" s="112">
        <v>1968901</v>
      </c>
      <c r="GS13" s="116">
        <v>1371683</v>
      </c>
      <c r="GT13" s="115">
        <v>3340584</v>
      </c>
      <c r="GU13" s="112">
        <v>0</v>
      </c>
      <c r="GV13" s="116">
        <v>2266468</v>
      </c>
      <c r="GW13" s="116">
        <v>2954532</v>
      </c>
      <c r="GX13" s="116">
        <v>785981</v>
      </c>
      <c r="GY13" s="116">
        <v>652836</v>
      </c>
      <c r="GZ13" s="116">
        <v>321300</v>
      </c>
      <c r="HA13" s="114">
        <v>6981117</v>
      </c>
      <c r="HB13" s="118">
        <v>10321701</v>
      </c>
      <c r="HC13" s="112">
        <v>5722296</v>
      </c>
      <c r="HD13" s="116">
        <v>5283298</v>
      </c>
      <c r="HE13" s="114">
        <v>11005594</v>
      </c>
      <c r="HF13" s="113">
        <v>0</v>
      </c>
      <c r="HG13" s="116">
        <v>78639061</v>
      </c>
      <c r="HH13" s="116">
        <v>49671044</v>
      </c>
      <c r="HI13" s="116">
        <v>49868429</v>
      </c>
      <c r="HJ13" s="116">
        <v>60099939</v>
      </c>
      <c r="HK13" s="116">
        <v>30908332</v>
      </c>
      <c r="HL13" s="115">
        <v>269186805</v>
      </c>
      <c r="HM13" s="111">
        <v>280192399</v>
      </c>
      <c r="HN13" s="117">
        <v>1706621</v>
      </c>
      <c r="HO13" s="116">
        <v>3354341</v>
      </c>
      <c r="HP13" s="115">
        <v>5060962</v>
      </c>
      <c r="HQ13" s="112">
        <v>0</v>
      </c>
      <c r="HR13" s="116">
        <v>62136127</v>
      </c>
      <c r="HS13" s="116">
        <v>45213854</v>
      </c>
      <c r="HT13" s="116">
        <v>28199968</v>
      </c>
      <c r="HU13" s="116">
        <v>19943331</v>
      </c>
      <c r="HV13" s="116">
        <v>11531847</v>
      </c>
      <c r="HW13" s="114">
        <v>167025127</v>
      </c>
      <c r="HX13" s="118">
        <v>172086089</v>
      </c>
      <c r="HY13" s="148">
        <v>354200</v>
      </c>
      <c r="HZ13" s="149">
        <v>1365244</v>
      </c>
      <c r="IA13" s="150">
        <v>1719444</v>
      </c>
      <c r="IB13" s="163">
        <v>0</v>
      </c>
      <c r="IC13" s="149">
        <v>82169891</v>
      </c>
      <c r="ID13" s="164">
        <v>87180444</v>
      </c>
      <c r="IE13" s="150">
        <v>93547555</v>
      </c>
      <c r="IF13" s="149">
        <v>56284383</v>
      </c>
      <c r="IG13" s="150">
        <v>39561969</v>
      </c>
      <c r="IH13" s="165">
        <v>358744242</v>
      </c>
      <c r="II13" s="156">
        <v>360463686</v>
      </c>
      <c r="IJ13" s="261">
        <v>0</v>
      </c>
      <c r="IK13" s="268">
        <v>0</v>
      </c>
      <c r="IL13" s="269">
        <v>0</v>
      </c>
      <c r="IM13" s="157"/>
      <c r="IN13" s="122">
        <v>288002</v>
      </c>
      <c r="IO13" s="122">
        <v>949811</v>
      </c>
      <c r="IP13" s="122">
        <v>1054517</v>
      </c>
      <c r="IQ13" s="122">
        <v>1458390</v>
      </c>
      <c r="IR13" s="122">
        <v>2287140</v>
      </c>
      <c r="IS13" s="158">
        <v>6037860</v>
      </c>
      <c r="IT13" s="357">
        <v>6037860</v>
      </c>
      <c r="IU13" s="159">
        <v>0</v>
      </c>
      <c r="IV13" s="122">
        <v>0</v>
      </c>
      <c r="IW13" s="123">
        <v>0</v>
      </c>
      <c r="IX13" s="161"/>
      <c r="IY13" s="122">
        <v>0</v>
      </c>
      <c r="IZ13" s="122">
        <v>0</v>
      </c>
      <c r="JA13" s="122">
        <v>0</v>
      </c>
      <c r="JB13" s="122">
        <v>0</v>
      </c>
      <c r="JC13" s="122">
        <v>0</v>
      </c>
      <c r="JD13" s="123">
        <v>0</v>
      </c>
      <c r="JE13" s="124">
        <v>0</v>
      </c>
      <c r="JF13" s="159">
        <v>0</v>
      </c>
      <c r="JG13" s="122">
        <v>0</v>
      </c>
      <c r="JH13" s="158">
        <v>0</v>
      </c>
      <c r="JI13" s="121">
        <v>0</v>
      </c>
      <c r="JJ13" s="122">
        <v>39068315</v>
      </c>
      <c r="JK13" s="122">
        <v>32218651</v>
      </c>
      <c r="JL13" s="122">
        <v>22384837</v>
      </c>
      <c r="JM13" s="122">
        <v>10109701</v>
      </c>
      <c r="JN13" s="122">
        <v>4925455</v>
      </c>
      <c r="JO13" s="123">
        <v>108706959</v>
      </c>
      <c r="JP13" s="357">
        <v>108706959</v>
      </c>
      <c r="JQ13" s="159">
        <v>29690</v>
      </c>
      <c r="JR13" s="122">
        <v>0</v>
      </c>
      <c r="JS13" s="158">
        <v>29690</v>
      </c>
      <c r="JT13" s="121">
        <v>0</v>
      </c>
      <c r="JU13" s="122">
        <v>6726308</v>
      </c>
      <c r="JV13" s="122">
        <v>9134281</v>
      </c>
      <c r="JW13" s="122">
        <v>11955340</v>
      </c>
      <c r="JX13" s="122">
        <v>4450248</v>
      </c>
      <c r="JY13" s="122">
        <v>1994848</v>
      </c>
      <c r="JZ13" s="123">
        <v>34261025</v>
      </c>
      <c r="KA13" s="357">
        <v>34290715</v>
      </c>
      <c r="KB13" s="264">
        <v>324510</v>
      </c>
      <c r="KC13" s="258">
        <v>1138763</v>
      </c>
      <c r="KD13" s="123">
        <v>1463273</v>
      </c>
      <c r="KE13" s="121">
        <v>0</v>
      </c>
      <c r="KF13" s="122">
        <v>7062900</v>
      </c>
      <c r="KG13" s="122">
        <v>8912507</v>
      </c>
      <c r="KH13" s="122">
        <v>8242582</v>
      </c>
      <c r="KI13" s="122">
        <v>3697946</v>
      </c>
      <c r="KJ13" s="122">
        <v>2319611</v>
      </c>
      <c r="KK13" s="123">
        <v>30235546</v>
      </c>
      <c r="KL13" s="160">
        <v>31698819</v>
      </c>
      <c r="KM13" s="261">
        <v>0</v>
      </c>
      <c r="KN13" s="268">
        <v>226481</v>
      </c>
      <c r="KO13" s="269">
        <v>226481</v>
      </c>
      <c r="KP13" s="157"/>
      <c r="KQ13" s="122">
        <v>27962312</v>
      </c>
      <c r="KR13" s="122">
        <v>33778543</v>
      </c>
      <c r="KS13" s="122">
        <v>47294384</v>
      </c>
      <c r="KT13" s="122">
        <v>33649749</v>
      </c>
      <c r="KU13" s="122">
        <v>19641838</v>
      </c>
      <c r="KV13" s="123">
        <v>162326826</v>
      </c>
      <c r="KW13" s="357">
        <v>162553307</v>
      </c>
      <c r="KX13" s="159">
        <v>0</v>
      </c>
      <c r="KY13" s="122">
        <v>0</v>
      </c>
      <c r="KZ13" s="123">
        <v>0</v>
      </c>
      <c r="LA13" s="162"/>
      <c r="LB13" s="122">
        <v>0</v>
      </c>
      <c r="LC13" s="122">
        <v>0</v>
      </c>
      <c r="LD13" s="122">
        <v>0</v>
      </c>
      <c r="LE13" s="122">
        <v>0</v>
      </c>
      <c r="LF13" s="122">
        <v>0</v>
      </c>
      <c r="LG13" s="123">
        <v>0</v>
      </c>
      <c r="LH13" s="124">
        <v>0</v>
      </c>
      <c r="LI13" s="159">
        <v>0</v>
      </c>
      <c r="LJ13" s="122">
        <v>0</v>
      </c>
      <c r="LK13" s="123">
        <v>0</v>
      </c>
      <c r="LL13" s="162"/>
      <c r="LM13" s="122">
        <v>0</v>
      </c>
      <c r="LN13" s="122">
        <v>0</v>
      </c>
      <c r="LO13" s="122">
        <v>0</v>
      </c>
      <c r="LP13" s="122">
        <v>0</v>
      </c>
      <c r="LQ13" s="122">
        <v>0</v>
      </c>
      <c r="LR13" s="123">
        <v>0</v>
      </c>
      <c r="LS13" s="357">
        <v>0</v>
      </c>
      <c r="LT13" s="159">
        <v>0</v>
      </c>
      <c r="LU13" s="122">
        <v>0</v>
      </c>
      <c r="LV13" s="123">
        <v>0</v>
      </c>
      <c r="LW13" s="162"/>
      <c r="LX13" s="122">
        <v>1062054</v>
      </c>
      <c r="LY13" s="122">
        <v>2186651</v>
      </c>
      <c r="LZ13" s="122">
        <v>2615895</v>
      </c>
      <c r="MA13" s="122">
        <v>2918349</v>
      </c>
      <c r="MB13" s="122">
        <v>8393077</v>
      </c>
      <c r="MC13" s="123">
        <v>17176026</v>
      </c>
      <c r="MD13" s="124">
        <v>17176026</v>
      </c>
      <c r="ME13" s="159">
        <v>0</v>
      </c>
      <c r="MF13" s="122">
        <v>0</v>
      </c>
      <c r="MG13" s="123">
        <v>0</v>
      </c>
      <c r="MH13" s="162"/>
      <c r="MI13" s="122">
        <v>43884198</v>
      </c>
      <c r="MJ13" s="122">
        <v>70982831</v>
      </c>
      <c r="MK13" s="122">
        <v>193456421</v>
      </c>
      <c r="ML13" s="122">
        <v>322271258</v>
      </c>
      <c r="MM13" s="122">
        <v>193995897</v>
      </c>
      <c r="MN13" s="123">
        <v>824590605</v>
      </c>
      <c r="MO13" s="160">
        <v>824590605</v>
      </c>
      <c r="MP13" s="159">
        <v>0</v>
      </c>
      <c r="MQ13" s="122">
        <v>0</v>
      </c>
      <c r="MR13" s="123">
        <v>0</v>
      </c>
      <c r="MS13" s="162"/>
      <c r="MT13" s="122">
        <v>4336039</v>
      </c>
      <c r="MU13" s="122">
        <v>12634619</v>
      </c>
      <c r="MV13" s="122">
        <v>128304871</v>
      </c>
      <c r="MW13" s="122">
        <v>236817335</v>
      </c>
      <c r="MX13" s="122">
        <v>154237447</v>
      </c>
      <c r="MY13" s="123">
        <v>536330311</v>
      </c>
      <c r="MZ13" s="160">
        <v>536330311</v>
      </c>
      <c r="NA13" s="159">
        <v>0</v>
      </c>
      <c r="NB13" s="122">
        <v>0</v>
      </c>
      <c r="NC13" s="123">
        <v>0</v>
      </c>
      <c r="ND13" s="162"/>
      <c r="NE13" s="122">
        <v>39548159</v>
      </c>
      <c r="NF13" s="122">
        <v>58348212</v>
      </c>
      <c r="NG13" s="122">
        <v>64212662</v>
      </c>
      <c r="NH13" s="122">
        <v>84520437</v>
      </c>
      <c r="NI13" s="122">
        <v>36523364</v>
      </c>
      <c r="NJ13" s="123">
        <v>283152834</v>
      </c>
      <c r="NK13" s="357">
        <v>283152834</v>
      </c>
      <c r="NL13" s="159">
        <v>0</v>
      </c>
      <c r="NM13" s="122">
        <v>0</v>
      </c>
      <c r="NN13" s="123">
        <v>0</v>
      </c>
      <c r="NO13" s="162"/>
      <c r="NP13" s="122">
        <v>0</v>
      </c>
      <c r="NQ13" s="122">
        <v>0</v>
      </c>
      <c r="NR13" s="122">
        <v>0</v>
      </c>
      <c r="NS13" s="122">
        <v>933486</v>
      </c>
      <c r="NT13" s="122">
        <v>1731947</v>
      </c>
      <c r="NU13" s="123">
        <v>2665433</v>
      </c>
      <c r="NV13" s="124">
        <v>2665433</v>
      </c>
      <c r="NW13" s="159">
        <v>0</v>
      </c>
      <c r="NX13" s="122">
        <v>0</v>
      </c>
      <c r="NY13" s="123">
        <v>0</v>
      </c>
      <c r="NZ13" s="162"/>
      <c r="OA13" s="122">
        <v>0</v>
      </c>
      <c r="OB13" s="122">
        <v>0</v>
      </c>
      <c r="OC13" s="122">
        <v>938888</v>
      </c>
      <c r="OD13" s="122">
        <v>0</v>
      </c>
      <c r="OE13" s="122">
        <v>1503139</v>
      </c>
      <c r="OF13" s="123">
        <v>2442027</v>
      </c>
      <c r="OG13" s="124">
        <v>2442027</v>
      </c>
      <c r="OH13" s="159">
        <v>13966879</v>
      </c>
      <c r="OI13" s="122">
        <v>18197729</v>
      </c>
      <c r="OJ13" s="158">
        <v>32164608</v>
      </c>
      <c r="OK13" s="121">
        <v>0</v>
      </c>
      <c r="OL13" s="122">
        <v>437849330</v>
      </c>
      <c r="OM13" s="122">
        <v>453695154</v>
      </c>
      <c r="ON13" s="122">
        <v>531751034</v>
      </c>
      <c r="OO13" s="122">
        <v>624433466</v>
      </c>
      <c r="OP13" s="122">
        <v>410489523</v>
      </c>
      <c r="OQ13" s="123">
        <v>2458218507</v>
      </c>
      <c r="OR13" s="160">
        <v>2490383115</v>
      </c>
    </row>
    <row r="14" spans="1:408" ht="18.75" customHeight="1" x14ac:dyDescent="0.2">
      <c r="A14" s="62" t="s">
        <v>8</v>
      </c>
      <c r="B14" s="112">
        <v>12527199</v>
      </c>
      <c r="C14" s="116">
        <v>17312176</v>
      </c>
      <c r="D14" s="115">
        <v>29839375</v>
      </c>
      <c r="E14" s="111">
        <v>0</v>
      </c>
      <c r="F14" s="116">
        <v>130844762</v>
      </c>
      <c r="G14" s="116">
        <v>177660406</v>
      </c>
      <c r="H14" s="116">
        <v>165136394</v>
      </c>
      <c r="I14" s="116">
        <v>139592013</v>
      </c>
      <c r="J14" s="116">
        <v>119425356</v>
      </c>
      <c r="K14" s="111">
        <v>732658931</v>
      </c>
      <c r="L14" s="118">
        <v>762498306</v>
      </c>
      <c r="M14" s="112">
        <v>2248469</v>
      </c>
      <c r="N14" s="116">
        <v>2958776</v>
      </c>
      <c r="O14" s="115">
        <v>5207245</v>
      </c>
      <c r="P14" s="112">
        <v>0</v>
      </c>
      <c r="Q14" s="116">
        <v>35374940</v>
      </c>
      <c r="R14" s="116">
        <v>55680400</v>
      </c>
      <c r="S14" s="116">
        <v>54586031</v>
      </c>
      <c r="T14" s="116">
        <v>54172615</v>
      </c>
      <c r="U14" s="116">
        <v>61479282</v>
      </c>
      <c r="V14" s="115">
        <v>261293268</v>
      </c>
      <c r="W14" s="118">
        <v>266500513</v>
      </c>
      <c r="X14" s="112">
        <v>0</v>
      </c>
      <c r="Y14" s="116">
        <v>0</v>
      </c>
      <c r="Z14" s="115">
        <v>0</v>
      </c>
      <c r="AA14" s="112">
        <v>0</v>
      </c>
      <c r="AB14" s="116">
        <v>19394738</v>
      </c>
      <c r="AC14" s="116">
        <v>31687449</v>
      </c>
      <c r="AD14" s="116">
        <v>35167386</v>
      </c>
      <c r="AE14" s="116">
        <v>34733280</v>
      </c>
      <c r="AF14" s="116">
        <v>39203173</v>
      </c>
      <c r="AG14" s="115">
        <v>160186026</v>
      </c>
      <c r="AH14" s="118">
        <v>160186026</v>
      </c>
      <c r="AI14" s="112">
        <v>0</v>
      </c>
      <c r="AJ14" s="116">
        <v>0</v>
      </c>
      <c r="AK14" s="115">
        <v>0</v>
      </c>
      <c r="AL14" s="112">
        <v>0</v>
      </c>
      <c r="AM14" s="116">
        <v>225233</v>
      </c>
      <c r="AN14" s="116">
        <v>855359</v>
      </c>
      <c r="AO14" s="116">
        <v>1593119</v>
      </c>
      <c r="AP14" s="116">
        <v>2989647</v>
      </c>
      <c r="AQ14" s="116">
        <v>6206831</v>
      </c>
      <c r="AR14" s="115">
        <v>11870189</v>
      </c>
      <c r="AS14" s="118">
        <v>11870189</v>
      </c>
      <c r="AT14" s="112">
        <v>1317580</v>
      </c>
      <c r="AU14" s="116">
        <v>2137446</v>
      </c>
      <c r="AV14" s="115">
        <v>3455026</v>
      </c>
      <c r="AW14" s="112">
        <v>0</v>
      </c>
      <c r="AX14" s="116">
        <v>8811464</v>
      </c>
      <c r="AY14" s="116">
        <v>13969800</v>
      </c>
      <c r="AZ14" s="116">
        <v>10017801</v>
      </c>
      <c r="BA14" s="116">
        <v>9136597</v>
      </c>
      <c r="BB14" s="116">
        <v>10843735</v>
      </c>
      <c r="BC14" s="115">
        <v>52779397</v>
      </c>
      <c r="BD14" s="118">
        <v>56234423</v>
      </c>
      <c r="BE14" s="112">
        <v>124261</v>
      </c>
      <c r="BF14" s="116">
        <v>384813</v>
      </c>
      <c r="BG14" s="114">
        <v>509074</v>
      </c>
      <c r="BH14" s="113">
        <v>0</v>
      </c>
      <c r="BI14" s="116">
        <v>1565918</v>
      </c>
      <c r="BJ14" s="116">
        <v>2761874</v>
      </c>
      <c r="BK14" s="116">
        <v>1729265</v>
      </c>
      <c r="BL14" s="116">
        <v>1225176</v>
      </c>
      <c r="BM14" s="116">
        <v>725428</v>
      </c>
      <c r="BN14" s="115">
        <v>8007661</v>
      </c>
      <c r="BO14" s="118">
        <v>8516735</v>
      </c>
      <c r="BP14" s="112">
        <v>806628</v>
      </c>
      <c r="BQ14" s="116">
        <v>436517</v>
      </c>
      <c r="BR14" s="115">
        <v>1243145</v>
      </c>
      <c r="BS14" s="112">
        <v>0</v>
      </c>
      <c r="BT14" s="116">
        <v>5377587</v>
      </c>
      <c r="BU14" s="116">
        <v>6405918</v>
      </c>
      <c r="BV14" s="116">
        <v>6078460</v>
      </c>
      <c r="BW14" s="116">
        <v>6087915</v>
      </c>
      <c r="BX14" s="116">
        <v>4500115</v>
      </c>
      <c r="BY14" s="115">
        <v>28449995</v>
      </c>
      <c r="BZ14" s="118">
        <v>29693140</v>
      </c>
      <c r="CA14" s="112">
        <v>1519134</v>
      </c>
      <c r="CB14" s="116">
        <v>3284156</v>
      </c>
      <c r="CC14" s="115">
        <v>4803290</v>
      </c>
      <c r="CD14" s="112">
        <v>0</v>
      </c>
      <c r="CE14" s="116">
        <v>33387733</v>
      </c>
      <c r="CF14" s="116">
        <v>44193006</v>
      </c>
      <c r="CG14" s="116">
        <v>36011560</v>
      </c>
      <c r="CH14" s="116">
        <v>21864249</v>
      </c>
      <c r="CI14" s="116">
        <v>15444710</v>
      </c>
      <c r="CJ14" s="115">
        <v>150901258</v>
      </c>
      <c r="CK14" s="118">
        <v>155704548</v>
      </c>
      <c r="CL14" s="112">
        <v>0</v>
      </c>
      <c r="CM14" s="116">
        <v>0</v>
      </c>
      <c r="CN14" s="115">
        <v>0</v>
      </c>
      <c r="CO14" s="113">
        <v>0</v>
      </c>
      <c r="CP14" s="116">
        <v>29565676</v>
      </c>
      <c r="CQ14" s="116">
        <v>36668734</v>
      </c>
      <c r="CR14" s="116">
        <v>31794760</v>
      </c>
      <c r="CS14" s="116">
        <v>18082359</v>
      </c>
      <c r="CT14" s="116">
        <v>14451777</v>
      </c>
      <c r="CU14" s="115">
        <v>130563306</v>
      </c>
      <c r="CV14" s="118">
        <v>130563306</v>
      </c>
      <c r="CW14" s="112">
        <v>1519134</v>
      </c>
      <c r="CX14" s="116">
        <v>3284156</v>
      </c>
      <c r="CY14" s="115">
        <v>4803290</v>
      </c>
      <c r="CZ14" s="112">
        <v>0</v>
      </c>
      <c r="DA14" s="116">
        <v>3822057</v>
      </c>
      <c r="DB14" s="116">
        <v>7524272</v>
      </c>
      <c r="DC14" s="116">
        <v>4216800</v>
      </c>
      <c r="DD14" s="116">
        <v>3781890</v>
      </c>
      <c r="DE14" s="116">
        <v>992933</v>
      </c>
      <c r="DF14" s="115">
        <v>20337952</v>
      </c>
      <c r="DG14" s="118">
        <v>25141242</v>
      </c>
      <c r="DH14" s="112">
        <v>0</v>
      </c>
      <c r="DI14" s="116">
        <v>344105</v>
      </c>
      <c r="DJ14" s="114">
        <v>344105</v>
      </c>
      <c r="DK14" s="113">
        <v>0</v>
      </c>
      <c r="DL14" s="116">
        <v>3690797</v>
      </c>
      <c r="DM14" s="116">
        <v>9622389</v>
      </c>
      <c r="DN14" s="116">
        <v>21464981</v>
      </c>
      <c r="DO14" s="116">
        <v>12386711</v>
      </c>
      <c r="DP14" s="116">
        <v>8479515</v>
      </c>
      <c r="DQ14" s="115">
        <v>55644393</v>
      </c>
      <c r="DR14" s="118">
        <v>55988498</v>
      </c>
      <c r="DS14" s="112">
        <v>0</v>
      </c>
      <c r="DT14" s="116">
        <v>344105</v>
      </c>
      <c r="DU14" s="115">
        <v>344105</v>
      </c>
      <c r="DV14" s="112">
        <v>0</v>
      </c>
      <c r="DW14" s="116">
        <v>3656206</v>
      </c>
      <c r="DX14" s="116">
        <v>9455791</v>
      </c>
      <c r="DY14" s="116">
        <v>20673533</v>
      </c>
      <c r="DZ14" s="116">
        <v>12386711</v>
      </c>
      <c r="EA14" s="116">
        <v>8443631</v>
      </c>
      <c r="EB14" s="115">
        <v>54615872</v>
      </c>
      <c r="EC14" s="118">
        <v>54959977</v>
      </c>
      <c r="ED14" s="112">
        <v>0</v>
      </c>
      <c r="EE14" s="114">
        <v>0</v>
      </c>
      <c r="EF14" s="115">
        <v>0</v>
      </c>
      <c r="EG14" s="112">
        <v>0</v>
      </c>
      <c r="EH14" s="116">
        <v>34591</v>
      </c>
      <c r="EI14" s="116">
        <v>166598</v>
      </c>
      <c r="EJ14" s="116">
        <v>791448</v>
      </c>
      <c r="EK14" s="116">
        <v>0</v>
      </c>
      <c r="EL14" s="116">
        <v>35884</v>
      </c>
      <c r="EM14" s="114">
        <v>1028521</v>
      </c>
      <c r="EN14" s="118">
        <v>1028521</v>
      </c>
      <c r="EO14" s="112">
        <v>0</v>
      </c>
      <c r="EP14" s="116">
        <v>0</v>
      </c>
      <c r="EQ14" s="114">
        <v>0</v>
      </c>
      <c r="ER14" s="113">
        <v>0</v>
      </c>
      <c r="ES14" s="116">
        <v>0</v>
      </c>
      <c r="ET14" s="116">
        <v>0</v>
      </c>
      <c r="EU14" s="116">
        <v>0</v>
      </c>
      <c r="EV14" s="116">
        <v>0</v>
      </c>
      <c r="EW14" s="116">
        <v>0</v>
      </c>
      <c r="EX14" s="115">
        <v>0</v>
      </c>
      <c r="EY14" s="118">
        <v>0</v>
      </c>
      <c r="EZ14" s="112">
        <v>0</v>
      </c>
      <c r="FA14" s="116">
        <v>0</v>
      </c>
      <c r="FB14" s="114">
        <v>0</v>
      </c>
      <c r="FC14" s="390"/>
      <c r="FD14" s="116">
        <v>0</v>
      </c>
      <c r="FE14" s="116">
        <v>0</v>
      </c>
      <c r="FF14" s="116">
        <v>0</v>
      </c>
      <c r="FG14" s="116">
        <v>0</v>
      </c>
      <c r="FH14" s="116">
        <v>0</v>
      </c>
      <c r="FI14" s="115">
        <v>0</v>
      </c>
      <c r="FJ14" s="118">
        <v>0</v>
      </c>
      <c r="FK14" s="112">
        <v>3234597</v>
      </c>
      <c r="FL14" s="116">
        <v>5822782</v>
      </c>
      <c r="FM14" s="115">
        <v>9057379</v>
      </c>
      <c r="FN14" s="112">
        <v>0</v>
      </c>
      <c r="FO14" s="116">
        <v>9286147</v>
      </c>
      <c r="FP14" s="116">
        <v>20537030</v>
      </c>
      <c r="FQ14" s="116">
        <v>14574036</v>
      </c>
      <c r="FR14" s="116">
        <v>12754756</v>
      </c>
      <c r="FS14" s="116">
        <v>10454593</v>
      </c>
      <c r="FT14" s="115">
        <v>67606562</v>
      </c>
      <c r="FU14" s="118">
        <v>76663941</v>
      </c>
      <c r="FV14" s="117">
        <v>1953407</v>
      </c>
      <c r="FW14" s="116">
        <v>3661366</v>
      </c>
      <c r="FX14" s="114">
        <v>5614773</v>
      </c>
      <c r="FY14" s="113">
        <v>0</v>
      </c>
      <c r="FZ14" s="116">
        <v>6557767</v>
      </c>
      <c r="GA14" s="116">
        <v>18529443</v>
      </c>
      <c r="GB14" s="116">
        <v>13016376</v>
      </c>
      <c r="GC14" s="116">
        <v>11392387</v>
      </c>
      <c r="GD14" s="116">
        <v>9729687</v>
      </c>
      <c r="GE14" s="115">
        <v>59225660</v>
      </c>
      <c r="GF14" s="354">
        <v>64840433</v>
      </c>
      <c r="GG14" s="117">
        <v>242010</v>
      </c>
      <c r="GH14" s="116">
        <v>318140</v>
      </c>
      <c r="GI14" s="114">
        <v>560150</v>
      </c>
      <c r="GJ14" s="113">
        <v>0</v>
      </c>
      <c r="GK14" s="116">
        <v>733786</v>
      </c>
      <c r="GL14" s="116">
        <v>1214039</v>
      </c>
      <c r="GM14" s="116">
        <v>910278</v>
      </c>
      <c r="GN14" s="116">
        <v>529749</v>
      </c>
      <c r="GO14" s="116">
        <v>349604</v>
      </c>
      <c r="GP14" s="115">
        <v>3737456</v>
      </c>
      <c r="GQ14" s="118">
        <v>4297606</v>
      </c>
      <c r="GR14" s="112">
        <v>1039180</v>
      </c>
      <c r="GS14" s="116">
        <v>1843276</v>
      </c>
      <c r="GT14" s="115">
        <v>2882456</v>
      </c>
      <c r="GU14" s="112">
        <v>0</v>
      </c>
      <c r="GV14" s="116">
        <v>1994594</v>
      </c>
      <c r="GW14" s="116">
        <v>793548</v>
      </c>
      <c r="GX14" s="116">
        <v>647382</v>
      </c>
      <c r="GY14" s="116">
        <v>832620</v>
      </c>
      <c r="GZ14" s="116">
        <v>375302</v>
      </c>
      <c r="HA14" s="114">
        <v>4643446</v>
      </c>
      <c r="HB14" s="118">
        <v>7525902</v>
      </c>
      <c r="HC14" s="112">
        <v>3242526</v>
      </c>
      <c r="HD14" s="116">
        <v>1688023</v>
      </c>
      <c r="HE14" s="114">
        <v>4930549</v>
      </c>
      <c r="HF14" s="113">
        <v>0</v>
      </c>
      <c r="HG14" s="116">
        <v>23107369</v>
      </c>
      <c r="HH14" s="116">
        <v>19698943</v>
      </c>
      <c r="HI14" s="116">
        <v>19745690</v>
      </c>
      <c r="HJ14" s="116">
        <v>26756156</v>
      </c>
      <c r="HK14" s="116">
        <v>15425267</v>
      </c>
      <c r="HL14" s="115">
        <v>104733425</v>
      </c>
      <c r="HM14" s="111">
        <v>109663974</v>
      </c>
      <c r="HN14" s="117">
        <v>2282473</v>
      </c>
      <c r="HO14" s="116">
        <v>3214334</v>
      </c>
      <c r="HP14" s="115">
        <v>5496807</v>
      </c>
      <c r="HQ14" s="112">
        <v>0</v>
      </c>
      <c r="HR14" s="116">
        <v>25997776</v>
      </c>
      <c r="HS14" s="116">
        <v>27928638</v>
      </c>
      <c r="HT14" s="116">
        <v>18754096</v>
      </c>
      <c r="HU14" s="116">
        <v>11657526</v>
      </c>
      <c r="HV14" s="116">
        <v>8141989</v>
      </c>
      <c r="HW14" s="114">
        <v>92480025</v>
      </c>
      <c r="HX14" s="118">
        <v>97976832</v>
      </c>
      <c r="HY14" s="148">
        <v>313003</v>
      </c>
      <c r="HZ14" s="149">
        <v>888972</v>
      </c>
      <c r="IA14" s="150">
        <v>1201975</v>
      </c>
      <c r="IB14" s="151">
        <v>0</v>
      </c>
      <c r="IC14" s="152">
        <v>55804525</v>
      </c>
      <c r="ID14" s="153">
        <v>65672090</v>
      </c>
      <c r="IE14" s="154">
        <v>64394672</v>
      </c>
      <c r="IF14" s="152">
        <v>42995617</v>
      </c>
      <c r="IG14" s="154">
        <v>23730950</v>
      </c>
      <c r="IH14" s="155">
        <v>252597854</v>
      </c>
      <c r="II14" s="156">
        <v>253799829</v>
      </c>
      <c r="IJ14" s="261">
        <v>0</v>
      </c>
      <c r="IK14" s="268">
        <v>0</v>
      </c>
      <c r="IL14" s="269">
        <v>0</v>
      </c>
      <c r="IM14" s="157"/>
      <c r="IN14" s="122">
        <v>351828</v>
      </c>
      <c r="IO14" s="122">
        <v>1166394</v>
      </c>
      <c r="IP14" s="122">
        <v>968205</v>
      </c>
      <c r="IQ14" s="122">
        <v>1837924</v>
      </c>
      <c r="IR14" s="122">
        <v>1229448</v>
      </c>
      <c r="IS14" s="158">
        <v>5553799</v>
      </c>
      <c r="IT14" s="357">
        <v>5553799</v>
      </c>
      <c r="IU14" s="159">
        <v>0</v>
      </c>
      <c r="IV14" s="122">
        <v>0</v>
      </c>
      <c r="IW14" s="123">
        <v>0</v>
      </c>
      <c r="IX14" s="161"/>
      <c r="IY14" s="122">
        <v>25489</v>
      </c>
      <c r="IZ14" s="122">
        <v>64828</v>
      </c>
      <c r="JA14" s="122">
        <v>18566</v>
      </c>
      <c r="JB14" s="122">
        <v>44055</v>
      </c>
      <c r="JC14" s="122">
        <v>53635</v>
      </c>
      <c r="JD14" s="123">
        <v>206573</v>
      </c>
      <c r="JE14" s="124">
        <v>206573</v>
      </c>
      <c r="JF14" s="159">
        <v>0</v>
      </c>
      <c r="JG14" s="122">
        <v>0</v>
      </c>
      <c r="JH14" s="158">
        <v>0</v>
      </c>
      <c r="JI14" s="121">
        <v>0</v>
      </c>
      <c r="JJ14" s="122">
        <v>24683695</v>
      </c>
      <c r="JK14" s="122">
        <v>28622324</v>
      </c>
      <c r="JL14" s="122">
        <v>20011078</v>
      </c>
      <c r="JM14" s="122">
        <v>12455569</v>
      </c>
      <c r="JN14" s="122">
        <v>5627899</v>
      </c>
      <c r="JO14" s="123">
        <v>91400565</v>
      </c>
      <c r="JP14" s="357">
        <v>91400565</v>
      </c>
      <c r="JQ14" s="159">
        <v>0</v>
      </c>
      <c r="JR14" s="122">
        <v>0</v>
      </c>
      <c r="JS14" s="158">
        <v>0</v>
      </c>
      <c r="JT14" s="121">
        <v>0</v>
      </c>
      <c r="JU14" s="122">
        <v>576506</v>
      </c>
      <c r="JV14" s="122">
        <v>1498780</v>
      </c>
      <c r="JW14" s="122">
        <v>1043854</v>
      </c>
      <c r="JX14" s="122">
        <v>598741</v>
      </c>
      <c r="JY14" s="122">
        <v>823507</v>
      </c>
      <c r="JZ14" s="123">
        <v>4541388</v>
      </c>
      <c r="KA14" s="357">
        <v>4541388</v>
      </c>
      <c r="KB14" s="264">
        <v>313003</v>
      </c>
      <c r="KC14" s="258">
        <v>888972</v>
      </c>
      <c r="KD14" s="123">
        <v>1201975</v>
      </c>
      <c r="KE14" s="121">
        <v>0</v>
      </c>
      <c r="KF14" s="122">
        <v>11365465</v>
      </c>
      <c r="KG14" s="122">
        <v>10427902</v>
      </c>
      <c r="KH14" s="122">
        <v>11876352</v>
      </c>
      <c r="KI14" s="122">
        <v>5178507</v>
      </c>
      <c r="KJ14" s="122">
        <v>2153703</v>
      </c>
      <c r="KK14" s="123">
        <v>41001929</v>
      </c>
      <c r="KL14" s="160">
        <v>42203904</v>
      </c>
      <c r="KM14" s="261">
        <v>0</v>
      </c>
      <c r="KN14" s="268">
        <v>0</v>
      </c>
      <c r="KO14" s="269">
        <v>0</v>
      </c>
      <c r="KP14" s="157"/>
      <c r="KQ14" s="122">
        <v>15701987</v>
      </c>
      <c r="KR14" s="122">
        <v>18952159</v>
      </c>
      <c r="KS14" s="122">
        <v>21163545</v>
      </c>
      <c r="KT14" s="122">
        <v>12975968</v>
      </c>
      <c r="KU14" s="122">
        <v>7625206</v>
      </c>
      <c r="KV14" s="123">
        <v>76418865</v>
      </c>
      <c r="KW14" s="357">
        <v>76418865</v>
      </c>
      <c r="KX14" s="159">
        <v>0</v>
      </c>
      <c r="KY14" s="122">
        <v>0</v>
      </c>
      <c r="KZ14" s="123">
        <v>0</v>
      </c>
      <c r="LA14" s="162"/>
      <c r="LB14" s="122">
        <v>318028</v>
      </c>
      <c r="LC14" s="122">
        <v>1933985</v>
      </c>
      <c r="LD14" s="122">
        <v>2051563</v>
      </c>
      <c r="LE14" s="122">
        <v>2929698</v>
      </c>
      <c r="LF14" s="122">
        <v>708719</v>
      </c>
      <c r="LG14" s="123">
        <v>7941993</v>
      </c>
      <c r="LH14" s="124">
        <v>7941993</v>
      </c>
      <c r="LI14" s="159">
        <v>0</v>
      </c>
      <c r="LJ14" s="122">
        <v>0</v>
      </c>
      <c r="LK14" s="123">
        <v>0</v>
      </c>
      <c r="LL14" s="162"/>
      <c r="LM14" s="122">
        <v>0</v>
      </c>
      <c r="LN14" s="122">
        <v>624564</v>
      </c>
      <c r="LO14" s="122">
        <v>4722223</v>
      </c>
      <c r="LP14" s="122">
        <v>4541732</v>
      </c>
      <c r="LQ14" s="122">
        <v>2873798</v>
      </c>
      <c r="LR14" s="123">
        <v>12762317</v>
      </c>
      <c r="LS14" s="357">
        <v>12762317</v>
      </c>
      <c r="LT14" s="159">
        <v>0</v>
      </c>
      <c r="LU14" s="122">
        <v>0</v>
      </c>
      <c r="LV14" s="123">
        <v>0</v>
      </c>
      <c r="LW14" s="162"/>
      <c r="LX14" s="122">
        <v>2781527</v>
      </c>
      <c r="LY14" s="122">
        <v>2381154</v>
      </c>
      <c r="LZ14" s="122">
        <v>2539286</v>
      </c>
      <c r="MA14" s="122">
        <v>2433423</v>
      </c>
      <c r="MB14" s="122">
        <v>2635035</v>
      </c>
      <c r="MC14" s="123">
        <v>12770425</v>
      </c>
      <c r="MD14" s="124">
        <v>12770425</v>
      </c>
      <c r="ME14" s="159">
        <v>0</v>
      </c>
      <c r="MF14" s="122">
        <v>0</v>
      </c>
      <c r="MG14" s="123">
        <v>0</v>
      </c>
      <c r="MH14" s="162"/>
      <c r="MI14" s="122">
        <v>17292075</v>
      </c>
      <c r="MJ14" s="122">
        <v>38233035</v>
      </c>
      <c r="MK14" s="122">
        <v>119718658</v>
      </c>
      <c r="ML14" s="122">
        <v>132192515</v>
      </c>
      <c r="MM14" s="122">
        <v>80735383</v>
      </c>
      <c r="MN14" s="123">
        <v>388171666</v>
      </c>
      <c r="MO14" s="160">
        <v>388171666</v>
      </c>
      <c r="MP14" s="159">
        <v>0</v>
      </c>
      <c r="MQ14" s="122">
        <v>0</v>
      </c>
      <c r="MR14" s="123">
        <v>0</v>
      </c>
      <c r="MS14" s="162"/>
      <c r="MT14" s="122">
        <v>5505666</v>
      </c>
      <c r="MU14" s="122">
        <v>12896478</v>
      </c>
      <c r="MV14" s="122">
        <v>78596629</v>
      </c>
      <c r="MW14" s="122">
        <v>90290630</v>
      </c>
      <c r="MX14" s="122">
        <v>59925313</v>
      </c>
      <c r="MY14" s="123">
        <v>247214716</v>
      </c>
      <c r="MZ14" s="160">
        <v>247214716</v>
      </c>
      <c r="NA14" s="159">
        <v>0</v>
      </c>
      <c r="NB14" s="122">
        <v>0</v>
      </c>
      <c r="NC14" s="123">
        <v>0</v>
      </c>
      <c r="ND14" s="162"/>
      <c r="NE14" s="122">
        <v>11588481</v>
      </c>
      <c r="NF14" s="122">
        <v>25336557</v>
      </c>
      <c r="NG14" s="122">
        <v>40837377</v>
      </c>
      <c r="NH14" s="122">
        <v>38734141</v>
      </c>
      <c r="NI14" s="122">
        <v>18103051</v>
      </c>
      <c r="NJ14" s="123">
        <v>134599607</v>
      </c>
      <c r="NK14" s="357">
        <v>134599607</v>
      </c>
      <c r="NL14" s="159">
        <v>0</v>
      </c>
      <c r="NM14" s="122">
        <v>0</v>
      </c>
      <c r="NN14" s="123">
        <v>0</v>
      </c>
      <c r="NO14" s="162"/>
      <c r="NP14" s="122">
        <v>0</v>
      </c>
      <c r="NQ14" s="122">
        <v>0</v>
      </c>
      <c r="NR14" s="122">
        <v>0</v>
      </c>
      <c r="NS14" s="122">
        <v>1200818</v>
      </c>
      <c r="NT14" s="122">
        <v>775757</v>
      </c>
      <c r="NU14" s="123">
        <v>1976575</v>
      </c>
      <c r="NV14" s="124">
        <v>1976575</v>
      </c>
      <c r="NW14" s="159">
        <v>0</v>
      </c>
      <c r="NX14" s="122">
        <v>0</v>
      </c>
      <c r="NY14" s="123">
        <v>0</v>
      </c>
      <c r="NZ14" s="162"/>
      <c r="OA14" s="122">
        <v>197928</v>
      </c>
      <c r="OB14" s="122">
        <v>0</v>
      </c>
      <c r="OC14" s="122">
        <v>284652</v>
      </c>
      <c r="OD14" s="122">
        <v>1966926</v>
      </c>
      <c r="OE14" s="122">
        <v>1931262</v>
      </c>
      <c r="OF14" s="123">
        <v>4380768</v>
      </c>
      <c r="OG14" s="124">
        <v>4380768</v>
      </c>
      <c r="OH14" s="159">
        <v>12840202</v>
      </c>
      <c r="OI14" s="122">
        <v>18201148</v>
      </c>
      <c r="OJ14" s="158">
        <v>31041350</v>
      </c>
      <c r="OK14" s="121">
        <v>0</v>
      </c>
      <c r="OL14" s="122">
        <v>203941362</v>
      </c>
      <c r="OM14" s="122">
        <v>281565531</v>
      </c>
      <c r="ON14" s="122">
        <v>349249724</v>
      </c>
      <c r="OO14" s="122">
        <v>314780145</v>
      </c>
      <c r="OP14" s="122">
        <v>223891689</v>
      </c>
      <c r="OQ14" s="123">
        <v>1373428451</v>
      </c>
      <c r="OR14" s="160">
        <v>1404469801</v>
      </c>
    </row>
    <row r="15" spans="1:408" ht="18.75" customHeight="1" x14ac:dyDescent="0.2">
      <c r="A15" s="62" t="s">
        <v>9</v>
      </c>
      <c r="B15" s="112">
        <v>9226452</v>
      </c>
      <c r="C15" s="116">
        <v>14163447</v>
      </c>
      <c r="D15" s="115">
        <v>23389899</v>
      </c>
      <c r="E15" s="113">
        <v>0</v>
      </c>
      <c r="F15" s="116">
        <v>130074816</v>
      </c>
      <c r="G15" s="116">
        <v>138322495</v>
      </c>
      <c r="H15" s="116">
        <v>136916316</v>
      </c>
      <c r="I15" s="116">
        <v>153647425</v>
      </c>
      <c r="J15" s="116">
        <v>119285759</v>
      </c>
      <c r="K15" s="111">
        <v>678246811</v>
      </c>
      <c r="L15" s="118">
        <v>701636710</v>
      </c>
      <c r="M15" s="112">
        <v>1633022</v>
      </c>
      <c r="N15" s="116">
        <v>2758818</v>
      </c>
      <c r="O15" s="115">
        <v>4391840</v>
      </c>
      <c r="P15" s="112">
        <v>0</v>
      </c>
      <c r="Q15" s="116">
        <v>39337813</v>
      </c>
      <c r="R15" s="116">
        <v>44182629</v>
      </c>
      <c r="S15" s="116">
        <v>47907982</v>
      </c>
      <c r="T15" s="116">
        <v>66811153</v>
      </c>
      <c r="U15" s="116">
        <v>65249096</v>
      </c>
      <c r="V15" s="115">
        <v>263488673</v>
      </c>
      <c r="W15" s="118">
        <v>267880513</v>
      </c>
      <c r="X15" s="112">
        <v>0</v>
      </c>
      <c r="Y15" s="116">
        <v>0</v>
      </c>
      <c r="Z15" s="115">
        <v>0</v>
      </c>
      <c r="AA15" s="112">
        <v>0</v>
      </c>
      <c r="AB15" s="116">
        <v>18338822</v>
      </c>
      <c r="AC15" s="116">
        <v>23774156</v>
      </c>
      <c r="AD15" s="116">
        <v>28070441</v>
      </c>
      <c r="AE15" s="116">
        <v>43617969</v>
      </c>
      <c r="AF15" s="116">
        <v>41822180</v>
      </c>
      <c r="AG15" s="115">
        <v>155623568</v>
      </c>
      <c r="AH15" s="118">
        <v>155623568</v>
      </c>
      <c r="AI15" s="112">
        <v>0</v>
      </c>
      <c r="AJ15" s="116">
        <v>0</v>
      </c>
      <c r="AK15" s="115">
        <v>0</v>
      </c>
      <c r="AL15" s="112">
        <v>0</v>
      </c>
      <c r="AM15" s="116">
        <v>421140</v>
      </c>
      <c r="AN15" s="116">
        <v>505596</v>
      </c>
      <c r="AO15" s="116">
        <v>1084688</v>
      </c>
      <c r="AP15" s="116">
        <v>3112381</v>
      </c>
      <c r="AQ15" s="116">
        <v>6440089</v>
      </c>
      <c r="AR15" s="115">
        <v>11563894</v>
      </c>
      <c r="AS15" s="118">
        <v>11563894</v>
      </c>
      <c r="AT15" s="112">
        <v>563745</v>
      </c>
      <c r="AU15" s="116">
        <v>1631279</v>
      </c>
      <c r="AV15" s="115">
        <v>2195024</v>
      </c>
      <c r="AW15" s="112">
        <v>0</v>
      </c>
      <c r="AX15" s="116">
        <v>13058831</v>
      </c>
      <c r="AY15" s="116">
        <v>11361909</v>
      </c>
      <c r="AZ15" s="116">
        <v>9388683</v>
      </c>
      <c r="BA15" s="116">
        <v>11004337</v>
      </c>
      <c r="BB15" s="116">
        <v>10133285</v>
      </c>
      <c r="BC15" s="115">
        <v>54947045</v>
      </c>
      <c r="BD15" s="118">
        <v>57142069</v>
      </c>
      <c r="BE15" s="112">
        <v>141351</v>
      </c>
      <c r="BF15" s="116">
        <v>430713</v>
      </c>
      <c r="BG15" s="114">
        <v>572064</v>
      </c>
      <c r="BH15" s="113">
        <v>0</v>
      </c>
      <c r="BI15" s="116">
        <v>1422167</v>
      </c>
      <c r="BJ15" s="116">
        <v>1526883</v>
      </c>
      <c r="BK15" s="116">
        <v>1535174</v>
      </c>
      <c r="BL15" s="116">
        <v>1485159</v>
      </c>
      <c r="BM15" s="116">
        <v>1422029</v>
      </c>
      <c r="BN15" s="115">
        <v>7391412</v>
      </c>
      <c r="BO15" s="118">
        <v>7963476</v>
      </c>
      <c r="BP15" s="112">
        <v>927926</v>
      </c>
      <c r="BQ15" s="116">
        <v>696826</v>
      </c>
      <c r="BR15" s="115">
        <v>1624752</v>
      </c>
      <c r="BS15" s="112">
        <v>0</v>
      </c>
      <c r="BT15" s="116">
        <v>6096853</v>
      </c>
      <c r="BU15" s="116">
        <v>7014085</v>
      </c>
      <c r="BV15" s="116">
        <v>7828996</v>
      </c>
      <c r="BW15" s="116">
        <v>7591307</v>
      </c>
      <c r="BX15" s="116">
        <v>5431513</v>
      </c>
      <c r="BY15" s="115">
        <v>33962754</v>
      </c>
      <c r="BZ15" s="118">
        <v>35587506</v>
      </c>
      <c r="CA15" s="112">
        <v>746243</v>
      </c>
      <c r="CB15" s="116">
        <v>2273458</v>
      </c>
      <c r="CC15" s="115">
        <v>3019701</v>
      </c>
      <c r="CD15" s="112">
        <v>0</v>
      </c>
      <c r="CE15" s="116">
        <v>27403563</v>
      </c>
      <c r="CF15" s="116">
        <v>27912334</v>
      </c>
      <c r="CG15" s="116">
        <v>22399636</v>
      </c>
      <c r="CH15" s="116">
        <v>17891624</v>
      </c>
      <c r="CI15" s="116">
        <v>7168040</v>
      </c>
      <c r="CJ15" s="115">
        <v>102775197</v>
      </c>
      <c r="CK15" s="118">
        <v>105794898</v>
      </c>
      <c r="CL15" s="112">
        <v>0</v>
      </c>
      <c r="CM15" s="116">
        <v>0</v>
      </c>
      <c r="CN15" s="115">
        <v>0</v>
      </c>
      <c r="CO15" s="113">
        <v>0</v>
      </c>
      <c r="CP15" s="116">
        <v>22820879</v>
      </c>
      <c r="CQ15" s="116">
        <v>21746669</v>
      </c>
      <c r="CR15" s="116">
        <v>18127085</v>
      </c>
      <c r="CS15" s="116">
        <v>12657728</v>
      </c>
      <c r="CT15" s="116">
        <v>5884329</v>
      </c>
      <c r="CU15" s="115">
        <v>81236690</v>
      </c>
      <c r="CV15" s="118">
        <v>81236690</v>
      </c>
      <c r="CW15" s="112">
        <v>746243</v>
      </c>
      <c r="CX15" s="116">
        <v>2273458</v>
      </c>
      <c r="CY15" s="115">
        <v>3019701</v>
      </c>
      <c r="CZ15" s="112">
        <v>0</v>
      </c>
      <c r="DA15" s="116">
        <v>4582684</v>
      </c>
      <c r="DB15" s="116">
        <v>6165665</v>
      </c>
      <c r="DC15" s="116">
        <v>4272551</v>
      </c>
      <c r="DD15" s="116">
        <v>5233896</v>
      </c>
      <c r="DE15" s="116">
        <v>1283711</v>
      </c>
      <c r="DF15" s="115">
        <v>21538507</v>
      </c>
      <c r="DG15" s="118">
        <v>24558208</v>
      </c>
      <c r="DH15" s="112">
        <v>58111</v>
      </c>
      <c r="DI15" s="116">
        <v>56122</v>
      </c>
      <c r="DJ15" s="114">
        <v>114233</v>
      </c>
      <c r="DK15" s="113">
        <v>0</v>
      </c>
      <c r="DL15" s="116">
        <v>2820120</v>
      </c>
      <c r="DM15" s="116">
        <v>7382750</v>
      </c>
      <c r="DN15" s="116">
        <v>15323817</v>
      </c>
      <c r="DO15" s="116">
        <v>14322382</v>
      </c>
      <c r="DP15" s="116">
        <v>7201836</v>
      </c>
      <c r="DQ15" s="115">
        <v>47050905</v>
      </c>
      <c r="DR15" s="118">
        <v>47165138</v>
      </c>
      <c r="DS15" s="112">
        <v>58111</v>
      </c>
      <c r="DT15" s="116">
        <v>56122</v>
      </c>
      <c r="DU15" s="115">
        <v>114233</v>
      </c>
      <c r="DV15" s="112">
        <v>0</v>
      </c>
      <c r="DW15" s="116">
        <v>2525504</v>
      </c>
      <c r="DX15" s="116">
        <v>6013743</v>
      </c>
      <c r="DY15" s="116">
        <v>12923674</v>
      </c>
      <c r="DZ15" s="116">
        <v>12779949</v>
      </c>
      <c r="EA15" s="116">
        <v>6538315</v>
      </c>
      <c r="EB15" s="115">
        <v>40781185</v>
      </c>
      <c r="EC15" s="118">
        <v>40895418</v>
      </c>
      <c r="ED15" s="112">
        <v>0</v>
      </c>
      <c r="EE15" s="114">
        <v>0</v>
      </c>
      <c r="EF15" s="115">
        <v>0</v>
      </c>
      <c r="EG15" s="112">
        <v>0</v>
      </c>
      <c r="EH15" s="116">
        <v>294616</v>
      </c>
      <c r="EI15" s="116">
        <v>1369007</v>
      </c>
      <c r="EJ15" s="116">
        <v>2400143</v>
      </c>
      <c r="EK15" s="116">
        <v>1542433</v>
      </c>
      <c r="EL15" s="116">
        <v>663521</v>
      </c>
      <c r="EM15" s="114">
        <v>6269720</v>
      </c>
      <c r="EN15" s="118">
        <v>6269720</v>
      </c>
      <c r="EO15" s="112">
        <v>0</v>
      </c>
      <c r="EP15" s="116">
        <v>0</v>
      </c>
      <c r="EQ15" s="114">
        <v>0</v>
      </c>
      <c r="ER15" s="113">
        <v>0</v>
      </c>
      <c r="ES15" s="116">
        <v>0</v>
      </c>
      <c r="ET15" s="116">
        <v>0</v>
      </c>
      <c r="EU15" s="116">
        <v>0</v>
      </c>
      <c r="EV15" s="116">
        <v>0</v>
      </c>
      <c r="EW15" s="116">
        <v>0</v>
      </c>
      <c r="EX15" s="115">
        <v>0</v>
      </c>
      <c r="EY15" s="118">
        <v>0</v>
      </c>
      <c r="EZ15" s="112">
        <v>0</v>
      </c>
      <c r="FA15" s="116">
        <v>0</v>
      </c>
      <c r="FB15" s="114">
        <v>0</v>
      </c>
      <c r="FC15" s="390"/>
      <c r="FD15" s="116">
        <v>0</v>
      </c>
      <c r="FE15" s="116">
        <v>0</v>
      </c>
      <c r="FF15" s="116">
        <v>0</v>
      </c>
      <c r="FG15" s="116">
        <v>0</v>
      </c>
      <c r="FH15" s="116">
        <v>0</v>
      </c>
      <c r="FI15" s="115">
        <v>0</v>
      </c>
      <c r="FJ15" s="118">
        <v>0</v>
      </c>
      <c r="FK15" s="112">
        <v>2058677</v>
      </c>
      <c r="FL15" s="116">
        <v>3221605</v>
      </c>
      <c r="FM15" s="115">
        <v>5280282</v>
      </c>
      <c r="FN15" s="112">
        <v>0</v>
      </c>
      <c r="FO15" s="116">
        <v>8422038</v>
      </c>
      <c r="FP15" s="116">
        <v>12644219</v>
      </c>
      <c r="FQ15" s="116">
        <v>10488875</v>
      </c>
      <c r="FR15" s="116">
        <v>11890509</v>
      </c>
      <c r="FS15" s="116">
        <v>8740813</v>
      </c>
      <c r="FT15" s="115">
        <v>52186454</v>
      </c>
      <c r="FU15" s="118">
        <v>57466736</v>
      </c>
      <c r="FV15" s="117">
        <v>1834655</v>
      </c>
      <c r="FW15" s="116">
        <v>2722885</v>
      </c>
      <c r="FX15" s="114">
        <v>4557540</v>
      </c>
      <c r="FY15" s="113">
        <v>0</v>
      </c>
      <c r="FZ15" s="116">
        <v>7497932</v>
      </c>
      <c r="GA15" s="116">
        <v>12259667</v>
      </c>
      <c r="GB15" s="116">
        <v>10196385</v>
      </c>
      <c r="GC15" s="116">
        <v>11560265</v>
      </c>
      <c r="GD15" s="116">
        <v>8507990</v>
      </c>
      <c r="GE15" s="115">
        <v>50022239</v>
      </c>
      <c r="GF15" s="354">
        <v>54579779</v>
      </c>
      <c r="GG15" s="117">
        <v>152022</v>
      </c>
      <c r="GH15" s="116">
        <v>219720</v>
      </c>
      <c r="GI15" s="114">
        <v>371742</v>
      </c>
      <c r="GJ15" s="113">
        <v>0</v>
      </c>
      <c r="GK15" s="116">
        <v>432818</v>
      </c>
      <c r="GL15" s="116">
        <v>353052</v>
      </c>
      <c r="GM15" s="116">
        <v>292490</v>
      </c>
      <c r="GN15" s="116">
        <v>265844</v>
      </c>
      <c r="GO15" s="116">
        <v>97823</v>
      </c>
      <c r="GP15" s="115">
        <v>1442027</v>
      </c>
      <c r="GQ15" s="118">
        <v>1813769</v>
      </c>
      <c r="GR15" s="112">
        <v>72000</v>
      </c>
      <c r="GS15" s="116">
        <v>279000</v>
      </c>
      <c r="GT15" s="115">
        <v>351000</v>
      </c>
      <c r="GU15" s="112">
        <v>0</v>
      </c>
      <c r="GV15" s="116">
        <v>491288</v>
      </c>
      <c r="GW15" s="116">
        <v>31500</v>
      </c>
      <c r="GX15" s="116">
        <v>0</v>
      </c>
      <c r="GY15" s="116">
        <v>64400</v>
      </c>
      <c r="GZ15" s="116">
        <v>135000</v>
      </c>
      <c r="HA15" s="114">
        <v>722188</v>
      </c>
      <c r="HB15" s="118">
        <v>1073188</v>
      </c>
      <c r="HC15" s="112">
        <v>2752334</v>
      </c>
      <c r="HD15" s="116">
        <v>3184900</v>
      </c>
      <c r="HE15" s="114">
        <v>5937234</v>
      </c>
      <c r="HF15" s="113">
        <v>0</v>
      </c>
      <c r="HG15" s="116">
        <v>27053439</v>
      </c>
      <c r="HH15" s="116">
        <v>26947319</v>
      </c>
      <c r="HI15" s="116">
        <v>26827829</v>
      </c>
      <c r="HJ15" s="116">
        <v>31188142</v>
      </c>
      <c r="HK15" s="116">
        <v>24054013</v>
      </c>
      <c r="HL15" s="115">
        <v>136070742</v>
      </c>
      <c r="HM15" s="111">
        <v>142007976</v>
      </c>
      <c r="HN15" s="117">
        <v>1978065</v>
      </c>
      <c r="HO15" s="116">
        <v>2668544</v>
      </c>
      <c r="HP15" s="115">
        <v>4646609</v>
      </c>
      <c r="HQ15" s="112">
        <v>0</v>
      </c>
      <c r="HR15" s="116">
        <v>25037843</v>
      </c>
      <c r="HS15" s="116">
        <v>19253244</v>
      </c>
      <c r="HT15" s="116">
        <v>13968177</v>
      </c>
      <c r="HU15" s="116">
        <v>11543615</v>
      </c>
      <c r="HV15" s="116">
        <v>6871961</v>
      </c>
      <c r="HW15" s="114">
        <v>76674840</v>
      </c>
      <c r="HX15" s="118">
        <v>81321449</v>
      </c>
      <c r="HY15" s="131">
        <v>226097</v>
      </c>
      <c r="HZ15" s="166">
        <v>748398</v>
      </c>
      <c r="IA15" s="133">
        <v>974495</v>
      </c>
      <c r="IB15" s="163">
        <v>0</v>
      </c>
      <c r="IC15" s="149">
        <v>29650074</v>
      </c>
      <c r="ID15" s="164">
        <v>36106598</v>
      </c>
      <c r="IE15" s="150">
        <v>46639549</v>
      </c>
      <c r="IF15" s="149">
        <v>30572360</v>
      </c>
      <c r="IG15" s="150">
        <v>18987250</v>
      </c>
      <c r="IH15" s="165">
        <v>161955831</v>
      </c>
      <c r="II15" s="137">
        <v>162930326</v>
      </c>
      <c r="IJ15" s="261">
        <v>0</v>
      </c>
      <c r="IK15" s="268">
        <v>0</v>
      </c>
      <c r="IL15" s="269">
        <v>0</v>
      </c>
      <c r="IM15" s="157"/>
      <c r="IN15" s="122">
        <v>470667</v>
      </c>
      <c r="IO15" s="122">
        <v>634748</v>
      </c>
      <c r="IP15" s="122">
        <v>553787</v>
      </c>
      <c r="IQ15" s="122">
        <v>2564195</v>
      </c>
      <c r="IR15" s="122">
        <v>1599927</v>
      </c>
      <c r="IS15" s="158">
        <v>5823324</v>
      </c>
      <c r="IT15" s="357">
        <v>5823324</v>
      </c>
      <c r="IU15" s="159">
        <v>0</v>
      </c>
      <c r="IV15" s="122">
        <v>0</v>
      </c>
      <c r="IW15" s="123">
        <v>0</v>
      </c>
      <c r="IX15" s="161"/>
      <c r="IY15" s="122">
        <v>0</v>
      </c>
      <c r="IZ15" s="122">
        <v>0</v>
      </c>
      <c r="JA15" s="122">
        <v>0</v>
      </c>
      <c r="JB15" s="122">
        <v>0</v>
      </c>
      <c r="JC15" s="122">
        <v>0</v>
      </c>
      <c r="JD15" s="123">
        <v>0</v>
      </c>
      <c r="JE15" s="124">
        <v>0</v>
      </c>
      <c r="JF15" s="159">
        <v>0</v>
      </c>
      <c r="JG15" s="122">
        <v>0</v>
      </c>
      <c r="JH15" s="158">
        <v>0</v>
      </c>
      <c r="JI15" s="121">
        <v>0</v>
      </c>
      <c r="JJ15" s="122">
        <v>15434642</v>
      </c>
      <c r="JK15" s="122">
        <v>15045453</v>
      </c>
      <c r="JL15" s="122">
        <v>13678241</v>
      </c>
      <c r="JM15" s="122">
        <v>7586770</v>
      </c>
      <c r="JN15" s="122">
        <v>3236690</v>
      </c>
      <c r="JO15" s="123">
        <v>54981796</v>
      </c>
      <c r="JP15" s="357">
        <v>54981796</v>
      </c>
      <c r="JQ15" s="159">
        <v>0</v>
      </c>
      <c r="JR15" s="122">
        <v>0</v>
      </c>
      <c r="JS15" s="158">
        <v>0</v>
      </c>
      <c r="JT15" s="121">
        <v>0</v>
      </c>
      <c r="JU15" s="122">
        <v>337409</v>
      </c>
      <c r="JV15" s="122">
        <v>335811</v>
      </c>
      <c r="JW15" s="122">
        <v>432891</v>
      </c>
      <c r="JX15" s="122">
        <v>787101</v>
      </c>
      <c r="JY15" s="122">
        <v>560328</v>
      </c>
      <c r="JZ15" s="123">
        <v>2453540</v>
      </c>
      <c r="KA15" s="357">
        <v>2453540</v>
      </c>
      <c r="KB15" s="264">
        <v>226097</v>
      </c>
      <c r="KC15" s="258">
        <v>519345</v>
      </c>
      <c r="KD15" s="123">
        <v>745442</v>
      </c>
      <c r="KE15" s="121">
        <v>0</v>
      </c>
      <c r="KF15" s="122">
        <v>5065305</v>
      </c>
      <c r="KG15" s="122">
        <v>5928786</v>
      </c>
      <c r="KH15" s="122">
        <v>4861885</v>
      </c>
      <c r="KI15" s="122">
        <v>5253315</v>
      </c>
      <c r="KJ15" s="122">
        <v>884909</v>
      </c>
      <c r="KK15" s="123">
        <v>21994200</v>
      </c>
      <c r="KL15" s="160">
        <v>22739642</v>
      </c>
      <c r="KM15" s="261">
        <v>0</v>
      </c>
      <c r="KN15" s="268">
        <v>229053</v>
      </c>
      <c r="KO15" s="269">
        <v>229053</v>
      </c>
      <c r="KP15" s="157"/>
      <c r="KQ15" s="122">
        <v>7048612</v>
      </c>
      <c r="KR15" s="122">
        <v>12461494</v>
      </c>
      <c r="KS15" s="122">
        <v>23317233</v>
      </c>
      <c r="KT15" s="122">
        <v>10225439</v>
      </c>
      <c r="KU15" s="122">
        <v>7191905</v>
      </c>
      <c r="KV15" s="123">
        <v>60244683</v>
      </c>
      <c r="KW15" s="357">
        <v>60473736</v>
      </c>
      <c r="KX15" s="159">
        <v>0</v>
      </c>
      <c r="KY15" s="122">
        <v>0</v>
      </c>
      <c r="KZ15" s="123">
        <v>0</v>
      </c>
      <c r="LA15" s="162"/>
      <c r="LB15" s="122">
        <v>473165</v>
      </c>
      <c r="LC15" s="122">
        <v>1150082</v>
      </c>
      <c r="LD15" s="122">
        <v>1096969</v>
      </c>
      <c r="LE15" s="122">
        <v>634658</v>
      </c>
      <c r="LF15" s="122">
        <v>1213113</v>
      </c>
      <c r="LG15" s="123">
        <v>4567987</v>
      </c>
      <c r="LH15" s="124">
        <v>4567987</v>
      </c>
      <c r="LI15" s="159">
        <v>0</v>
      </c>
      <c r="LJ15" s="122">
        <v>0</v>
      </c>
      <c r="LK15" s="123">
        <v>0</v>
      </c>
      <c r="LL15" s="162"/>
      <c r="LM15" s="122">
        <v>0</v>
      </c>
      <c r="LN15" s="122">
        <v>0</v>
      </c>
      <c r="LO15" s="122">
        <v>0</v>
      </c>
      <c r="LP15" s="122">
        <v>293715</v>
      </c>
      <c r="LQ15" s="122">
        <v>0</v>
      </c>
      <c r="LR15" s="123">
        <v>293715</v>
      </c>
      <c r="LS15" s="357">
        <v>293715</v>
      </c>
      <c r="LT15" s="159">
        <v>0</v>
      </c>
      <c r="LU15" s="122">
        <v>0</v>
      </c>
      <c r="LV15" s="123">
        <v>0</v>
      </c>
      <c r="LW15" s="162"/>
      <c r="LX15" s="122">
        <v>820274</v>
      </c>
      <c r="LY15" s="122">
        <v>550224</v>
      </c>
      <c r="LZ15" s="122">
        <v>2698543</v>
      </c>
      <c r="MA15" s="122">
        <v>3227167</v>
      </c>
      <c r="MB15" s="122">
        <v>4300378</v>
      </c>
      <c r="MC15" s="123">
        <v>11596586</v>
      </c>
      <c r="MD15" s="124">
        <v>11596586</v>
      </c>
      <c r="ME15" s="159">
        <v>0</v>
      </c>
      <c r="MF15" s="122">
        <v>0</v>
      </c>
      <c r="MG15" s="123">
        <v>0</v>
      </c>
      <c r="MH15" s="162"/>
      <c r="MI15" s="122">
        <v>8193594</v>
      </c>
      <c r="MJ15" s="122">
        <v>16889893</v>
      </c>
      <c r="MK15" s="122">
        <v>73894127</v>
      </c>
      <c r="ML15" s="122">
        <v>130250677</v>
      </c>
      <c r="MM15" s="122">
        <v>96552916</v>
      </c>
      <c r="MN15" s="123">
        <v>325781207</v>
      </c>
      <c r="MO15" s="160">
        <v>325781207</v>
      </c>
      <c r="MP15" s="159">
        <v>0</v>
      </c>
      <c r="MQ15" s="122">
        <v>0</v>
      </c>
      <c r="MR15" s="123">
        <v>0</v>
      </c>
      <c r="MS15" s="162"/>
      <c r="MT15" s="122">
        <v>1228009</v>
      </c>
      <c r="MU15" s="122">
        <v>662973</v>
      </c>
      <c r="MV15" s="122">
        <v>46234444</v>
      </c>
      <c r="MW15" s="122">
        <v>95199816</v>
      </c>
      <c r="MX15" s="122">
        <v>78304758</v>
      </c>
      <c r="MY15" s="123">
        <v>221630000</v>
      </c>
      <c r="MZ15" s="160">
        <v>221630000</v>
      </c>
      <c r="NA15" s="159">
        <v>0</v>
      </c>
      <c r="NB15" s="122">
        <v>0</v>
      </c>
      <c r="NC15" s="123">
        <v>0</v>
      </c>
      <c r="ND15" s="162"/>
      <c r="NE15" s="122">
        <v>6965585</v>
      </c>
      <c r="NF15" s="122">
        <v>16226920</v>
      </c>
      <c r="NG15" s="122">
        <v>27042403</v>
      </c>
      <c r="NH15" s="122">
        <v>33786539</v>
      </c>
      <c r="NI15" s="122">
        <v>18769234</v>
      </c>
      <c r="NJ15" s="123">
        <v>102790681</v>
      </c>
      <c r="NK15" s="357">
        <v>102790681</v>
      </c>
      <c r="NL15" s="159">
        <v>0</v>
      </c>
      <c r="NM15" s="122">
        <v>0</v>
      </c>
      <c r="NN15" s="123">
        <v>0</v>
      </c>
      <c r="NO15" s="162"/>
      <c r="NP15" s="122">
        <v>0</v>
      </c>
      <c r="NQ15" s="122">
        <v>0</v>
      </c>
      <c r="NR15" s="122">
        <v>0</v>
      </c>
      <c r="NS15" s="122">
        <v>918057</v>
      </c>
      <c r="NT15" s="122">
        <v>764346</v>
      </c>
      <c r="NU15" s="123">
        <v>1682403</v>
      </c>
      <c r="NV15" s="124">
        <v>1682403</v>
      </c>
      <c r="NW15" s="159">
        <v>0</v>
      </c>
      <c r="NX15" s="122">
        <v>0</v>
      </c>
      <c r="NY15" s="123">
        <v>0</v>
      </c>
      <c r="NZ15" s="162"/>
      <c r="OA15" s="122">
        <v>0</v>
      </c>
      <c r="OB15" s="122">
        <v>0</v>
      </c>
      <c r="OC15" s="122">
        <v>617280</v>
      </c>
      <c r="OD15" s="122">
        <v>346265</v>
      </c>
      <c r="OE15" s="122">
        <v>-1285422</v>
      </c>
      <c r="OF15" s="123">
        <v>-321877</v>
      </c>
      <c r="OG15" s="124">
        <v>-321877</v>
      </c>
      <c r="OH15" s="159">
        <v>9452549</v>
      </c>
      <c r="OI15" s="122">
        <v>14911845</v>
      </c>
      <c r="OJ15" s="158">
        <v>24364394</v>
      </c>
      <c r="OK15" s="121">
        <v>0</v>
      </c>
      <c r="OL15" s="122">
        <v>167918484</v>
      </c>
      <c r="OM15" s="122">
        <v>191318986</v>
      </c>
      <c r="ON15" s="122">
        <v>257449992</v>
      </c>
      <c r="OO15" s="122">
        <v>314470462</v>
      </c>
      <c r="OP15" s="122">
        <v>234825925</v>
      </c>
      <c r="OQ15" s="123">
        <v>1165983849</v>
      </c>
      <c r="OR15" s="160">
        <v>1190348243</v>
      </c>
    </row>
    <row r="16" spans="1:408" ht="18.75" customHeight="1" x14ac:dyDescent="0.2">
      <c r="A16" s="62" t="s">
        <v>10</v>
      </c>
      <c r="B16" s="112">
        <v>23462210</v>
      </c>
      <c r="C16" s="116">
        <v>40810322</v>
      </c>
      <c r="D16" s="115">
        <v>64272532</v>
      </c>
      <c r="E16" s="190">
        <v>0</v>
      </c>
      <c r="F16" s="116">
        <v>289790232</v>
      </c>
      <c r="G16" s="116">
        <v>225034012</v>
      </c>
      <c r="H16" s="116">
        <v>205978255</v>
      </c>
      <c r="I16" s="116">
        <v>196865916</v>
      </c>
      <c r="J16" s="116">
        <v>171149093</v>
      </c>
      <c r="K16" s="111">
        <v>1088817508</v>
      </c>
      <c r="L16" s="118">
        <v>1153090040</v>
      </c>
      <c r="M16" s="112">
        <v>5152066</v>
      </c>
      <c r="N16" s="116">
        <v>12025246</v>
      </c>
      <c r="O16" s="115">
        <v>17177312</v>
      </c>
      <c r="P16" s="112">
        <v>0</v>
      </c>
      <c r="Q16" s="116">
        <v>92309185</v>
      </c>
      <c r="R16" s="116">
        <v>72514007</v>
      </c>
      <c r="S16" s="116">
        <v>69604726</v>
      </c>
      <c r="T16" s="116">
        <v>83636530</v>
      </c>
      <c r="U16" s="116">
        <v>91636089</v>
      </c>
      <c r="V16" s="115">
        <v>409700537</v>
      </c>
      <c r="W16" s="118">
        <v>426877849</v>
      </c>
      <c r="X16" s="112">
        <v>0</v>
      </c>
      <c r="Y16" s="116">
        <v>0</v>
      </c>
      <c r="Z16" s="115">
        <v>0</v>
      </c>
      <c r="AA16" s="112">
        <v>0</v>
      </c>
      <c r="AB16" s="116">
        <v>47432167</v>
      </c>
      <c r="AC16" s="116">
        <v>36917793</v>
      </c>
      <c r="AD16" s="116">
        <v>43200091</v>
      </c>
      <c r="AE16" s="116">
        <v>52411108</v>
      </c>
      <c r="AF16" s="116">
        <v>57335638</v>
      </c>
      <c r="AG16" s="115">
        <v>237296797</v>
      </c>
      <c r="AH16" s="118">
        <v>237296797</v>
      </c>
      <c r="AI16" s="112">
        <v>0</v>
      </c>
      <c r="AJ16" s="116">
        <v>0</v>
      </c>
      <c r="AK16" s="115">
        <v>0</v>
      </c>
      <c r="AL16" s="112">
        <v>0</v>
      </c>
      <c r="AM16" s="116">
        <v>607209</v>
      </c>
      <c r="AN16" s="116">
        <v>1323942</v>
      </c>
      <c r="AO16" s="116">
        <v>1680551</v>
      </c>
      <c r="AP16" s="116">
        <v>5161514</v>
      </c>
      <c r="AQ16" s="116">
        <v>9009845</v>
      </c>
      <c r="AR16" s="115">
        <v>17783061</v>
      </c>
      <c r="AS16" s="118">
        <v>17783061</v>
      </c>
      <c r="AT16" s="112">
        <v>2959425</v>
      </c>
      <c r="AU16" s="116">
        <v>7971900</v>
      </c>
      <c r="AV16" s="115">
        <v>10931325</v>
      </c>
      <c r="AW16" s="112">
        <v>0</v>
      </c>
      <c r="AX16" s="116">
        <v>26938237</v>
      </c>
      <c r="AY16" s="116">
        <v>19622409</v>
      </c>
      <c r="AZ16" s="116">
        <v>12832693</v>
      </c>
      <c r="BA16" s="116">
        <v>13575119</v>
      </c>
      <c r="BB16" s="116">
        <v>14451712</v>
      </c>
      <c r="BC16" s="115">
        <v>87420170</v>
      </c>
      <c r="BD16" s="118">
        <v>98351495</v>
      </c>
      <c r="BE16" s="112">
        <v>430744</v>
      </c>
      <c r="BF16" s="116">
        <v>1123477</v>
      </c>
      <c r="BG16" s="114">
        <v>1554221</v>
      </c>
      <c r="BH16" s="113">
        <v>0</v>
      </c>
      <c r="BI16" s="116">
        <v>2782067</v>
      </c>
      <c r="BJ16" s="116">
        <v>2639494</v>
      </c>
      <c r="BK16" s="116">
        <v>1691263</v>
      </c>
      <c r="BL16" s="116">
        <v>1728775</v>
      </c>
      <c r="BM16" s="116">
        <v>1233668</v>
      </c>
      <c r="BN16" s="115">
        <v>10075267</v>
      </c>
      <c r="BO16" s="118">
        <v>11629488</v>
      </c>
      <c r="BP16" s="112">
        <v>1761897</v>
      </c>
      <c r="BQ16" s="116">
        <v>2929869</v>
      </c>
      <c r="BR16" s="115">
        <v>4691766</v>
      </c>
      <c r="BS16" s="112">
        <v>0</v>
      </c>
      <c r="BT16" s="116">
        <v>14549505</v>
      </c>
      <c r="BU16" s="116">
        <v>12010369</v>
      </c>
      <c r="BV16" s="116">
        <v>10200128</v>
      </c>
      <c r="BW16" s="116">
        <v>10760014</v>
      </c>
      <c r="BX16" s="116">
        <v>9605226</v>
      </c>
      <c r="BY16" s="115">
        <v>57125242</v>
      </c>
      <c r="BZ16" s="118">
        <v>61817008</v>
      </c>
      <c r="CA16" s="112">
        <v>1405654</v>
      </c>
      <c r="CB16" s="116">
        <v>3295243</v>
      </c>
      <c r="CC16" s="115">
        <v>4700897</v>
      </c>
      <c r="CD16" s="112">
        <v>0</v>
      </c>
      <c r="CE16" s="116">
        <v>78705194</v>
      </c>
      <c r="CF16" s="116">
        <v>57241410</v>
      </c>
      <c r="CG16" s="116">
        <v>41548007</v>
      </c>
      <c r="CH16" s="116">
        <v>26077743</v>
      </c>
      <c r="CI16" s="116">
        <v>13914618</v>
      </c>
      <c r="CJ16" s="115">
        <v>217486972</v>
      </c>
      <c r="CK16" s="118">
        <v>222187869</v>
      </c>
      <c r="CL16" s="112">
        <v>0</v>
      </c>
      <c r="CM16" s="116">
        <v>0</v>
      </c>
      <c r="CN16" s="115">
        <v>0</v>
      </c>
      <c r="CO16" s="113">
        <v>0</v>
      </c>
      <c r="CP16" s="116">
        <v>68839736</v>
      </c>
      <c r="CQ16" s="116">
        <v>48899457</v>
      </c>
      <c r="CR16" s="116">
        <v>36434586</v>
      </c>
      <c r="CS16" s="116">
        <v>21678378</v>
      </c>
      <c r="CT16" s="116">
        <v>12784174</v>
      </c>
      <c r="CU16" s="115">
        <v>188636331</v>
      </c>
      <c r="CV16" s="118">
        <v>188636331</v>
      </c>
      <c r="CW16" s="112">
        <v>1405654</v>
      </c>
      <c r="CX16" s="116">
        <v>3295243</v>
      </c>
      <c r="CY16" s="115">
        <v>4700897</v>
      </c>
      <c r="CZ16" s="112">
        <v>0</v>
      </c>
      <c r="DA16" s="116">
        <v>9865458</v>
      </c>
      <c r="DB16" s="116">
        <v>8341953</v>
      </c>
      <c r="DC16" s="116">
        <v>5113421</v>
      </c>
      <c r="DD16" s="116">
        <v>4399365</v>
      </c>
      <c r="DE16" s="116">
        <v>1130444</v>
      </c>
      <c r="DF16" s="115">
        <v>28850641</v>
      </c>
      <c r="DG16" s="118">
        <v>33551538</v>
      </c>
      <c r="DH16" s="112">
        <v>182911</v>
      </c>
      <c r="DI16" s="116">
        <v>1007943</v>
      </c>
      <c r="DJ16" s="114">
        <v>1190854</v>
      </c>
      <c r="DK16" s="113">
        <v>0</v>
      </c>
      <c r="DL16" s="116">
        <v>9443444</v>
      </c>
      <c r="DM16" s="116">
        <v>10489821</v>
      </c>
      <c r="DN16" s="116">
        <v>21005655</v>
      </c>
      <c r="DO16" s="116">
        <v>14978323</v>
      </c>
      <c r="DP16" s="116">
        <v>8568191</v>
      </c>
      <c r="DQ16" s="115">
        <v>64485434</v>
      </c>
      <c r="DR16" s="118">
        <v>65676288</v>
      </c>
      <c r="DS16" s="112">
        <v>182911</v>
      </c>
      <c r="DT16" s="116">
        <v>934901</v>
      </c>
      <c r="DU16" s="115">
        <v>1117812</v>
      </c>
      <c r="DV16" s="112">
        <v>0</v>
      </c>
      <c r="DW16" s="116">
        <v>9237041</v>
      </c>
      <c r="DX16" s="116">
        <v>9539630</v>
      </c>
      <c r="DY16" s="116">
        <v>19998525</v>
      </c>
      <c r="DZ16" s="116">
        <v>14140876</v>
      </c>
      <c r="EA16" s="116">
        <v>8290121</v>
      </c>
      <c r="EB16" s="115">
        <v>61206193</v>
      </c>
      <c r="EC16" s="118">
        <v>62324005</v>
      </c>
      <c r="ED16" s="112">
        <v>0</v>
      </c>
      <c r="EE16" s="114">
        <v>73042</v>
      </c>
      <c r="EF16" s="115">
        <v>73042</v>
      </c>
      <c r="EG16" s="112">
        <v>0</v>
      </c>
      <c r="EH16" s="116">
        <v>206403</v>
      </c>
      <c r="EI16" s="116">
        <v>950191</v>
      </c>
      <c r="EJ16" s="116">
        <v>1007130</v>
      </c>
      <c r="EK16" s="116">
        <v>837447</v>
      </c>
      <c r="EL16" s="116">
        <v>278070</v>
      </c>
      <c r="EM16" s="114">
        <v>3279241</v>
      </c>
      <c r="EN16" s="118">
        <v>3352283</v>
      </c>
      <c r="EO16" s="112">
        <v>0</v>
      </c>
      <c r="EP16" s="116">
        <v>0</v>
      </c>
      <c r="EQ16" s="114">
        <v>0</v>
      </c>
      <c r="ER16" s="113">
        <v>0</v>
      </c>
      <c r="ES16" s="116">
        <v>0</v>
      </c>
      <c r="ET16" s="116">
        <v>0</v>
      </c>
      <c r="EU16" s="116">
        <v>0</v>
      </c>
      <c r="EV16" s="116">
        <v>0</v>
      </c>
      <c r="EW16" s="116">
        <v>0</v>
      </c>
      <c r="EX16" s="115">
        <v>0</v>
      </c>
      <c r="EY16" s="118">
        <v>0</v>
      </c>
      <c r="EZ16" s="112">
        <v>0</v>
      </c>
      <c r="FA16" s="116">
        <v>0</v>
      </c>
      <c r="FB16" s="114">
        <v>0</v>
      </c>
      <c r="FC16" s="390"/>
      <c r="FD16" s="116">
        <v>0</v>
      </c>
      <c r="FE16" s="116">
        <v>0</v>
      </c>
      <c r="FF16" s="116">
        <v>0</v>
      </c>
      <c r="FG16" s="116">
        <v>0</v>
      </c>
      <c r="FH16" s="116">
        <v>0</v>
      </c>
      <c r="FI16" s="115">
        <v>0</v>
      </c>
      <c r="FJ16" s="118">
        <v>0</v>
      </c>
      <c r="FK16" s="112">
        <v>7190711</v>
      </c>
      <c r="FL16" s="116">
        <v>8915127</v>
      </c>
      <c r="FM16" s="115">
        <v>16105838</v>
      </c>
      <c r="FN16" s="112">
        <v>0</v>
      </c>
      <c r="FO16" s="116">
        <v>18280621</v>
      </c>
      <c r="FP16" s="116">
        <v>23327365</v>
      </c>
      <c r="FQ16" s="116">
        <v>17565099</v>
      </c>
      <c r="FR16" s="116">
        <v>16391867</v>
      </c>
      <c r="FS16" s="116">
        <v>13145951</v>
      </c>
      <c r="FT16" s="115">
        <v>88710903</v>
      </c>
      <c r="FU16" s="118">
        <v>104816741</v>
      </c>
      <c r="FV16" s="117">
        <v>4220089</v>
      </c>
      <c r="FW16" s="116">
        <v>7476280</v>
      </c>
      <c r="FX16" s="114">
        <v>11696369</v>
      </c>
      <c r="FY16" s="113">
        <v>0</v>
      </c>
      <c r="FZ16" s="116">
        <v>15235468</v>
      </c>
      <c r="GA16" s="116">
        <v>21772051</v>
      </c>
      <c r="GB16" s="116">
        <v>16433084</v>
      </c>
      <c r="GC16" s="116">
        <v>15255811</v>
      </c>
      <c r="GD16" s="116">
        <v>12819669</v>
      </c>
      <c r="GE16" s="115">
        <v>81516083</v>
      </c>
      <c r="GF16" s="354">
        <v>93212452</v>
      </c>
      <c r="GG16" s="117">
        <v>389812</v>
      </c>
      <c r="GH16" s="116">
        <v>376982</v>
      </c>
      <c r="GI16" s="114">
        <v>766794</v>
      </c>
      <c r="GJ16" s="113">
        <v>0</v>
      </c>
      <c r="GK16" s="116">
        <v>888340</v>
      </c>
      <c r="GL16" s="116">
        <v>746988</v>
      </c>
      <c r="GM16" s="116">
        <v>541885</v>
      </c>
      <c r="GN16" s="116">
        <v>563606</v>
      </c>
      <c r="GO16" s="116">
        <v>90882</v>
      </c>
      <c r="GP16" s="115">
        <v>2831701</v>
      </c>
      <c r="GQ16" s="118">
        <v>3598495</v>
      </c>
      <c r="GR16" s="112">
        <v>2580810</v>
      </c>
      <c r="GS16" s="116">
        <v>1061865</v>
      </c>
      <c r="GT16" s="115">
        <v>3642675</v>
      </c>
      <c r="GU16" s="112">
        <v>0</v>
      </c>
      <c r="GV16" s="116">
        <v>2156813</v>
      </c>
      <c r="GW16" s="116">
        <v>808326</v>
      </c>
      <c r="GX16" s="116">
        <v>590130</v>
      </c>
      <c r="GY16" s="116">
        <v>572450</v>
      </c>
      <c r="GZ16" s="116">
        <v>235400</v>
      </c>
      <c r="HA16" s="114">
        <v>4363119</v>
      </c>
      <c r="HB16" s="118">
        <v>8005794</v>
      </c>
      <c r="HC16" s="112">
        <v>4152613</v>
      </c>
      <c r="HD16" s="116">
        <v>8546307</v>
      </c>
      <c r="HE16" s="114">
        <v>12698920</v>
      </c>
      <c r="HF16" s="113">
        <v>0</v>
      </c>
      <c r="HG16" s="116">
        <v>41948519</v>
      </c>
      <c r="HH16" s="116">
        <v>34061543</v>
      </c>
      <c r="HI16" s="116">
        <v>36928343</v>
      </c>
      <c r="HJ16" s="116">
        <v>41140050</v>
      </c>
      <c r="HK16" s="116">
        <v>34001717</v>
      </c>
      <c r="HL16" s="115">
        <v>188080172</v>
      </c>
      <c r="HM16" s="111">
        <v>200779092</v>
      </c>
      <c r="HN16" s="117">
        <v>5378255</v>
      </c>
      <c r="HO16" s="116">
        <v>7020456</v>
      </c>
      <c r="HP16" s="115">
        <v>12398711</v>
      </c>
      <c r="HQ16" s="112">
        <v>0</v>
      </c>
      <c r="HR16" s="116">
        <v>49103269</v>
      </c>
      <c r="HS16" s="116">
        <v>27399866</v>
      </c>
      <c r="HT16" s="116">
        <v>19326425</v>
      </c>
      <c r="HU16" s="116">
        <v>14641403</v>
      </c>
      <c r="HV16" s="116">
        <v>9882527</v>
      </c>
      <c r="HW16" s="114">
        <v>120353490</v>
      </c>
      <c r="HX16" s="118">
        <v>132752201</v>
      </c>
      <c r="HY16" s="167">
        <v>353163</v>
      </c>
      <c r="HZ16" s="152">
        <v>2725231</v>
      </c>
      <c r="IA16" s="167">
        <v>3078394</v>
      </c>
      <c r="IB16" s="151">
        <v>0</v>
      </c>
      <c r="IC16" s="152">
        <v>75856198</v>
      </c>
      <c r="ID16" s="153">
        <v>77024854</v>
      </c>
      <c r="IE16" s="154">
        <v>72731944</v>
      </c>
      <c r="IF16" s="152">
        <v>64476527</v>
      </c>
      <c r="IG16" s="154">
        <v>61051750</v>
      </c>
      <c r="IH16" s="155">
        <v>351141273</v>
      </c>
      <c r="II16" s="167">
        <v>354219667</v>
      </c>
      <c r="IJ16" s="261">
        <v>0</v>
      </c>
      <c r="IK16" s="268">
        <v>0</v>
      </c>
      <c r="IL16" s="269">
        <v>0</v>
      </c>
      <c r="IM16" s="157"/>
      <c r="IN16" s="122">
        <v>1957059</v>
      </c>
      <c r="IO16" s="122">
        <v>1737555</v>
      </c>
      <c r="IP16" s="122">
        <v>2593525</v>
      </c>
      <c r="IQ16" s="122">
        <v>4253975</v>
      </c>
      <c r="IR16" s="122">
        <v>2373381</v>
      </c>
      <c r="IS16" s="158">
        <v>12915495</v>
      </c>
      <c r="IT16" s="357">
        <v>12915495</v>
      </c>
      <c r="IU16" s="159">
        <v>0</v>
      </c>
      <c r="IV16" s="122">
        <v>0</v>
      </c>
      <c r="IW16" s="123">
        <v>0</v>
      </c>
      <c r="IX16" s="161"/>
      <c r="IY16" s="122">
        <v>137585</v>
      </c>
      <c r="IZ16" s="122">
        <v>156420</v>
      </c>
      <c r="JA16" s="122">
        <v>380958</v>
      </c>
      <c r="JB16" s="122">
        <v>256713</v>
      </c>
      <c r="JC16" s="122">
        <v>170418</v>
      </c>
      <c r="JD16" s="123">
        <v>1102094</v>
      </c>
      <c r="JE16" s="124">
        <v>1102094</v>
      </c>
      <c r="JF16" s="159">
        <v>0</v>
      </c>
      <c r="JG16" s="122">
        <v>0</v>
      </c>
      <c r="JH16" s="158">
        <v>0</v>
      </c>
      <c r="JI16" s="121">
        <v>0</v>
      </c>
      <c r="JJ16" s="122">
        <v>22781373</v>
      </c>
      <c r="JK16" s="122">
        <v>14614772</v>
      </c>
      <c r="JL16" s="122">
        <v>10125225</v>
      </c>
      <c r="JM16" s="122">
        <v>5470128</v>
      </c>
      <c r="JN16" s="122">
        <v>2966337</v>
      </c>
      <c r="JO16" s="123">
        <v>55957835</v>
      </c>
      <c r="JP16" s="357">
        <v>55957835</v>
      </c>
      <c r="JQ16" s="159">
        <v>0</v>
      </c>
      <c r="JR16" s="122">
        <v>44726</v>
      </c>
      <c r="JS16" s="158">
        <v>44726</v>
      </c>
      <c r="JT16" s="121">
        <v>0</v>
      </c>
      <c r="JU16" s="122">
        <v>1038372</v>
      </c>
      <c r="JV16" s="122">
        <v>1627137</v>
      </c>
      <c r="JW16" s="122">
        <v>1972169</v>
      </c>
      <c r="JX16" s="122">
        <v>1257406</v>
      </c>
      <c r="JY16" s="122">
        <v>1008456</v>
      </c>
      <c r="JZ16" s="123">
        <v>6903540</v>
      </c>
      <c r="KA16" s="357">
        <v>6948266</v>
      </c>
      <c r="KB16" s="264">
        <v>353163</v>
      </c>
      <c r="KC16" s="258">
        <v>1851944</v>
      </c>
      <c r="KD16" s="123">
        <v>2205107</v>
      </c>
      <c r="KE16" s="121">
        <v>0</v>
      </c>
      <c r="KF16" s="122">
        <v>12284665</v>
      </c>
      <c r="KG16" s="122">
        <v>16353019</v>
      </c>
      <c r="KH16" s="122">
        <v>21206271</v>
      </c>
      <c r="KI16" s="122">
        <v>16536640</v>
      </c>
      <c r="KJ16" s="122">
        <v>12235578</v>
      </c>
      <c r="KK16" s="123">
        <v>78616173</v>
      </c>
      <c r="KL16" s="160">
        <v>80821280</v>
      </c>
      <c r="KM16" s="261">
        <v>0</v>
      </c>
      <c r="KN16" s="268">
        <v>828561</v>
      </c>
      <c r="KO16" s="269">
        <v>828561</v>
      </c>
      <c r="KP16" s="157"/>
      <c r="KQ16" s="122">
        <v>31677342</v>
      </c>
      <c r="KR16" s="122">
        <v>33001496</v>
      </c>
      <c r="KS16" s="122">
        <v>20570816</v>
      </c>
      <c r="KT16" s="122">
        <v>20583901</v>
      </c>
      <c r="KU16" s="122">
        <v>21622263</v>
      </c>
      <c r="KV16" s="123">
        <v>127455818</v>
      </c>
      <c r="KW16" s="357">
        <v>128284379</v>
      </c>
      <c r="KX16" s="159">
        <v>0</v>
      </c>
      <c r="KY16" s="122">
        <v>0</v>
      </c>
      <c r="KZ16" s="123">
        <v>0</v>
      </c>
      <c r="LA16" s="162"/>
      <c r="LB16" s="122">
        <v>3823972</v>
      </c>
      <c r="LC16" s="122">
        <v>5710814</v>
      </c>
      <c r="LD16" s="122">
        <v>6918761</v>
      </c>
      <c r="LE16" s="122">
        <v>5138346</v>
      </c>
      <c r="LF16" s="122">
        <v>7149278</v>
      </c>
      <c r="LG16" s="123">
        <v>28741171</v>
      </c>
      <c r="LH16" s="124">
        <v>28741171</v>
      </c>
      <c r="LI16" s="159">
        <v>0</v>
      </c>
      <c r="LJ16" s="122">
        <v>0</v>
      </c>
      <c r="LK16" s="123">
        <v>0</v>
      </c>
      <c r="LL16" s="162"/>
      <c r="LM16" s="122">
        <v>193049</v>
      </c>
      <c r="LN16" s="122">
        <v>0</v>
      </c>
      <c r="LO16" s="122">
        <v>942170</v>
      </c>
      <c r="LP16" s="122">
        <v>4269320</v>
      </c>
      <c r="LQ16" s="122">
        <v>5748041</v>
      </c>
      <c r="LR16" s="123">
        <v>11152580</v>
      </c>
      <c r="LS16" s="357">
        <v>11152580</v>
      </c>
      <c r="LT16" s="159">
        <v>0</v>
      </c>
      <c r="LU16" s="122">
        <v>0</v>
      </c>
      <c r="LV16" s="123">
        <v>0</v>
      </c>
      <c r="LW16" s="162"/>
      <c r="LX16" s="122">
        <v>1962781</v>
      </c>
      <c r="LY16" s="122">
        <v>3823641</v>
      </c>
      <c r="LZ16" s="122">
        <v>8022049</v>
      </c>
      <c r="MA16" s="122">
        <v>6710098</v>
      </c>
      <c r="MB16" s="122">
        <v>7777998</v>
      </c>
      <c r="MC16" s="123">
        <v>28296567</v>
      </c>
      <c r="MD16" s="124">
        <v>28296567</v>
      </c>
      <c r="ME16" s="159">
        <v>0</v>
      </c>
      <c r="MF16" s="122">
        <v>0</v>
      </c>
      <c r="MG16" s="123">
        <v>0</v>
      </c>
      <c r="MH16" s="162"/>
      <c r="MI16" s="122">
        <v>27130658</v>
      </c>
      <c r="MJ16" s="122">
        <v>45776727</v>
      </c>
      <c r="MK16" s="122">
        <v>131550269</v>
      </c>
      <c r="ML16" s="122">
        <v>178851483</v>
      </c>
      <c r="MM16" s="122">
        <v>172934937</v>
      </c>
      <c r="MN16" s="123">
        <v>556244074</v>
      </c>
      <c r="MO16" s="160">
        <v>556244074</v>
      </c>
      <c r="MP16" s="159">
        <v>0</v>
      </c>
      <c r="MQ16" s="122">
        <v>0</v>
      </c>
      <c r="MR16" s="123">
        <v>0</v>
      </c>
      <c r="MS16" s="162"/>
      <c r="MT16" s="122">
        <v>3514052</v>
      </c>
      <c r="MU16" s="122">
        <v>10265651</v>
      </c>
      <c r="MV16" s="122">
        <v>91793495</v>
      </c>
      <c r="MW16" s="122">
        <v>130987246</v>
      </c>
      <c r="MX16" s="122">
        <v>123955756</v>
      </c>
      <c r="MY16" s="123">
        <v>360516200</v>
      </c>
      <c r="MZ16" s="160">
        <v>360516200</v>
      </c>
      <c r="NA16" s="159">
        <v>0</v>
      </c>
      <c r="NB16" s="122">
        <v>0</v>
      </c>
      <c r="NC16" s="123">
        <v>0</v>
      </c>
      <c r="ND16" s="162"/>
      <c r="NE16" s="122">
        <v>23430403</v>
      </c>
      <c r="NF16" s="122">
        <v>35511076</v>
      </c>
      <c r="NG16" s="122">
        <v>39152187</v>
      </c>
      <c r="NH16" s="122">
        <v>46206416</v>
      </c>
      <c r="NI16" s="122">
        <v>33851061</v>
      </c>
      <c r="NJ16" s="123">
        <v>178151143</v>
      </c>
      <c r="NK16" s="357">
        <v>178151143</v>
      </c>
      <c r="NL16" s="159">
        <v>0</v>
      </c>
      <c r="NM16" s="122">
        <v>0</v>
      </c>
      <c r="NN16" s="123">
        <v>0</v>
      </c>
      <c r="NO16" s="162"/>
      <c r="NP16" s="122">
        <v>0</v>
      </c>
      <c r="NQ16" s="122">
        <v>0</v>
      </c>
      <c r="NR16" s="122">
        <v>0</v>
      </c>
      <c r="NS16" s="122">
        <v>679744</v>
      </c>
      <c r="NT16" s="122">
        <v>3071207</v>
      </c>
      <c r="NU16" s="123">
        <v>3750951</v>
      </c>
      <c r="NV16" s="124">
        <v>3750951</v>
      </c>
      <c r="NW16" s="159">
        <v>0</v>
      </c>
      <c r="NX16" s="122">
        <v>0</v>
      </c>
      <c r="NY16" s="123">
        <v>0</v>
      </c>
      <c r="NZ16" s="162"/>
      <c r="OA16" s="122">
        <v>186203</v>
      </c>
      <c r="OB16" s="122">
        <v>0</v>
      </c>
      <c r="OC16" s="122">
        <v>604587</v>
      </c>
      <c r="OD16" s="122">
        <v>978077</v>
      </c>
      <c r="OE16" s="122">
        <v>12056913</v>
      </c>
      <c r="OF16" s="123">
        <v>13825780</v>
      </c>
      <c r="OG16" s="124">
        <v>13825780</v>
      </c>
      <c r="OH16" s="159">
        <v>23815373</v>
      </c>
      <c r="OI16" s="122">
        <v>43535553</v>
      </c>
      <c r="OJ16" s="158">
        <v>67350926</v>
      </c>
      <c r="OK16" s="121">
        <v>0</v>
      </c>
      <c r="OL16" s="122">
        <v>392777088</v>
      </c>
      <c r="OM16" s="122">
        <v>347835593</v>
      </c>
      <c r="ON16" s="122">
        <v>410260468</v>
      </c>
      <c r="OO16" s="122">
        <v>440193926</v>
      </c>
      <c r="OP16" s="122">
        <v>405135780</v>
      </c>
      <c r="OQ16" s="123">
        <v>1996202855</v>
      </c>
      <c r="OR16" s="160">
        <v>2063553781</v>
      </c>
    </row>
    <row r="17" spans="1:408" ht="18.75" customHeight="1" x14ac:dyDescent="0.2">
      <c r="A17" s="62" t="s">
        <v>11</v>
      </c>
      <c r="B17" s="112">
        <v>10541129</v>
      </c>
      <c r="C17" s="116">
        <v>14474788</v>
      </c>
      <c r="D17" s="188">
        <v>25015917</v>
      </c>
      <c r="E17" s="113">
        <v>0</v>
      </c>
      <c r="F17" s="116">
        <v>147949354</v>
      </c>
      <c r="G17" s="116">
        <v>123082794</v>
      </c>
      <c r="H17" s="116">
        <v>116317717</v>
      </c>
      <c r="I17" s="116">
        <v>117837535</v>
      </c>
      <c r="J17" s="116">
        <v>85822381</v>
      </c>
      <c r="K17" s="111">
        <v>591009781</v>
      </c>
      <c r="L17" s="118">
        <v>616025698</v>
      </c>
      <c r="M17" s="112">
        <v>1419900</v>
      </c>
      <c r="N17" s="116">
        <v>2691835</v>
      </c>
      <c r="O17" s="115">
        <v>4111735</v>
      </c>
      <c r="P17" s="112">
        <v>0</v>
      </c>
      <c r="Q17" s="116">
        <v>35892002</v>
      </c>
      <c r="R17" s="116">
        <v>34896198</v>
      </c>
      <c r="S17" s="116">
        <v>36680164</v>
      </c>
      <c r="T17" s="116">
        <v>38660304</v>
      </c>
      <c r="U17" s="116">
        <v>40853449</v>
      </c>
      <c r="V17" s="115">
        <v>186982117</v>
      </c>
      <c r="W17" s="118">
        <v>191093852</v>
      </c>
      <c r="X17" s="112">
        <v>0</v>
      </c>
      <c r="Y17" s="116">
        <v>0</v>
      </c>
      <c r="Z17" s="115">
        <v>0</v>
      </c>
      <c r="AA17" s="112">
        <v>0</v>
      </c>
      <c r="AB17" s="116">
        <v>18392029</v>
      </c>
      <c r="AC17" s="116">
        <v>20162580</v>
      </c>
      <c r="AD17" s="116">
        <v>21246534</v>
      </c>
      <c r="AE17" s="116">
        <v>23376346</v>
      </c>
      <c r="AF17" s="116">
        <v>24838911</v>
      </c>
      <c r="AG17" s="115">
        <v>108016400</v>
      </c>
      <c r="AH17" s="118">
        <v>108016400</v>
      </c>
      <c r="AI17" s="112">
        <v>0</v>
      </c>
      <c r="AJ17" s="116">
        <v>35216</v>
      </c>
      <c r="AK17" s="115">
        <v>35216</v>
      </c>
      <c r="AL17" s="112">
        <v>0</v>
      </c>
      <c r="AM17" s="116">
        <v>168311</v>
      </c>
      <c r="AN17" s="116">
        <v>650672</v>
      </c>
      <c r="AO17" s="116">
        <v>1429969</v>
      </c>
      <c r="AP17" s="116">
        <v>2374246</v>
      </c>
      <c r="AQ17" s="116">
        <v>3927095</v>
      </c>
      <c r="AR17" s="115">
        <v>8550293</v>
      </c>
      <c r="AS17" s="118">
        <v>8585509</v>
      </c>
      <c r="AT17" s="112">
        <v>837217</v>
      </c>
      <c r="AU17" s="116">
        <v>1908842</v>
      </c>
      <c r="AV17" s="115">
        <v>2746059</v>
      </c>
      <c r="AW17" s="112">
        <v>0</v>
      </c>
      <c r="AX17" s="116">
        <v>10736086</v>
      </c>
      <c r="AY17" s="116">
        <v>8139134</v>
      </c>
      <c r="AZ17" s="116">
        <v>8451871</v>
      </c>
      <c r="BA17" s="116">
        <v>7257907</v>
      </c>
      <c r="BB17" s="116">
        <v>8447476</v>
      </c>
      <c r="BC17" s="115">
        <v>43032474</v>
      </c>
      <c r="BD17" s="118">
        <v>45778533</v>
      </c>
      <c r="BE17" s="112">
        <v>131193</v>
      </c>
      <c r="BF17" s="116">
        <v>260177</v>
      </c>
      <c r="BG17" s="114">
        <v>391370</v>
      </c>
      <c r="BH17" s="113">
        <v>0</v>
      </c>
      <c r="BI17" s="116">
        <v>1258807</v>
      </c>
      <c r="BJ17" s="116">
        <v>880972</v>
      </c>
      <c r="BK17" s="116">
        <v>769060</v>
      </c>
      <c r="BL17" s="116">
        <v>812698</v>
      </c>
      <c r="BM17" s="116">
        <v>148707</v>
      </c>
      <c r="BN17" s="115">
        <v>3870244</v>
      </c>
      <c r="BO17" s="118">
        <v>4261614</v>
      </c>
      <c r="BP17" s="112">
        <v>451490</v>
      </c>
      <c r="BQ17" s="116">
        <v>487600</v>
      </c>
      <c r="BR17" s="115">
        <v>939090</v>
      </c>
      <c r="BS17" s="112">
        <v>0</v>
      </c>
      <c r="BT17" s="116">
        <v>5336769</v>
      </c>
      <c r="BU17" s="116">
        <v>5062840</v>
      </c>
      <c r="BV17" s="116">
        <v>4782730</v>
      </c>
      <c r="BW17" s="116">
        <v>4839107</v>
      </c>
      <c r="BX17" s="116">
        <v>3491260</v>
      </c>
      <c r="BY17" s="115">
        <v>23512706</v>
      </c>
      <c r="BZ17" s="118">
        <v>24451796</v>
      </c>
      <c r="CA17" s="112">
        <v>1536873</v>
      </c>
      <c r="CB17" s="116">
        <v>2423827</v>
      </c>
      <c r="CC17" s="115">
        <v>3960700</v>
      </c>
      <c r="CD17" s="112">
        <v>0</v>
      </c>
      <c r="CE17" s="116">
        <v>44194165</v>
      </c>
      <c r="CF17" s="116">
        <v>33311736</v>
      </c>
      <c r="CG17" s="116">
        <v>26202433</v>
      </c>
      <c r="CH17" s="116">
        <v>20707215</v>
      </c>
      <c r="CI17" s="116">
        <v>10745069</v>
      </c>
      <c r="CJ17" s="115">
        <v>135160618</v>
      </c>
      <c r="CK17" s="118">
        <v>139121318</v>
      </c>
      <c r="CL17" s="112">
        <v>0</v>
      </c>
      <c r="CM17" s="116">
        <v>0</v>
      </c>
      <c r="CN17" s="115">
        <v>0</v>
      </c>
      <c r="CO17" s="113">
        <v>0</v>
      </c>
      <c r="CP17" s="116">
        <v>36885684</v>
      </c>
      <c r="CQ17" s="116">
        <v>27589963</v>
      </c>
      <c r="CR17" s="116">
        <v>21908502</v>
      </c>
      <c r="CS17" s="116">
        <v>16195613</v>
      </c>
      <c r="CT17" s="116">
        <v>9347388</v>
      </c>
      <c r="CU17" s="115">
        <v>111927150</v>
      </c>
      <c r="CV17" s="118">
        <v>111927150</v>
      </c>
      <c r="CW17" s="112">
        <v>1536873</v>
      </c>
      <c r="CX17" s="116">
        <v>2423827</v>
      </c>
      <c r="CY17" s="115">
        <v>3960700</v>
      </c>
      <c r="CZ17" s="112">
        <v>0</v>
      </c>
      <c r="DA17" s="116">
        <v>7308481</v>
      </c>
      <c r="DB17" s="116">
        <v>5721773</v>
      </c>
      <c r="DC17" s="116">
        <v>4293931</v>
      </c>
      <c r="DD17" s="116">
        <v>4511602</v>
      </c>
      <c r="DE17" s="116">
        <v>1397681</v>
      </c>
      <c r="DF17" s="115">
        <v>23233468</v>
      </c>
      <c r="DG17" s="118">
        <v>27194168</v>
      </c>
      <c r="DH17" s="112">
        <v>38748</v>
      </c>
      <c r="DI17" s="116">
        <v>405227</v>
      </c>
      <c r="DJ17" s="114">
        <v>443975</v>
      </c>
      <c r="DK17" s="113">
        <v>0</v>
      </c>
      <c r="DL17" s="116">
        <v>3550866</v>
      </c>
      <c r="DM17" s="116">
        <v>4260345</v>
      </c>
      <c r="DN17" s="116">
        <v>8596528</v>
      </c>
      <c r="DO17" s="116">
        <v>8426181</v>
      </c>
      <c r="DP17" s="116">
        <v>3693345</v>
      </c>
      <c r="DQ17" s="115">
        <v>28527265</v>
      </c>
      <c r="DR17" s="118">
        <v>28971240</v>
      </c>
      <c r="DS17" s="112">
        <v>38748</v>
      </c>
      <c r="DT17" s="116">
        <v>405227</v>
      </c>
      <c r="DU17" s="115">
        <v>443975</v>
      </c>
      <c r="DV17" s="112">
        <v>0</v>
      </c>
      <c r="DW17" s="116">
        <v>3332274</v>
      </c>
      <c r="DX17" s="116">
        <v>3946965</v>
      </c>
      <c r="DY17" s="116">
        <v>8025533</v>
      </c>
      <c r="DZ17" s="116">
        <v>7551300</v>
      </c>
      <c r="EA17" s="116">
        <v>2930622</v>
      </c>
      <c r="EB17" s="115">
        <v>25786694</v>
      </c>
      <c r="EC17" s="118">
        <v>26230669</v>
      </c>
      <c r="ED17" s="112">
        <v>0</v>
      </c>
      <c r="EE17" s="114">
        <v>0</v>
      </c>
      <c r="EF17" s="115">
        <v>0</v>
      </c>
      <c r="EG17" s="112">
        <v>0</v>
      </c>
      <c r="EH17" s="116">
        <v>218592</v>
      </c>
      <c r="EI17" s="116">
        <v>313380</v>
      </c>
      <c r="EJ17" s="116">
        <v>570995</v>
      </c>
      <c r="EK17" s="116">
        <v>874881</v>
      </c>
      <c r="EL17" s="116">
        <v>762723</v>
      </c>
      <c r="EM17" s="114">
        <v>2740571</v>
      </c>
      <c r="EN17" s="118">
        <v>2740571</v>
      </c>
      <c r="EO17" s="112">
        <v>0</v>
      </c>
      <c r="EP17" s="116">
        <v>0</v>
      </c>
      <c r="EQ17" s="114">
        <v>0</v>
      </c>
      <c r="ER17" s="113">
        <v>0</v>
      </c>
      <c r="ES17" s="116">
        <v>0</v>
      </c>
      <c r="ET17" s="116">
        <v>0</v>
      </c>
      <c r="EU17" s="116">
        <v>0</v>
      </c>
      <c r="EV17" s="116">
        <v>0</v>
      </c>
      <c r="EW17" s="116">
        <v>0</v>
      </c>
      <c r="EX17" s="115">
        <v>0</v>
      </c>
      <c r="EY17" s="118">
        <v>0</v>
      </c>
      <c r="EZ17" s="112">
        <v>0</v>
      </c>
      <c r="FA17" s="116">
        <v>0</v>
      </c>
      <c r="FB17" s="114">
        <v>0</v>
      </c>
      <c r="FC17" s="390"/>
      <c r="FD17" s="116">
        <v>0</v>
      </c>
      <c r="FE17" s="116">
        <v>0</v>
      </c>
      <c r="FF17" s="116">
        <v>0</v>
      </c>
      <c r="FG17" s="116">
        <v>0</v>
      </c>
      <c r="FH17" s="116">
        <v>0</v>
      </c>
      <c r="FI17" s="115">
        <v>0</v>
      </c>
      <c r="FJ17" s="118">
        <v>0</v>
      </c>
      <c r="FK17" s="112">
        <v>3106417</v>
      </c>
      <c r="FL17" s="116">
        <v>3323311</v>
      </c>
      <c r="FM17" s="115">
        <v>6429728</v>
      </c>
      <c r="FN17" s="112">
        <v>0</v>
      </c>
      <c r="FO17" s="116">
        <v>7736620</v>
      </c>
      <c r="FP17" s="116">
        <v>11376748</v>
      </c>
      <c r="FQ17" s="116">
        <v>9572263</v>
      </c>
      <c r="FR17" s="116">
        <v>8656059</v>
      </c>
      <c r="FS17" s="116">
        <v>6184418</v>
      </c>
      <c r="FT17" s="115">
        <v>43526108</v>
      </c>
      <c r="FU17" s="118">
        <v>49955836</v>
      </c>
      <c r="FV17" s="117">
        <v>1827654</v>
      </c>
      <c r="FW17" s="116">
        <v>2558555</v>
      </c>
      <c r="FX17" s="114">
        <v>4386209</v>
      </c>
      <c r="FY17" s="113">
        <v>0</v>
      </c>
      <c r="FZ17" s="116">
        <v>6237522</v>
      </c>
      <c r="GA17" s="116">
        <v>10473507</v>
      </c>
      <c r="GB17" s="116">
        <v>8955557</v>
      </c>
      <c r="GC17" s="116">
        <v>8465907</v>
      </c>
      <c r="GD17" s="116">
        <v>5991809</v>
      </c>
      <c r="GE17" s="115">
        <v>40124302</v>
      </c>
      <c r="GF17" s="354">
        <v>44510511</v>
      </c>
      <c r="GG17" s="117">
        <v>150448</v>
      </c>
      <c r="GH17" s="116">
        <v>317450</v>
      </c>
      <c r="GI17" s="114">
        <v>467898</v>
      </c>
      <c r="GJ17" s="113">
        <v>0</v>
      </c>
      <c r="GK17" s="116">
        <v>574185</v>
      </c>
      <c r="GL17" s="116">
        <v>504406</v>
      </c>
      <c r="GM17" s="116">
        <v>299330</v>
      </c>
      <c r="GN17" s="116">
        <v>146592</v>
      </c>
      <c r="GO17" s="116">
        <v>180009</v>
      </c>
      <c r="GP17" s="115">
        <v>1704522</v>
      </c>
      <c r="GQ17" s="118">
        <v>2172420</v>
      </c>
      <c r="GR17" s="112">
        <v>1128315</v>
      </c>
      <c r="GS17" s="116">
        <v>447306</v>
      </c>
      <c r="GT17" s="115">
        <v>1575621</v>
      </c>
      <c r="GU17" s="112">
        <v>0</v>
      </c>
      <c r="GV17" s="116">
        <v>924913</v>
      </c>
      <c r="GW17" s="116">
        <v>398835</v>
      </c>
      <c r="GX17" s="116">
        <v>317376</v>
      </c>
      <c r="GY17" s="116">
        <v>43560</v>
      </c>
      <c r="GZ17" s="116">
        <v>12600</v>
      </c>
      <c r="HA17" s="114">
        <v>1697284</v>
      </c>
      <c r="HB17" s="118">
        <v>3272905</v>
      </c>
      <c r="HC17" s="112">
        <v>2103468</v>
      </c>
      <c r="HD17" s="116">
        <v>3101858</v>
      </c>
      <c r="HE17" s="114">
        <v>5205326</v>
      </c>
      <c r="HF17" s="113">
        <v>0</v>
      </c>
      <c r="HG17" s="116">
        <v>29552529</v>
      </c>
      <c r="HH17" s="116">
        <v>23778841</v>
      </c>
      <c r="HI17" s="116">
        <v>23210661</v>
      </c>
      <c r="HJ17" s="116">
        <v>32825200</v>
      </c>
      <c r="HK17" s="116">
        <v>18790156</v>
      </c>
      <c r="HL17" s="115">
        <v>128157387</v>
      </c>
      <c r="HM17" s="111">
        <v>133362713</v>
      </c>
      <c r="HN17" s="117">
        <v>2335723</v>
      </c>
      <c r="HO17" s="116">
        <v>2528730</v>
      </c>
      <c r="HP17" s="115">
        <v>4864453</v>
      </c>
      <c r="HQ17" s="112">
        <v>0</v>
      </c>
      <c r="HR17" s="116">
        <v>27023172</v>
      </c>
      <c r="HS17" s="116">
        <v>15458926</v>
      </c>
      <c r="HT17" s="116">
        <v>12055668</v>
      </c>
      <c r="HU17" s="116">
        <v>8562576</v>
      </c>
      <c r="HV17" s="116">
        <v>5555944</v>
      </c>
      <c r="HW17" s="114">
        <v>68656286</v>
      </c>
      <c r="HX17" s="118">
        <v>73520739</v>
      </c>
      <c r="HY17" s="148">
        <v>214868</v>
      </c>
      <c r="HZ17" s="149">
        <v>1330854</v>
      </c>
      <c r="IA17" s="150">
        <v>1545722</v>
      </c>
      <c r="IB17" s="163">
        <v>0</v>
      </c>
      <c r="IC17" s="149">
        <v>48306150</v>
      </c>
      <c r="ID17" s="164">
        <v>50090738</v>
      </c>
      <c r="IE17" s="150">
        <v>38413677</v>
      </c>
      <c r="IF17" s="149">
        <v>29323075</v>
      </c>
      <c r="IG17" s="150">
        <v>15671066</v>
      </c>
      <c r="IH17" s="165">
        <v>181804706</v>
      </c>
      <c r="II17" s="156">
        <v>183350428</v>
      </c>
      <c r="IJ17" s="261">
        <v>0</v>
      </c>
      <c r="IK17" s="268">
        <v>0</v>
      </c>
      <c r="IL17" s="269">
        <v>0</v>
      </c>
      <c r="IM17" s="157"/>
      <c r="IN17" s="122">
        <v>640489</v>
      </c>
      <c r="IO17" s="122">
        <v>1059638</v>
      </c>
      <c r="IP17" s="122">
        <v>764043</v>
      </c>
      <c r="IQ17" s="122">
        <v>779537</v>
      </c>
      <c r="IR17" s="122">
        <v>1662286</v>
      </c>
      <c r="IS17" s="158">
        <v>4905993</v>
      </c>
      <c r="IT17" s="357">
        <v>4905993</v>
      </c>
      <c r="IU17" s="159">
        <v>0</v>
      </c>
      <c r="IV17" s="122">
        <v>0</v>
      </c>
      <c r="IW17" s="123">
        <v>0</v>
      </c>
      <c r="IX17" s="161"/>
      <c r="IY17" s="122">
        <v>196416</v>
      </c>
      <c r="IZ17" s="122">
        <v>243890</v>
      </c>
      <c r="JA17" s="122">
        <v>208165</v>
      </c>
      <c r="JB17" s="122">
        <v>243726</v>
      </c>
      <c r="JC17" s="122">
        <v>60396</v>
      </c>
      <c r="JD17" s="123">
        <v>952593</v>
      </c>
      <c r="JE17" s="124">
        <v>952593</v>
      </c>
      <c r="JF17" s="159">
        <v>0</v>
      </c>
      <c r="JG17" s="122">
        <v>0</v>
      </c>
      <c r="JH17" s="158">
        <v>0</v>
      </c>
      <c r="JI17" s="121">
        <v>0</v>
      </c>
      <c r="JJ17" s="122">
        <v>25785685</v>
      </c>
      <c r="JK17" s="122">
        <v>19822995</v>
      </c>
      <c r="JL17" s="122">
        <v>14385752</v>
      </c>
      <c r="JM17" s="122">
        <v>8197959</v>
      </c>
      <c r="JN17" s="122">
        <v>3418773</v>
      </c>
      <c r="JO17" s="123">
        <v>71611164</v>
      </c>
      <c r="JP17" s="357">
        <v>71611164</v>
      </c>
      <c r="JQ17" s="159">
        <v>0</v>
      </c>
      <c r="JR17" s="122">
        <v>147256</v>
      </c>
      <c r="JS17" s="158">
        <v>147256</v>
      </c>
      <c r="JT17" s="121">
        <v>0</v>
      </c>
      <c r="JU17" s="122">
        <v>1228898</v>
      </c>
      <c r="JV17" s="122">
        <v>1284451</v>
      </c>
      <c r="JW17" s="122">
        <v>873121</v>
      </c>
      <c r="JX17" s="122">
        <v>100124</v>
      </c>
      <c r="JY17" s="122">
        <v>119842</v>
      </c>
      <c r="JZ17" s="123">
        <v>3606436</v>
      </c>
      <c r="KA17" s="357">
        <v>3753692</v>
      </c>
      <c r="KB17" s="264">
        <v>214868</v>
      </c>
      <c r="KC17" s="258">
        <v>276845</v>
      </c>
      <c r="KD17" s="123">
        <v>491713</v>
      </c>
      <c r="KE17" s="121">
        <v>0</v>
      </c>
      <c r="KF17" s="122">
        <v>5501706</v>
      </c>
      <c r="KG17" s="122">
        <v>7865588</v>
      </c>
      <c r="KH17" s="122">
        <v>6499043</v>
      </c>
      <c r="KI17" s="122">
        <v>4999255</v>
      </c>
      <c r="KJ17" s="122">
        <v>1714803</v>
      </c>
      <c r="KK17" s="123">
        <v>26580395</v>
      </c>
      <c r="KL17" s="160">
        <v>27072108</v>
      </c>
      <c r="KM17" s="261">
        <v>0</v>
      </c>
      <c r="KN17" s="268">
        <v>906753</v>
      </c>
      <c r="KO17" s="269">
        <v>906753</v>
      </c>
      <c r="KP17" s="157"/>
      <c r="KQ17" s="122">
        <v>14277145</v>
      </c>
      <c r="KR17" s="122">
        <v>18795175</v>
      </c>
      <c r="KS17" s="122">
        <v>15134320</v>
      </c>
      <c r="KT17" s="122">
        <v>13107608</v>
      </c>
      <c r="KU17" s="122">
        <v>7601544</v>
      </c>
      <c r="KV17" s="123">
        <v>68915792</v>
      </c>
      <c r="KW17" s="357">
        <v>69822545</v>
      </c>
      <c r="KX17" s="159">
        <v>0</v>
      </c>
      <c r="KY17" s="122">
        <v>0</v>
      </c>
      <c r="KZ17" s="123">
        <v>0</v>
      </c>
      <c r="LA17" s="162"/>
      <c r="LB17" s="122">
        <v>0</v>
      </c>
      <c r="LC17" s="122">
        <v>0</v>
      </c>
      <c r="LD17" s="122">
        <v>0</v>
      </c>
      <c r="LE17" s="122">
        <v>0</v>
      </c>
      <c r="LF17" s="122">
        <v>0</v>
      </c>
      <c r="LG17" s="123">
        <v>0</v>
      </c>
      <c r="LH17" s="124">
        <v>0</v>
      </c>
      <c r="LI17" s="159">
        <v>0</v>
      </c>
      <c r="LJ17" s="122">
        <v>0</v>
      </c>
      <c r="LK17" s="123">
        <v>0</v>
      </c>
      <c r="LL17" s="162"/>
      <c r="LM17" s="122">
        <v>0</v>
      </c>
      <c r="LN17" s="122">
        <v>206802</v>
      </c>
      <c r="LO17" s="122">
        <v>202905</v>
      </c>
      <c r="LP17" s="122">
        <v>0</v>
      </c>
      <c r="LQ17" s="122">
        <v>0</v>
      </c>
      <c r="LR17" s="123">
        <v>409707</v>
      </c>
      <c r="LS17" s="357">
        <v>409707</v>
      </c>
      <c r="LT17" s="159">
        <v>0</v>
      </c>
      <c r="LU17" s="122">
        <v>0</v>
      </c>
      <c r="LV17" s="123">
        <v>0</v>
      </c>
      <c r="LW17" s="162"/>
      <c r="LX17" s="122">
        <v>675811</v>
      </c>
      <c r="LY17" s="122">
        <v>812199</v>
      </c>
      <c r="LZ17" s="122">
        <v>346328</v>
      </c>
      <c r="MA17" s="122">
        <v>1894866</v>
      </c>
      <c r="MB17" s="122">
        <v>1093422</v>
      </c>
      <c r="MC17" s="123">
        <v>4822626</v>
      </c>
      <c r="MD17" s="124">
        <v>4822626</v>
      </c>
      <c r="ME17" s="159">
        <v>0</v>
      </c>
      <c r="MF17" s="122">
        <v>0</v>
      </c>
      <c r="MG17" s="123">
        <v>0</v>
      </c>
      <c r="MH17" s="162"/>
      <c r="MI17" s="122">
        <v>20661273</v>
      </c>
      <c r="MJ17" s="122">
        <v>26848824</v>
      </c>
      <c r="MK17" s="122">
        <v>85147316</v>
      </c>
      <c r="ML17" s="122">
        <v>132621618</v>
      </c>
      <c r="MM17" s="122">
        <v>78886362</v>
      </c>
      <c r="MN17" s="123">
        <v>344165393</v>
      </c>
      <c r="MO17" s="160">
        <v>344165393</v>
      </c>
      <c r="MP17" s="159">
        <v>0</v>
      </c>
      <c r="MQ17" s="122">
        <v>0</v>
      </c>
      <c r="MR17" s="123">
        <v>0</v>
      </c>
      <c r="MS17" s="162"/>
      <c r="MT17" s="122">
        <v>363052</v>
      </c>
      <c r="MU17" s="122">
        <v>1361998</v>
      </c>
      <c r="MV17" s="122">
        <v>49243872</v>
      </c>
      <c r="MW17" s="122">
        <v>87525649</v>
      </c>
      <c r="MX17" s="122">
        <v>50140786</v>
      </c>
      <c r="MY17" s="123">
        <v>188635357</v>
      </c>
      <c r="MZ17" s="160">
        <v>188635357</v>
      </c>
      <c r="NA17" s="159">
        <v>0</v>
      </c>
      <c r="NB17" s="122">
        <v>0</v>
      </c>
      <c r="NC17" s="123">
        <v>0</v>
      </c>
      <c r="ND17" s="162"/>
      <c r="NE17" s="122">
        <v>19318276</v>
      </c>
      <c r="NF17" s="122">
        <v>24561293</v>
      </c>
      <c r="NG17" s="122">
        <v>34412567</v>
      </c>
      <c r="NH17" s="122">
        <v>42303082</v>
      </c>
      <c r="NI17" s="122">
        <v>21205181</v>
      </c>
      <c r="NJ17" s="123">
        <v>141800399</v>
      </c>
      <c r="NK17" s="357">
        <v>141800399</v>
      </c>
      <c r="NL17" s="159">
        <v>0</v>
      </c>
      <c r="NM17" s="122">
        <v>0</v>
      </c>
      <c r="NN17" s="123">
        <v>0</v>
      </c>
      <c r="NO17" s="162"/>
      <c r="NP17" s="122">
        <v>0</v>
      </c>
      <c r="NQ17" s="122">
        <v>0</v>
      </c>
      <c r="NR17" s="122">
        <v>0</v>
      </c>
      <c r="NS17" s="122">
        <v>0</v>
      </c>
      <c r="NT17" s="122">
        <v>333242</v>
      </c>
      <c r="NU17" s="123">
        <v>333242</v>
      </c>
      <c r="NV17" s="124">
        <v>333242</v>
      </c>
      <c r="NW17" s="159">
        <v>0</v>
      </c>
      <c r="NX17" s="122">
        <v>0</v>
      </c>
      <c r="NY17" s="123">
        <v>0</v>
      </c>
      <c r="NZ17" s="162"/>
      <c r="OA17" s="122">
        <v>979945</v>
      </c>
      <c r="OB17" s="122">
        <v>925533</v>
      </c>
      <c r="OC17" s="122">
        <v>1490877</v>
      </c>
      <c r="OD17" s="122">
        <v>2792887</v>
      </c>
      <c r="OE17" s="122">
        <v>7207153</v>
      </c>
      <c r="OF17" s="123">
        <v>13396395</v>
      </c>
      <c r="OG17" s="124">
        <v>13396395</v>
      </c>
      <c r="OH17" s="159">
        <v>10755997</v>
      </c>
      <c r="OI17" s="122">
        <v>15805642</v>
      </c>
      <c r="OJ17" s="158">
        <v>26561639</v>
      </c>
      <c r="OK17" s="121">
        <v>0</v>
      </c>
      <c r="OL17" s="122">
        <v>216916777</v>
      </c>
      <c r="OM17" s="122">
        <v>200022356</v>
      </c>
      <c r="ON17" s="122">
        <v>239878710</v>
      </c>
      <c r="OO17" s="122">
        <v>279782228</v>
      </c>
      <c r="OP17" s="122">
        <v>180379809</v>
      </c>
      <c r="OQ17" s="123">
        <v>1116979880</v>
      </c>
      <c r="OR17" s="160">
        <v>1143541519</v>
      </c>
    </row>
    <row r="18" spans="1:408" ht="18.75" customHeight="1" x14ac:dyDescent="0.2">
      <c r="A18" s="62" t="s">
        <v>12</v>
      </c>
      <c r="B18" s="112">
        <v>15450149</v>
      </c>
      <c r="C18" s="116">
        <v>26886945</v>
      </c>
      <c r="D18" s="115">
        <v>42337094</v>
      </c>
      <c r="E18" s="111">
        <v>0</v>
      </c>
      <c r="F18" s="116">
        <v>110183031</v>
      </c>
      <c r="G18" s="187">
        <v>123407778</v>
      </c>
      <c r="H18" s="187">
        <v>116496310</v>
      </c>
      <c r="I18" s="187">
        <v>129794584</v>
      </c>
      <c r="J18" s="187">
        <v>95604421</v>
      </c>
      <c r="K18" s="114">
        <v>575486124</v>
      </c>
      <c r="L18" s="118">
        <v>617823218</v>
      </c>
      <c r="M18" s="112">
        <v>3120147</v>
      </c>
      <c r="N18" s="116">
        <v>6387811</v>
      </c>
      <c r="O18" s="115">
        <v>9507958</v>
      </c>
      <c r="P18" s="112">
        <v>0</v>
      </c>
      <c r="Q18" s="116">
        <v>30730392</v>
      </c>
      <c r="R18" s="116">
        <v>37907571</v>
      </c>
      <c r="S18" s="116">
        <v>33569571</v>
      </c>
      <c r="T18" s="116">
        <v>46787161</v>
      </c>
      <c r="U18" s="116">
        <v>48322325</v>
      </c>
      <c r="V18" s="115">
        <v>197317020</v>
      </c>
      <c r="W18" s="118">
        <v>206824978</v>
      </c>
      <c r="X18" s="112">
        <v>0</v>
      </c>
      <c r="Y18" s="116">
        <v>0</v>
      </c>
      <c r="Z18" s="115">
        <v>0</v>
      </c>
      <c r="AA18" s="112">
        <v>0</v>
      </c>
      <c r="AB18" s="116">
        <v>17812534</v>
      </c>
      <c r="AC18" s="116">
        <v>22013954</v>
      </c>
      <c r="AD18" s="116">
        <v>20801400</v>
      </c>
      <c r="AE18" s="116">
        <v>30253997</v>
      </c>
      <c r="AF18" s="116">
        <v>32128382</v>
      </c>
      <c r="AG18" s="115">
        <v>123010267</v>
      </c>
      <c r="AH18" s="118">
        <v>123010267</v>
      </c>
      <c r="AI18" s="112">
        <v>0</v>
      </c>
      <c r="AJ18" s="116">
        <v>148067</v>
      </c>
      <c r="AK18" s="115">
        <v>148067</v>
      </c>
      <c r="AL18" s="112">
        <v>0</v>
      </c>
      <c r="AM18" s="116">
        <v>100210</v>
      </c>
      <c r="AN18" s="116">
        <v>1202414</v>
      </c>
      <c r="AO18" s="116">
        <v>1438369</v>
      </c>
      <c r="AP18" s="116">
        <v>3102927</v>
      </c>
      <c r="AQ18" s="116">
        <v>4646928</v>
      </c>
      <c r="AR18" s="115">
        <v>10490848</v>
      </c>
      <c r="AS18" s="118">
        <v>10638915</v>
      </c>
      <c r="AT18" s="112">
        <v>2103761</v>
      </c>
      <c r="AU18" s="116">
        <v>4692571</v>
      </c>
      <c r="AV18" s="115">
        <v>6796332</v>
      </c>
      <c r="AW18" s="112">
        <v>0</v>
      </c>
      <c r="AX18" s="116">
        <v>8639508</v>
      </c>
      <c r="AY18" s="116">
        <v>9570658</v>
      </c>
      <c r="AZ18" s="116">
        <v>6773873</v>
      </c>
      <c r="BA18" s="116">
        <v>7937359</v>
      </c>
      <c r="BB18" s="116">
        <v>7444446</v>
      </c>
      <c r="BC18" s="115">
        <v>40365844</v>
      </c>
      <c r="BD18" s="118">
        <v>47162176</v>
      </c>
      <c r="BE18" s="112">
        <v>47322</v>
      </c>
      <c r="BF18" s="116">
        <v>565037</v>
      </c>
      <c r="BG18" s="114">
        <v>612359</v>
      </c>
      <c r="BH18" s="113">
        <v>0</v>
      </c>
      <c r="BI18" s="116">
        <v>390342</v>
      </c>
      <c r="BJ18" s="116">
        <v>1258066</v>
      </c>
      <c r="BK18" s="116">
        <v>810148</v>
      </c>
      <c r="BL18" s="116">
        <v>785357</v>
      </c>
      <c r="BM18" s="116">
        <v>506349</v>
      </c>
      <c r="BN18" s="115">
        <v>3750262</v>
      </c>
      <c r="BO18" s="118">
        <v>4362621</v>
      </c>
      <c r="BP18" s="112">
        <v>969064</v>
      </c>
      <c r="BQ18" s="116">
        <v>982136</v>
      </c>
      <c r="BR18" s="115">
        <v>1951200</v>
      </c>
      <c r="BS18" s="112">
        <v>0</v>
      </c>
      <c r="BT18" s="116">
        <v>3787798</v>
      </c>
      <c r="BU18" s="116">
        <v>3862479</v>
      </c>
      <c r="BV18" s="116">
        <v>3745781</v>
      </c>
      <c r="BW18" s="116">
        <v>4707521</v>
      </c>
      <c r="BX18" s="116">
        <v>3596220</v>
      </c>
      <c r="BY18" s="115">
        <v>19699799</v>
      </c>
      <c r="BZ18" s="118">
        <v>21650999</v>
      </c>
      <c r="CA18" s="112">
        <v>2808396</v>
      </c>
      <c r="CB18" s="116">
        <v>4666995</v>
      </c>
      <c r="CC18" s="115">
        <v>7475391</v>
      </c>
      <c r="CD18" s="112">
        <v>0</v>
      </c>
      <c r="CE18" s="116">
        <v>34014328</v>
      </c>
      <c r="CF18" s="116">
        <v>32094358</v>
      </c>
      <c r="CG18" s="116">
        <v>31050426</v>
      </c>
      <c r="CH18" s="116">
        <v>23738746</v>
      </c>
      <c r="CI18" s="116">
        <v>11928776</v>
      </c>
      <c r="CJ18" s="115">
        <v>132826634</v>
      </c>
      <c r="CK18" s="118">
        <v>140302025</v>
      </c>
      <c r="CL18" s="112">
        <v>0</v>
      </c>
      <c r="CM18" s="116">
        <v>0</v>
      </c>
      <c r="CN18" s="115">
        <v>0</v>
      </c>
      <c r="CO18" s="113">
        <v>0</v>
      </c>
      <c r="CP18" s="116">
        <v>29360415</v>
      </c>
      <c r="CQ18" s="116">
        <v>24337799</v>
      </c>
      <c r="CR18" s="116">
        <v>23842666</v>
      </c>
      <c r="CS18" s="116">
        <v>18427317</v>
      </c>
      <c r="CT18" s="116">
        <v>9075392</v>
      </c>
      <c r="CU18" s="115">
        <v>105043589</v>
      </c>
      <c r="CV18" s="118">
        <v>105043589</v>
      </c>
      <c r="CW18" s="112">
        <v>2808396</v>
      </c>
      <c r="CX18" s="116">
        <v>4666995</v>
      </c>
      <c r="CY18" s="115">
        <v>7475391</v>
      </c>
      <c r="CZ18" s="112">
        <v>0</v>
      </c>
      <c r="DA18" s="116">
        <v>4653913</v>
      </c>
      <c r="DB18" s="116">
        <v>7756559</v>
      </c>
      <c r="DC18" s="116">
        <v>7207760</v>
      </c>
      <c r="DD18" s="116">
        <v>5311429</v>
      </c>
      <c r="DE18" s="116">
        <v>2853384</v>
      </c>
      <c r="DF18" s="115">
        <v>27783045</v>
      </c>
      <c r="DG18" s="118">
        <v>35258436</v>
      </c>
      <c r="DH18" s="112">
        <v>20727</v>
      </c>
      <c r="DI18" s="116">
        <v>248174</v>
      </c>
      <c r="DJ18" s="114">
        <v>268901</v>
      </c>
      <c r="DK18" s="113">
        <v>0</v>
      </c>
      <c r="DL18" s="116">
        <v>3019290</v>
      </c>
      <c r="DM18" s="116">
        <v>5951359</v>
      </c>
      <c r="DN18" s="116">
        <v>11684413</v>
      </c>
      <c r="DO18" s="116">
        <v>9483408</v>
      </c>
      <c r="DP18" s="116">
        <v>4735881</v>
      </c>
      <c r="DQ18" s="115">
        <v>34874351</v>
      </c>
      <c r="DR18" s="118">
        <v>35143252</v>
      </c>
      <c r="DS18" s="112">
        <v>20727</v>
      </c>
      <c r="DT18" s="116">
        <v>248174</v>
      </c>
      <c r="DU18" s="115">
        <v>268901</v>
      </c>
      <c r="DV18" s="112">
        <v>0</v>
      </c>
      <c r="DW18" s="116">
        <v>2986044</v>
      </c>
      <c r="DX18" s="116">
        <v>5837403</v>
      </c>
      <c r="DY18" s="116">
        <v>11482444</v>
      </c>
      <c r="DZ18" s="116">
        <v>9199793</v>
      </c>
      <c r="EA18" s="116">
        <v>4685151</v>
      </c>
      <c r="EB18" s="115">
        <v>34190835</v>
      </c>
      <c r="EC18" s="118">
        <v>34459736</v>
      </c>
      <c r="ED18" s="112">
        <v>0</v>
      </c>
      <c r="EE18" s="114">
        <v>0</v>
      </c>
      <c r="EF18" s="115">
        <v>0</v>
      </c>
      <c r="EG18" s="112">
        <v>0</v>
      </c>
      <c r="EH18" s="116">
        <v>33246</v>
      </c>
      <c r="EI18" s="116">
        <v>113956</v>
      </c>
      <c r="EJ18" s="116">
        <v>201969</v>
      </c>
      <c r="EK18" s="116">
        <v>283615</v>
      </c>
      <c r="EL18" s="116">
        <v>50730</v>
      </c>
      <c r="EM18" s="114">
        <v>683516</v>
      </c>
      <c r="EN18" s="118">
        <v>683516</v>
      </c>
      <c r="EO18" s="112">
        <v>0</v>
      </c>
      <c r="EP18" s="116">
        <v>0</v>
      </c>
      <c r="EQ18" s="114">
        <v>0</v>
      </c>
      <c r="ER18" s="113">
        <v>0</v>
      </c>
      <c r="ES18" s="116">
        <v>0</v>
      </c>
      <c r="ET18" s="116">
        <v>0</v>
      </c>
      <c r="EU18" s="116">
        <v>0</v>
      </c>
      <c r="EV18" s="116">
        <v>0</v>
      </c>
      <c r="EW18" s="116">
        <v>0</v>
      </c>
      <c r="EX18" s="115">
        <v>0</v>
      </c>
      <c r="EY18" s="118">
        <v>0</v>
      </c>
      <c r="EZ18" s="112">
        <v>0</v>
      </c>
      <c r="FA18" s="116">
        <v>0</v>
      </c>
      <c r="FB18" s="114">
        <v>0</v>
      </c>
      <c r="FC18" s="390"/>
      <c r="FD18" s="116">
        <v>0</v>
      </c>
      <c r="FE18" s="116">
        <v>0</v>
      </c>
      <c r="FF18" s="116">
        <v>0</v>
      </c>
      <c r="FG18" s="116">
        <v>0</v>
      </c>
      <c r="FH18" s="116">
        <v>0</v>
      </c>
      <c r="FI18" s="115">
        <v>0</v>
      </c>
      <c r="FJ18" s="118">
        <v>0</v>
      </c>
      <c r="FK18" s="112">
        <v>4103546</v>
      </c>
      <c r="FL18" s="116">
        <v>6779309</v>
      </c>
      <c r="FM18" s="115">
        <v>10882855</v>
      </c>
      <c r="FN18" s="112">
        <v>0</v>
      </c>
      <c r="FO18" s="116">
        <v>4614387</v>
      </c>
      <c r="FP18" s="116">
        <v>14142340</v>
      </c>
      <c r="FQ18" s="116">
        <v>10947938</v>
      </c>
      <c r="FR18" s="116">
        <v>12690006</v>
      </c>
      <c r="FS18" s="116">
        <v>7785982</v>
      </c>
      <c r="FT18" s="115">
        <v>50180653</v>
      </c>
      <c r="FU18" s="118">
        <v>61063508</v>
      </c>
      <c r="FV18" s="117">
        <v>2445250</v>
      </c>
      <c r="FW18" s="116">
        <v>4798097</v>
      </c>
      <c r="FX18" s="114">
        <v>7243347</v>
      </c>
      <c r="FY18" s="113">
        <v>0</v>
      </c>
      <c r="FZ18" s="116">
        <v>3400930</v>
      </c>
      <c r="GA18" s="116">
        <v>12034508</v>
      </c>
      <c r="GB18" s="116">
        <v>10310991</v>
      </c>
      <c r="GC18" s="116">
        <v>11384974</v>
      </c>
      <c r="GD18" s="116">
        <v>7508774</v>
      </c>
      <c r="GE18" s="115">
        <v>44640177</v>
      </c>
      <c r="GF18" s="354">
        <v>51883524</v>
      </c>
      <c r="GG18" s="117">
        <v>249753</v>
      </c>
      <c r="GH18" s="116">
        <v>307618</v>
      </c>
      <c r="GI18" s="114">
        <v>557371</v>
      </c>
      <c r="GJ18" s="113">
        <v>0</v>
      </c>
      <c r="GK18" s="116">
        <v>289181</v>
      </c>
      <c r="GL18" s="116">
        <v>736970</v>
      </c>
      <c r="GM18" s="116">
        <v>320474</v>
      </c>
      <c r="GN18" s="116">
        <v>546887</v>
      </c>
      <c r="GO18" s="116">
        <v>118808</v>
      </c>
      <c r="GP18" s="115">
        <v>2012320</v>
      </c>
      <c r="GQ18" s="118">
        <v>2569691</v>
      </c>
      <c r="GR18" s="112">
        <v>1408543</v>
      </c>
      <c r="GS18" s="116">
        <v>1673594</v>
      </c>
      <c r="GT18" s="115">
        <v>3082137</v>
      </c>
      <c r="GU18" s="112">
        <v>0</v>
      </c>
      <c r="GV18" s="116">
        <v>924276</v>
      </c>
      <c r="GW18" s="116">
        <v>1370862</v>
      </c>
      <c r="GX18" s="116">
        <v>316473</v>
      </c>
      <c r="GY18" s="116">
        <v>758145</v>
      </c>
      <c r="GZ18" s="116">
        <v>158400</v>
      </c>
      <c r="HA18" s="114">
        <v>3528156</v>
      </c>
      <c r="HB18" s="118">
        <v>6610293</v>
      </c>
      <c r="HC18" s="112">
        <v>2194707</v>
      </c>
      <c r="HD18" s="116">
        <v>4320440</v>
      </c>
      <c r="HE18" s="114">
        <v>6515147</v>
      </c>
      <c r="HF18" s="113">
        <v>0</v>
      </c>
      <c r="HG18" s="116">
        <v>17319878</v>
      </c>
      <c r="HH18" s="116">
        <v>16910493</v>
      </c>
      <c r="HI18" s="116">
        <v>15448078</v>
      </c>
      <c r="HJ18" s="116">
        <v>26274463</v>
      </c>
      <c r="HK18" s="116">
        <v>16931635</v>
      </c>
      <c r="HL18" s="115">
        <v>92884547</v>
      </c>
      <c r="HM18" s="111">
        <v>99399694</v>
      </c>
      <c r="HN18" s="117">
        <v>3202626</v>
      </c>
      <c r="HO18" s="116">
        <v>4484216</v>
      </c>
      <c r="HP18" s="115">
        <v>7686842</v>
      </c>
      <c r="HQ18" s="112">
        <v>0</v>
      </c>
      <c r="HR18" s="116">
        <v>20484756</v>
      </c>
      <c r="HS18" s="116">
        <v>16401657</v>
      </c>
      <c r="HT18" s="116">
        <v>13795884</v>
      </c>
      <c r="HU18" s="116">
        <v>10820800</v>
      </c>
      <c r="HV18" s="116">
        <v>5899822</v>
      </c>
      <c r="HW18" s="114">
        <v>67402919</v>
      </c>
      <c r="HX18" s="118">
        <v>75089761</v>
      </c>
      <c r="HY18" s="167">
        <v>34006</v>
      </c>
      <c r="HZ18" s="152">
        <v>0</v>
      </c>
      <c r="IA18" s="167">
        <v>34006</v>
      </c>
      <c r="IB18" s="151">
        <v>0</v>
      </c>
      <c r="IC18" s="152">
        <v>35654833</v>
      </c>
      <c r="ID18" s="153">
        <v>35870557</v>
      </c>
      <c r="IE18" s="154">
        <v>40261722</v>
      </c>
      <c r="IF18" s="152">
        <v>38240081</v>
      </c>
      <c r="IG18" s="154">
        <v>27884740</v>
      </c>
      <c r="IH18" s="155">
        <v>177911933</v>
      </c>
      <c r="II18" s="167">
        <v>177945939</v>
      </c>
      <c r="IJ18" s="261">
        <v>0</v>
      </c>
      <c r="IK18" s="268">
        <v>0</v>
      </c>
      <c r="IL18" s="269">
        <v>0</v>
      </c>
      <c r="IM18" s="157"/>
      <c r="IN18" s="122">
        <v>952090</v>
      </c>
      <c r="IO18" s="122">
        <v>628896</v>
      </c>
      <c r="IP18" s="122">
        <v>419472</v>
      </c>
      <c r="IQ18" s="122">
        <v>1495352</v>
      </c>
      <c r="IR18" s="122">
        <v>280502</v>
      </c>
      <c r="IS18" s="158">
        <v>3776312</v>
      </c>
      <c r="IT18" s="357">
        <v>3776312</v>
      </c>
      <c r="IU18" s="159">
        <v>0</v>
      </c>
      <c r="IV18" s="122">
        <v>0</v>
      </c>
      <c r="IW18" s="123">
        <v>0</v>
      </c>
      <c r="IX18" s="161"/>
      <c r="IY18" s="122">
        <v>0</v>
      </c>
      <c r="IZ18" s="122">
        <v>0</v>
      </c>
      <c r="JA18" s="122">
        <v>0</v>
      </c>
      <c r="JB18" s="122">
        <v>0</v>
      </c>
      <c r="JC18" s="122">
        <v>0</v>
      </c>
      <c r="JD18" s="123">
        <v>0</v>
      </c>
      <c r="JE18" s="124">
        <v>0</v>
      </c>
      <c r="JF18" s="159">
        <v>0</v>
      </c>
      <c r="JG18" s="122">
        <v>0</v>
      </c>
      <c r="JH18" s="158">
        <v>0</v>
      </c>
      <c r="JI18" s="121">
        <v>0</v>
      </c>
      <c r="JJ18" s="122">
        <v>18759361</v>
      </c>
      <c r="JK18" s="122">
        <v>12757586</v>
      </c>
      <c r="JL18" s="122">
        <v>10685971</v>
      </c>
      <c r="JM18" s="122">
        <v>5098306</v>
      </c>
      <c r="JN18" s="122">
        <v>4383123</v>
      </c>
      <c r="JO18" s="123">
        <v>51684347</v>
      </c>
      <c r="JP18" s="357">
        <v>51684347</v>
      </c>
      <c r="JQ18" s="159">
        <v>0</v>
      </c>
      <c r="JR18" s="122">
        <v>0</v>
      </c>
      <c r="JS18" s="158">
        <v>0</v>
      </c>
      <c r="JT18" s="121">
        <v>0</v>
      </c>
      <c r="JU18" s="122">
        <v>309294</v>
      </c>
      <c r="JV18" s="122">
        <v>417473</v>
      </c>
      <c r="JW18" s="122">
        <v>0</v>
      </c>
      <c r="JX18" s="122">
        <v>0</v>
      </c>
      <c r="JY18" s="122">
        <v>279768</v>
      </c>
      <c r="JZ18" s="123">
        <v>1006535</v>
      </c>
      <c r="KA18" s="357">
        <v>1006535</v>
      </c>
      <c r="KB18" s="264">
        <v>34006</v>
      </c>
      <c r="KC18" s="258">
        <v>0</v>
      </c>
      <c r="KD18" s="123">
        <v>34006</v>
      </c>
      <c r="KE18" s="121">
        <v>0</v>
      </c>
      <c r="KF18" s="122">
        <v>3205034</v>
      </c>
      <c r="KG18" s="122">
        <v>5935895</v>
      </c>
      <c r="KH18" s="122">
        <v>12365582</v>
      </c>
      <c r="KI18" s="122">
        <v>11232573</v>
      </c>
      <c r="KJ18" s="122">
        <v>8152034</v>
      </c>
      <c r="KK18" s="123">
        <v>40891118</v>
      </c>
      <c r="KL18" s="160">
        <v>40925124</v>
      </c>
      <c r="KM18" s="261">
        <v>0</v>
      </c>
      <c r="KN18" s="268">
        <v>0</v>
      </c>
      <c r="KO18" s="269">
        <v>0</v>
      </c>
      <c r="KP18" s="157"/>
      <c r="KQ18" s="122">
        <v>10170593</v>
      </c>
      <c r="KR18" s="122">
        <v>13542471</v>
      </c>
      <c r="KS18" s="122">
        <v>8371027</v>
      </c>
      <c r="KT18" s="122">
        <v>8434870</v>
      </c>
      <c r="KU18" s="122">
        <v>8165174</v>
      </c>
      <c r="KV18" s="123">
        <v>48684135</v>
      </c>
      <c r="KW18" s="357">
        <v>48684135</v>
      </c>
      <c r="KX18" s="159">
        <v>0</v>
      </c>
      <c r="KY18" s="122">
        <v>0</v>
      </c>
      <c r="KZ18" s="123">
        <v>0</v>
      </c>
      <c r="LA18" s="162"/>
      <c r="LB18" s="122">
        <v>163307</v>
      </c>
      <c r="LC18" s="122">
        <v>1170309</v>
      </c>
      <c r="LD18" s="122">
        <v>340638</v>
      </c>
      <c r="LE18" s="122">
        <v>2572231</v>
      </c>
      <c r="LF18" s="122">
        <v>724164</v>
      </c>
      <c r="LG18" s="123">
        <v>4970649</v>
      </c>
      <c r="LH18" s="124">
        <v>4970649</v>
      </c>
      <c r="LI18" s="159">
        <v>0</v>
      </c>
      <c r="LJ18" s="122">
        <v>0</v>
      </c>
      <c r="LK18" s="123">
        <v>0</v>
      </c>
      <c r="LL18" s="162"/>
      <c r="LM18" s="122">
        <v>211630</v>
      </c>
      <c r="LN18" s="122">
        <v>0</v>
      </c>
      <c r="LO18" s="122">
        <v>3802408</v>
      </c>
      <c r="LP18" s="122">
        <v>2182318</v>
      </c>
      <c r="LQ18" s="122">
        <v>1077171</v>
      </c>
      <c r="LR18" s="123">
        <v>7273527</v>
      </c>
      <c r="LS18" s="357">
        <v>7273527</v>
      </c>
      <c r="LT18" s="159">
        <v>0</v>
      </c>
      <c r="LU18" s="122">
        <v>0</v>
      </c>
      <c r="LV18" s="123">
        <v>0</v>
      </c>
      <c r="LW18" s="162"/>
      <c r="LX18" s="122">
        <v>1883524</v>
      </c>
      <c r="LY18" s="122">
        <v>1417927</v>
      </c>
      <c r="LZ18" s="122">
        <v>4276624</v>
      </c>
      <c r="MA18" s="122">
        <v>7224431</v>
      </c>
      <c r="MB18" s="122">
        <v>4822804</v>
      </c>
      <c r="MC18" s="123">
        <v>19625310</v>
      </c>
      <c r="MD18" s="124">
        <v>19625310</v>
      </c>
      <c r="ME18" s="159">
        <v>0</v>
      </c>
      <c r="MF18" s="122">
        <v>0</v>
      </c>
      <c r="MG18" s="123">
        <v>0</v>
      </c>
      <c r="MH18" s="162"/>
      <c r="MI18" s="122">
        <v>11511555</v>
      </c>
      <c r="MJ18" s="122">
        <v>23290928</v>
      </c>
      <c r="MK18" s="122">
        <v>82922168</v>
      </c>
      <c r="ML18" s="122">
        <v>119430860</v>
      </c>
      <c r="MM18" s="122">
        <v>85114945</v>
      </c>
      <c r="MN18" s="123">
        <v>322270456</v>
      </c>
      <c r="MO18" s="160">
        <v>322270456</v>
      </c>
      <c r="MP18" s="159">
        <v>0</v>
      </c>
      <c r="MQ18" s="122">
        <v>0</v>
      </c>
      <c r="MR18" s="123">
        <v>0</v>
      </c>
      <c r="MS18" s="162"/>
      <c r="MT18" s="122">
        <v>345513</v>
      </c>
      <c r="MU18" s="122">
        <v>4215900</v>
      </c>
      <c r="MV18" s="122">
        <v>41810002</v>
      </c>
      <c r="MW18" s="122">
        <v>74772123</v>
      </c>
      <c r="MX18" s="122">
        <v>59016842</v>
      </c>
      <c r="MY18" s="123">
        <v>180160380</v>
      </c>
      <c r="MZ18" s="160">
        <v>180160380</v>
      </c>
      <c r="NA18" s="159">
        <v>0</v>
      </c>
      <c r="NB18" s="122">
        <v>0</v>
      </c>
      <c r="NC18" s="123">
        <v>0</v>
      </c>
      <c r="ND18" s="162"/>
      <c r="NE18" s="122">
        <v>11166042</v>
      </c>
      <c r="NF18" s="122">
        <v>18803795</v>
      </c>
      <c r="NG18" s="122">
        <v>40105977</v>
      </c>
      <c r="NH18" s="122">
        <v>41555008</v>
      </c>
      <c r="NI18" s="122">
        <v>21188620</v>
      </c>
      <c r="NJ18" s="123">
        <v>132819442</v>
      </c>
      <c r="NK18" s="357">
        <v>132819442</v>
      </c>
      <c r="NL18" s="159">
        <v>0</v>
      </c>
      <c r="NM18" s="122">
        <v>0</v>
      </c>
      <c r="NN18" s="123">
        <v>0</v>
      </c>
      <c r="NO18" s="162"/>
      <c r="NP18" s="122">
        <v>0</v>
      </c>
      <c r="NQ18" s="122">
        <v>0</v>
      </c>
      <c r="NR18" s="122">
        <v>0</v>
      </c>
      <c r="NS18" s="122">
        <v>2715246</v>
      </c>
      <c r="NT18" s="122">
        <v>2277885</v>
      </c>
      <c r="NU18" s="123">
        <v>4993131</v>
      </c>
      <c r="NV18" s="124">
        <v>4993131</v>
      </c>
      <c r="NW18" s="159">
        <v>0</v>
      </c>
      <c r="NX18" s="122">
        <v>0</v>
      </c>
      <c r="NY18" s="123">
        <v>0</v>
      </c>
      <c r="NZ18" s="162"/>
      <c r="OA18" s="122">
        <v>0</v>
      </c>
      <c r="OB18" s="122">
        <v>271233</v>
      </c>
      <c r="OC18" s="122">
        <v>1006189</v>
      </c>
      <c r="OD18" s="122">
        <v>388483</v>
      </c>
      <c r="OE18" s="122">
        <v>2631598</v>
      </c>
      <c r="OF18" s="123">
        <v>4297503</v>
      </c>
      <c r="OG18" s="124">
        <v>4297503</v>
      </c>
      <c r="OH18" s="159">
        <v>15484155</v>
      </c>
      <c r="OI18" s="122">
        <v>26886945</v>
      </c>
      <c r="OJ18" s="158">
        <v>42371100</v>
      </c>
      <c r="OK18" s="121">
        <v>0</v>
      </c>
      <c r="OL18" s="122">
        <v>157349419</v>
      </c>
      <c r="OM18" s="122">
        <v>182569263</v>
      </c>
      <c r="ON18" s="122">
        <v>239680200</v>
      </c>
      <c r="OO18" s="122">
        <v>287465525</v>
      </c>
      <c r="OP18" s="122">
        <v>208604106</v>
      </c>
      <c r="OQ18" s="123">
        <v>1075668513</v>
      </c>
      <c r="OR18" s="160">
        <v>1118039613</v>
      </c>
    </row>
    <row r="19" spans="1:408" ht="18.75" customHeight="1" x14ac:dyDescent="0.2">
      <c r="A19" s="62" t="s">
        <v>13</v>
      </c>
      <c r="B19" s="112">
        <v>3371498</v>
      </c>
      <c r="C19" s="116">
        <v>5767958</v>
      </c>
      <c r="D19" s="115">
        <v>9139456</v>
      </c>
      <c r="E19" s="112">
        <v>0</v>
      </c>
      <c r="F19" s="187">
        <v>42595498</v>
      </c>
      <c r="G19" s="116">
        <v>54722932</v>
      </c>
      <c r="H19" s="116">
        <v>50516400</v>
      </c>
      <c r="I19" s="116">
        <v>52272189</v>
      </c>
      <c r="J19" s="116">
        <v>47203507</v>
      </c>
      <c r="K19" s="114">
        <v>247310526</v>
      </c>
      <c r="L19" s="118">
        <v>256449982</v>
      </c>
      <c r="M19" s="112">
        <v>739057</v>
      </c>
      <c r="N19" s="116">
        <v>1160334</v>
      </c>
      <c r="O19" s="115">
        <v>1899391</v>
      </c>
      <c r="P19" s="112">
        <v>0</v>
      </c>
      <c r="Q19" s="116">
        <v>11761041</v>
      </c>
      <c r="R19" s="116">
        <v>18233622</v>
      </c>
      <c r="S19" s="116">
        <v>16506122</v>
      </c>
      <c r="T19" s="116">
        <v>16650129</v>
      </c>
      <c r="U19" s="116">
        <v>24069958</v>
      </c>
      <c r="V19" s="115">
        <v>87220872</v>
      </c>
      <c r="W19" s="118">
        <v>89120263</v>
      </c>
      <c r="X19" s="112">
        <v>0</v>
      </c>
      <c r="Y19" s="116">
        <v>0</v>
      </c>
      <c r="Z19" s="115">
        <v>0</v>
      </c>
      <c r="AA19" s="112">
        <v>0</v>
      </c>
      <c r="AB19" s="116">
        <v>5867248</v>
      </c>
      <c r="AC19" s="116">
        <v>9804523</v>
      </c>
      <c r="AD19" s="116">
        <v>10193495</v>
      </c>
      <c r="AE19" s="116">
        <v>10275752</v>
      </c>
      <c r="AF19" s="116">
        <v>16413109</v>
      </c>
      <c r="AG19" s="115">
        <v>52554127</v>
      </c>
      <c r="AH19" s="118">
        <v>52554127</v>
      </c>
      <c r="AI19" s="112">
        <v>27269</v>
      </c>
      <c r="AJ19" s="116">
        <v>0</v>
      </c>
      <c r="AK19" s="115">
        <v>27269</v>
      </c>
      <c r="AL19" s="112">
        <v>0</v>
      </c>
      <c r="AM19" s="116">
        <v>0</v>
      </c>
      <c r="AN19" s="116">
        <v>237994</v>
      </c>
      <c r="AO19" s="116">
        <v>219399</v>
      </c>
      <c r="AP19" s="116">
        <v>809723</v>
      </c>
      <c r="AQ19" s="116">
        <v>1942832</v>
      </c>
      <c r="AR19" s="115">
        <v>3209948</v>
      </c>
      <c r="AS19" s="118">
        <v>3237217</v>
      </c>
      <c r="AT19" s="112">
        <v>170634</v>
      </c>
      <c r="AU19" s="116">
        <v>582086</v>
      </c>
      <c r="AV19" s="115">
        <v>752720</v>
      </c>
      <c r="AW19" s="112">
        <v>0</v>
      </c>
      <c r="AX19" s="116">
        <v>3001368</v>
      </c>
      <c r="AY19" s="116">
        <v>5228489</v>
      </c>
      <c r="AZ19" s="116">
        <v>3412851</v>
      </c>
      <c r="BA19" s="116">
        <v>2972313</v>
      </c>
      <c r="BB19" s="116">
        <v>3597718</v>
      </c>
      <c r="BC19" s="115">
        <v>18212739</v>
      </c>
      <c r="BD19" s="118">
        <v>18965459</v>
      </c>
      <c r="BE19" s="112">
        <v>77686</v>
      </c>
      <c r="BF19" s="116">
        <v>103313</v>
      </c>
      <c r="BG19" s="114">
        <v>180999</v>
      </c>
      <c r="BH19" s="113">
        <v>0</v>
      </c>
      <c r="BI19" s="116">
        <v>448202</v>
      </c>
      <c r="BJ19" s="116">
        <v>605597</v>
      </c>
      <c r="BK19" s="116">
        <v>166896</v>
      </c>
      <c r="BL19" s="116">
        <v>383556</v>
      </c>
      <c r="BM19" s="116">
        <v>101549</v>
      </c>
      <c r="BN19" s="115">
        <v>1705800</v>
      </c>
      <c r="BO19" s="118">
        <v>1886799</v>
      </c>
      <c r="BP19" s="112">
        <v>463468</v>
      </c>
      <c r="BQ19" s="116">
        <v>474935</v>
      </c>
      <c r="BR19" s="115">
        <v>938403</v>
      </c>
      <c r="BS19" s="112">
        <v>0</v>
      </c>
      <c r="BT19" s="116">
        <v>2444223</v>
      </c>
      <c r="BU19" s="116">
        <v>2357019</v>
      </c>
      <c r="BV19" s="116">
        <v>2513481</v>
      </c>
      <c r="BW19" s="116">
        <v>2208785</v>
      </c>
      <c r="BX19" s="116">
        <v>2014750</v>
      </c>
      <c r="BY19" s="115">
        <v>11538258</v>
      </c>
      <c r="BZ19" s="118">
        <v>12476661</v>
      </c>
      <c r="CA19" s="112">
        <v>207815</v>
      </c>
      <c r="CB19" s="116">
        <v>960659</v>
      </c>
      <c r="CC19" s="115">
        <v>1168474</v>
      </c>
      <c r="CD19" s="112">
        <v>0</v>
      </c>
      <c r="CE19" s="116">
        <v>7391348</v>
      </c>
      <c r="CF19" s="116">
        <v>10883193</v>
      </c>
      <c r="CG19" s="116">
        <v>8589291</v>
      </c>
      <c r="CH19" s="116">
        <v>6766818</v>
      </c>
      <c r="CI19" s="116">
        <v>4031433</v>
      </c>
      <c r="CJ19" s="115">
        <v>37662083</v>
      </c>
      <c r="CK19" s="118">
        <v>38830557</v>
      </c>
      <c r="CL19" s="112">
        <v>0</v>
      </c>
      <c r="CM19" s="116">
        <v>0</v>
      </c>
      <c r="CN19" s="115">
        <v>0</v>
      </c>
      <c r="CO19" s="113">
        <v>0</v>
      </c>
      <c r="CP19" s="116">
        <v>6692887</v>
      </c>
      <c r="CQ19" s="116">
        <v>9838903</v>
      </c>
      <c r="CR19" s="116">
        <v>7484379</v>
      </c>
      <c r="CS19" s="116">
        <v>4871066</v>
      </c>
      <c r="CT19" s="116">
        <v>2935993</v>
      </c>
      <c r="CU19" s="115">
        <v>31823228</v>
      </c>
      <c r="CV19" s="118">
        <v>31823228</v>
      </c>
      <c r="CW19" s="112">
        <v>207815</v>
      </c>
      <c r="CX19" s="116">
        <v>960659</v>
      </c>
      <c r="CY19" s="115">
        <v>1168474</v>
      </c>
      <c r="CZ19" s="112">
        <v>0</v>
      </c>
      <c r="DA19" s="116">
        <v>698461</v>
      </c>
      <c r="DB19" s="116">
        <v>1044290</v>
      </c>
      <c r="DC19" s="116">
        <v>1104912</v>
      </c>
      <c r="DD19" s="116">
        <v>1895752</v>
      </c>
      <c r="DE19" s="116">
        <v>1095440</v>
      </c>
      <c r="DF19" s="115">
        <v>5838855</v>
      </c>
      <c r="DG19" s="118">
        <v>7007329</v>
      </c>
      <c r="DH19" s="112">
        <v>0</v>
      </c>
      <c r="DI19" s="116">
        <v>0</v>
      </c>
      <c r="DJ19" s="114">
        <v>0</v>
      </c>
      <c r="DK19" s="113">
        <v>0</v>
      </c>
      <c r="DL19" s="116">
        <v>878348</v>
      </c>
      <c r="DM19" s="116">
        <v>1454609</v>
      </c>
      <c r="DN19" s="116">
        <v>3953421</v>
      </c>
      <c r="DO19" s="116">
        <v>6681495</v>
      </c>
      <c r="DP19" s="116">
        <v>3816293</v>
      </c>
      <c r="DQ19" s="115">
        <v>16784166</v>
      </c>
      <c r="DR19" s="118">
        <v>16784166</v>
      </c>
      <c r="DS19" s="112">
        <v>0</v>
      </c>
      <c r="DT19" s="116">
        <v>0</v>
      </c>
      <c r="DU19" s="115">
        <v>0</v>
      </c>
      <c r="DV19" s="112">
        <v>0</v>
      </c>
      <c r="DW19" s="116">
        <v>807179</v>
      </c>
      <c r="DX19" s="116">
        <v>1113636</v>
      </c>
      <c r="DY19" s="116">
        <v>4103521</v>
      </c>
      <c r="DZ19" s="116">
        <v>6281087</v>
      </c>
      <c r="EA19" s="116">
        <v>3816293</v>
      </c>
      <c r="EB19" s="115">
        <v>16121716</v>
      </c>
      <c r="EC19" s="118">
        <v>16121716</v>
      </c>
      <c r="ED19" s="112">
        <v>0</v>
      </c>
      <c r="EE19" s="114">
        <v>0</v>
      </c>
      <c r="EF19" s="115">
        <v>0</v>
      </c>
      <c r="EG19" s="112">
        <v>0</v>
      </c>
      <c r="EH19" s="116">
        <v>71169</v>
      </c>
      <c r="EI19" s="116">
        <v>340973</v>
      </c>
      <c r="EJ19" s="116">
        <v>-150100</v>
      </c>
      <c r="EK19" s="116">
        <v>400408</v>
      </c>
      <c r="EL19" s="116">
        <v>0</v>
      </c>
      <c r="EM19" s="114">
        <v>662450</v>
      </c>
      <c r="EN19" s="118">
        <v>662450</v>
      </c>
      <c r="EO19" s="112">
        <v>0</v>
      </c>
      <c r="EP19" s="116">
        <v>0</v>
      </c>
      <c r="EQ19" s="114">
        <v>0</v>
      </c>
      <c r="ER19" s="113">
        <v>0</v>
      </c>
      <c r="ES19" s="116">
        <v>0</v>
      </c>
      <c r="ET19" s="116">
        <v>0</v>
      </c>
      <c r="EU19" s="116">
        <v>0</v>
      </c>
      <c r="EV19" s="116">
        <v>0</v>
      </c>
      <c r="EW19" s="116">
        <v>0</v>
      </c>
      <c r="EX19" s="115">
        <v>0</v>
      </c>
      <c r="EY19" s="118">
        <v>0</v>
      </c>
      <c r="EZ19" s="112">
        <v>0</v>
      </c>
      <c r="FA19" s="116">
        <v>0</v>
      </c>
      <c r="FB19" s="114">
        <v>0</v>
      </c>
      <c r="FC19" s="390"/>
      <c r="FD19" s="116">
        <v>0</v>
      </c>
      <c r="FE19" s="116">
        <v>0</v>
      </c>
      <c r="FF19" s="116">
        <v>0</v>
      </c>
      <c r="FG19" s="116">
        <v>0</v>
      </c>
      <c r="FH19" s="116">
        <v>0</v>
      </c>
      <c r="FI19" s="115">
        <v>0</v>
      </c>
      <c r="FJ19" s="118">
        <v>0</v>
      </c>
      <c r="FK19" s="112">
        <v>554905</v>
      </c>
      <c r="FL19" s="116">
        <v>1025274</v>
      </c>
      <c r="FM19" s="115">
        <v>1580179</v>
      </c>
      <c r="FN19" s="112">
        <v>0</v>
      </c>
      <c r="FO19" s="116">
        <v>2597643</v>
      </c>
      <c r="FP19" s="116">
        <v>5317705</v>
      </c>
      <c r="FQ19" s="116">
        <v>3398703</v>
      </c>
      <c r="FR19" s="116">
        <v>3955030</v>
      </c>
      <c r="FS19" s="116">
        <v>2802854</v>
      </c>
      <c r="FT19" s="115">
        <v>18071935</v>
      </c>
      <c r="FU19" s="118">
        <v>19652114</v>
      </c>
      <c r="FV19" s="117">
        <v>311388</v>
      </c>
      <c r="FW19" s="116">
        <v>778132</v>
      </c>
      <c r="FX19" s="114">
        <v>1089520</v>
      </c>
      <c r="FY19" s="113">
        <v>0</v>
      </c>
      <c r="FZ19" s="116">
        <v>1995055</v>
      </c>
      <c r="GA19" s="116">
        <v>4841708</v>
      </c>
      <c r="GB19" s="116">
        <v>3133374</v>
      </c>
      <c r="GC19" s="116">
        <v>3445297</v>
      </c>
      <c r="GD19" s="116">
        <v>2742827</v>
      </c>
      <c r="GE19" s="115">
        <v>16158261</v>
      </c>
      <c r="GF19" s="354">
        <v>17247781</v>
      </c>
      <c r="GG19" s="117">
        <v>13117</v>
      </c>
      <c r="GH19" s="116">
        <v>44302</v>
      </c>
      <c r="GI19" s="114">
        <v>57419</v>
      </c>
      <c r="GJ19" s="113">
        <v>0</v>
      </c>
      <c r="GK19" s="116">
        <v>84326</v>
      </c>
      <c r="GL19" s="116">
        <v>195422</v>
      </c>
      <c r="GM19" s="116">
        <v>80229</v>
      </c>
      <c r="GN19" s="116">
        <v>107303</v>
      </c>
      <c r="GO19" s="116">
        <v>13365</v>
      </c>
      <c r="GP19" s="115">
        <v>480645</v>
      </c>
      <c r="GQ19" s="118">
        <v>538064</v>
      </c>
      <c r="GR19" s="112">
        <v>230400</v>
      </c>
      <c r="GS19" s="116">
        <v>202840</v>
      </c>
      <c r="GT19" s="115">
        <v>433240</v>
      </c>
      <c r="GU19" s="112">
        <v>0</v>
      </c>
      <c r="GV19" s="116">
        <v>518262</v>
      </c>
      <c r="GW19" s="116">
        <v>280575</v>
      </c>
      <c r="GX19" s="116">
        <v>185100</v>
      </c>
      <c r="GY19" s="116">
        <v>402430</v>
      </c>
      <c r="GZ19" s="116">
        <v>46662</v>
      </c>
      <c r="HA19" s="114">
        <v>1433029</v>
      </c>
      <c r="HB19" s="118">
        <v>1866269</v>
      </c>
      <c r="HC19" s="112">
        <v>1477184</v>
      </c>
      <c r="HD19" s="116">
        <v>1686995</v>
      </c>
      <c r="HE19" s="114">
        <v>3164179</v>
      </c>
      <c r="HF19" s="113">
        <v>0</v>
      </c>
      <c r="HG19" s="116">
        <v>12608179</v>
      </c>
      <c r="HH19" s="116">
        <v>11087970</v>
      </c>
      <c r="HI19" s="116">
        <v>12982078</v>
      </c>
      <c r="HJ19" s="116">
        <v>14171093</v>
      </c>
      <c r="HK19" s="116">
        <v>9736821</v>
      </c>
      <c r="HL19" s="115">
        <v>60586141</v>
      </c>
      <c r="HM19" s="111">
        <v>63750320</v>
      </c>
      <c r="HN19" s="117">
        <v>392537</v>
      </c>
      <c r="HO19" s="116">
        <v>934696</v>
      </c>
      <c r="HP19" s="115">
        <v>1327233</v>
      </c>
      <c r="HQ19" s="112">
        <v>0</v>
      </c>
      <c r="HR19" s="116">
        <v>7358939</v>
      </c>
      <c r="HS19" s="116">
        <v>7745833</v>
      </c>
      <c r="HT19" s="116">
        <v>5086785</v>
      </c>
      <c r="HU19" s="116">
        <v>4047624</v>
      </c>
      <c r="HV19" s="116">
        <v>2746148</v>
      </c>
      <c r="HW19" s="114">
        <v>26985329</v>
      </c>
      <c r="HX19" s="118">
        <v>28312562</v>
      </c>
      <c r="HY19" s="148">
        <v>69929</v>
      </c>
      <c r="HZ19" s="149">
        <v>221043</v>
      </c>
      <c r="IA19" s="150">
        <v>290972</v>
      </c>
      <c r="IB19" s="163">
        <v>0</v>
      </c>
      <c r="IC19" s="149">
        <v>9938116</v>
      </c>
      <c r="ID19" s="164">
        <v>13327424</v>
      </c>
      <c r="IE19" s="150">
        <v>12547657</v>
      </c>
      <c r="IF19" s="149">
        <v>8566872</v>
      </c>
      <c r="IG19" s="150">
        <v>6302216</v>
      </c>
      <c r="IH19" s="165">
        <v>50682285</v>
      </c>
      <c r="II19" s="156">
        <v>50973257</v>
      </c>
      <c r="IJ19" s="261">
        <v>0</v>
      </c>
      <c r="IK19" s="268">
        <v>0</v>
      </c>
      <c r="IL19" s="269">
        <v>0</v>
      </c>
      <c r="IM19" s="157"/>
      <c r="IN19" s="122">
        <v>172616</v>
      </c>
      <c r="IO19" s="122">
        <v>136457</v>
      </c>
      <c r="IP19" s="122">
        <v>205695</v>
      </c>
      <c r="IQ19" s="122">
        <v>0</v>
      </c>
      <c r="IR19" s="122">
        <v>0</v>
      </c>
      <c r="IS19" s="158">
        <v>514768</v>
      </c>
      <c r="IT19" s="357">
        <v>514768</v>
      </c>
      <c r="IU19" s="159">
        <v>0</v>
      </c>
      <c r="IV19" s="122">
        <v>0</v>
      </c>
      <c r="IW19" s="123">
        <v>0</v>
      </c>
      <c r="IX19" s="161"/>
      <c r="IY19" s="122">
        <v>0</v>
      </c>
      <c r="IZ19" s="122">
        <v>0</v>
      </c>
      <c r="JA19" s="122">
        <v>0</v>
      </c>
      <c r="JB19" s="122">
        <v>0</v>
      </c>
      <c r="JC19" s="122">
        <v>0</v>
      </c>
      <c r="JD19" s="123">
        <v>0</v>
      </c>
      <c r="JE19" s="124">
        <v>0</v>
      </c>
      <c r="JF19" s="159">
        <v>0</v>
      </c>
      <c r="JG19" s="122">
        <v>0</v>
      </c>
      <c r="JH19" s="158">
        <v>0</v>
      </c>
      <c r="JI19" s="121">
        <v>0</v>
      </c>
      <c r="JJ19" s="122">
        <v>4942599</v>
      </c>
      <c r="JK19" s="122">
        <v>6287474</v>
      </c>
      <c r="JL19" s="122">
        <v>3227625</v>
      </c>
      <c r="JM19" s="122">
        <v>2226390</v>
      </c>
      <c r="JN19" s="122">
        <v>1225705</v>
      </c>
      <c r="JO19" s="123">
        <v>17909793</v>
      </c>
      <c r="JP19" s="357">
        <v>17909793</v>
      </c>
      <c r="JQ19" s="159">
        <v>0</v>
      </c>
      <c r="JR19" s="122">
        <v>0</v>
      </c>
      <c r="JS19" s="158">
        <v>0</v>
      </c>
      <c r="JT19" s="121">
        <v>0</v>
      </c>
      <c r="JU19" s="122">
        <v>156351</v>
      </c>
      <c r="JV19" s="122">
        <v>133787</v>
      </c>
      <c r="JW19" s="122">
        <v>835001</v>
      </c>
      <c r="JX19" s="122">
        <v>565177</v>
      </c>
      <c r="JY19" s="122">
        <v>1296457</v>
      </c>
      <c r="JZ19" s="123">
        <v>2986773</v>
      </c>
      <c r="KA19" s="357">
        <v>2986773</v>
      </c>
      <c r="KB19" s="264">
        <v>69929</v>
      </c>
      <c r="KC19" s="258">
        <v>221043</v>
      </c>
      <c r="KD19" s="123">
        <v>290972</v>
      </c>
      <c r="KE19" s="121">
        <v>0</v>
      </c>
      <c r="KF19" s="122">
        <v>1767380</v>
      </c>
      <c r="KG19" s="122">
        <v>2496337</v>
      </c>
      <c r="KH19" s="122">
        <v>497177</v>
      </c>
      <c r="KI19" s="122">
        <v>546943</v>
      </c>
      <c r="KJ19" s="122">
        <v>319997</v>
      </c>
      <c r="KK19" s="123">
        <v>5627834</v>
      </c>
      <c r="KL19" s="160">
        <v>5918806</v>
      </c>
      <c r="KM19" s="261">
        <v>0</v>
      </c>
      <c r="KN19" s="268">
        <v>0</v>
      </c>
      <c r="KO19" s="269">
        <v>0</v>
      </c>
      <c r="KP19" s="157"/>
      <c r="KQ19" s="122">
        <v>2899170</v>
      </c>
      <c r="KR19" s="122">
        <v>4273369</v>
      </c>
      <c r="KS19" s="122">
        <v>7071515</v>
      </c>
      <c r="KT19" s="122">
        <v>3332398</v>
      </c>
      <c r="KU19" s="122">
        <v>2504821</v>
      </c>
      <c r="KV19" s="123">
        <v>20081273</v>
      </c>
      <c r="KW19" s="357">
        <v>20081273</v>
      </c>
      <c r="KX19" s="159">
        <v>0</v>
      </c>
      <c r="KY19" s="122">
        <v>0</v>
      </c>
      <c r="KZ19" s="123">
        <v>0</v>
      </c>
      <c r="LA19" s="162"/>
      <c r="LB19" s="122">
        <v>0</v>
      </c>
      <c r="LC19" s="122">
        <v>0</v>
      </c>
      <c r="LD19" s="122">
        <v>710644</v>
      </c>
      <c r="LE19" s="122">
        <v>1895964</v>
      </c>
      <c r="LF19" s="122">
        <v>955236</v>
      </c>
      <c r="LG19" s="123">
        <v>3561844</v>
      </c>
      <c r="LH19" s="124">
        <v>3561844</v>
      </c>
      <c r="LI19" s="159">
        <v>0</v>
      </c>
      <c r="LJ19" s="122">
        <v>0</v>
      </c>
      <c r="LK19" s="123">
        <v>0</v>
      </c>
      <c r="LL19" s="162"/>
      <c r="LM19" s="122">
        <v>0</v>
      </c>
      <c r="LN19" s="122">
        <v>0</v>
      </c>
      <c r="LO19" s="122">
        <v>0</v>
      </c>
      <c r="LP19" s="122">
        <v>0</v>
      </c>
      <c r="LQ19" s="122">
        <v>0</v>
      </c>
      <c r="LR19" s="123">
        <v>0</v>
      </c>
      <c r="LS19" s="357">
        <v>0</v>
      </c>
      <c r="LT19" s="159">
        <v>0</v>
      </c>
      <c r="LU19" s="122">
        <v>0</v>
      </c>
      <c r="LV19" s="123">
        <v>0</v>
      </c>
      <c r="LW19" s="162"/>
      <c r="LX19" s="122">
        <v>0</v>
      </c>
      <c r="LY19" s="122">
        <v>0</v>
      </c>
      <c r="LZ19" s="122">
        <v>0</v>
      </c>
      <c r="MA19" s="122">
        <v>0</v>
      </c>
      <c r="MB19" s="122">
        <v>0</v>
      </c>
      <c r="MC19" s="123">
        <v>0</v>
      </c>
      <c r="MD19" s="124">
        <v>0</v>
      </c>
      <c r="ME19" s="159">
        <v>0</v>
      </c>
      <c r="MF19" s="122">
        <v>0</v>
      </c>
      <c r="MG19" s="123">
        <v>0</v>
      </c>
      <c r="MH19" s="162"/>
      <c r="MI19" s="122">
        <v>3510207</v>
      </c>
      <c r="MJ19" s="122">
        <v>6745952</v>
      </c>
      <c r="MK19" s="122">
        <v>27078942</v>
      </c>
      <c r="ML19" s="122">
        <v>43443713</v>
      </c>
      <c r="MM19" s="122">
        <v>34908907</v>
      </c>
      <c r="MN19" s="123">
        <v>115687721</v>
      </c>
      <c r="MO19" s="160">
        <v>115687721</v>
      </c>
      <c r="MP19" s="159">
        <v>0</v>
      </c>
      <c r="MQ19" s="122">
        <v>0</v>
      </c>
      <c r="MR19" s="123">
        <v>0</v>
      </c>
      <c r="MS19" s="162"/>
      <c r="MT19" s="122">
        <v>396426</v>
      </c>
      <c r="MU19" s="122">
        <v>211214</v>
      </c>
      <c r="MV19" s="122">
        <v>16331521</v>
      </c>
      <c r="MW19" s="122">
        <v>35436083</v>
      </c>
      <c r="MX19" s="122">
        <v>29317955</v>
      </c>
      <c r="MY19" s="123">
        <v>81693199</v>
      </c>
      <c r="MZ19" s="160">
        <v>81693199</v>
      </c>
      <c r="NA19" s="159">
        <v>0</v>
      </c>
      <c r="NB19" s="122">
        <v>0</v>
      </c>
      <c r="NC19" s="123">
        <v>0</v>
      </c>
      <c r="ND19" s="162"/>
      <c r="NE19" s="122">
        <v>3113781</v>
      </c>
      <c r="NF19" s="122">
        <v>6534738</v>
      </c>
      <c r="NG19" s="122">
        <v>10747421</v>
      </c>
      <c r="NH19" s="122">
        <v>8007630</v>
      </c>
      <c r="NI19" s="122">
        <v>5590952</v>
      </c>
      <c r="NJ19" s="123">
        <v>33994522</v>
      </c>
      <c r="NK19" s="357">
        <v>33994522</v>
      </c>
      <c r="NL19" s="159">
        <v>0</v>
      </c>
      <c r="NM19" s="122">
        <v>0</v>
      </c>
      <c r="NN19" s="123">
        <v>0</v>
      </c>
      <c r="NO19" s="162"/>
      <c r="NP19" s="122">
        <v>0</v>
      </c>
      <c r="NQ19" s="122">
        <v>0</v>
      </c>
      <c r="NR19" s="122">
        <v>0</v>
      </c>
      <c r="NS19" s="122">
        <v>0</v>
      </c>
      <c r="NT19" s="122">
        <v>0</v>
      </c>
      <c r="NU19" s="123">
        <v>0</v>
      </c>
      <c r="NV19" s="124">
        <v>0</v>
      </c>
      <c r="NW19" s="159">
        <v>0</v>
      </c>
      <c r="NX19" s="122">
        <v>0</v>
      </c>
      <c r="NY19" s="123">
        <v>0</v>
      </c>
      <c r="NZ19" s="162"/>
      <c r="OA19" s="122">
        <v>0</v>
      </c>
      <c r="OB19" s="122">
        <v>0</v>
      </c>
      <c r="OC19" s="122">
        <v>0</v>
      </c>
      <c r="OD19" s="122">
        <v>0</v>
      </c>
      <c r="OE19" s="122">
        <v>0</v>
      </c>
      <c r="OF19" s="123">
        <v>0</v>
      </c>
      <c r="OG19" s="124">
        <v>0</v>
      </c>
      <c r="OH19" s="159">
        <v>3441427</v>
      </c>
      <c r="OI19" s="122">
        <v>5989001</v>
      </c>
      <c r="OJ19" s="158">
        <v>9430428</v>
      </c>
      <c r="OK19" s="121">
        <v>0</v>
      </c>
      <c r="OL19" s="122">
        <v>56043821</v>
      </c>
      <c r="OM19" s="122">
        <v>74796308</v>
      </c>
      <c r="ON19" s="122">
        <v>90142999</v>
      </c>
      <c r="OO19" s="122">
        <v>104282774</v>
      </c>
      <c r="OP19" s="122">
        <v>88414630</v>
      </c>
      <c r="OQ19" s="123">
        <v>413680532</v>
      </c>
      <c r="OR19" s="160">
        <v>423110960</v>
      </c>
    </row>
    <row r="20" spans="1:408" ht="18.75" customHeight="1" x14ac:dyDescent="0.2">
      <c r="A20" s="62" t="s">
        <v>15</v>
      </c>
      <c r="B20" s="112">
        <v>1942966</v>
      </c>
      <c r="C20" s="116">
        <v>3844751</v>
      </c>
      <c r="D20" s="115">
        <v>5787717</v>
      </c>
      <c r="E20" s="111">
        <v>0</v>
      </c>
      <c r="F20" s="116">
        <v>27777957</v>
      </c>
      <c r="G20" s="116">
        <v>37434048</v>
      </c>
      <c r="H20" s="116">
        <v>31383526</v>
      </c>
      <c r="I20" s="116">
        <v>28226690</v>
      </c>
      <c r="J20" s="116">
        <v>22789960</v>
      </c>
      <c r="K20" s="111">
        <v>147612181</v>
      </c>
      <c r="L20" s="118">
        <v>153399898</v>
      </c>
      <c r="M20" s="112">
        <v>201843</v>
      </c>
      <c r="N20" s="116">
        <v>485001</v>
      </c>
      <c r="O20" s="115">
        <v>686844</v>
      </c>
      <c r="P20" s="112">
        <v>0</v>
      </c>
      <c r="Q20" s="116">
        <v>6456743</v>
      </c>
      <c r="R20" s="116">
        <v>9596202</v>
      </c>
      <c r="S20" s="116">
        <v>7032393</v>
      </c>
      <c r="T20" s="116">
        <v>7573439</v>
      </c>
      <c r="U20" s="116">
        <v>11234196</v>
      </c>
      <c r="V20" s="115">
        <v>41892973</v>
      </c>
      <c r="W20" s="118">
        <v>42579817</v>
      </c>
      <c r="X20" s="112">
        <v>0</v>
      </c>
      <c r="Y20" s="116">
        <v>0</v>
      </c>
      <c r="Z20" s="115">
        <v>0</v>
      </c>
      <c r="AA20" s="112">
        <v>0</v>
      </c>
      <c r="AB20" s="116">
        <v>3623097</v>
      </c>
      <c r="AC20" s="116">
        <v>5186154</v>
      </c>
      <c r="AD20" s="116">
        <v>3698367</v>
      </c>
      <c r="AE20" s="116">
        <v>3705900</v>
      </c>
      <c r="AF20" s="116">
        <v>6187486</v>
      </c>
      <c r="AG20" s="115">
        <v>22401004</v>
      </c>
      <c r="AH20" s="118">
        <v>22401004</v>
      </c>
      <c r="AI20" s="112">
        <v>0</v>
      </c>
      <c r="AJ20" s="116">
        <v>0</v>
      </c>
      <c r="AK20" s="115">
        <v>0</v>
      </c>
      <c r="AL20" s="112">
        <v>0</v>
      </c>
      <c r="AM20" s="116">
        <v>0</v>
      </c>
      <c r="AN20" s="116">
        <v>368591</v>
      </c>
      <c r="AO20" s="116">
        <v>288904</v>
      </c>
      <c r="AP20" s="116">
        <v>1130320</v>
      </c>
      <c r="AQ20" s="116">
        <v>2068066</v>
      </c>
      <c r="AR20" s="115">
        <v>3855881</v>
      </c>
      <c r="AS20" s="118">
        <v>3855881</v>
      </c>
      <c r="AT20" s="112">
        <v>54973</v>
      </c>
      <c r="AU20" s="116">
        <v>291948</v>
      </c>
      <c r="AV20" s="115">
        <v>346921</v>
      </c>
      <c r="AW20" s="112">
        <v>0</v>
      </c>
      <c r="AX20" s="116">
        <v>1034482</v>
      </c>
      <c r="AY20" s="116">
        <v>2340706</v>
      </c>
      <c r="AZ20" s="116">
        <v>1439435</v>
      </c>
      <c r="BA20" s="116">
        <v>1341335</v>
      </c>
      <c r="BB20" s="116">
        <v>1909092</v>
      </c>
      <c r="BC20" s="115">
        <v>8065050</v>
      </c>
      <c r="BD20" s="118">
        <v>8411971</v>
      </c>
      <c r="BE20" s="112">
        <v>0</v>
      </c>
      <c r="BF20" s="116">
        <v>24914</v>
      </c>
      <c r="BG20" s="114">
        <v>24914</v>
      </c>
      <c r="BH20" s="113">
        <v>0</v>
      </c>
      <c r="BI20" s="116">
        <v>146308</v>
      </c>
      <c r="BJ20" s="116">
        <v>294914</v>
      </c>
      <c r="BK20" s="116">
        <v>176330</v>
      </c>
      <c r="BL20" s="116">
        <v>123982</v>
      </c>
      <c r="BM20" s="116">
        <v>290447</v>
      </c>
      <c r="BN20" s="115">
        <v>1031981</v>
      </c>
      <c r="BO20" s="118">
        <v>1056895</v>
      </c>
      <c r="BP20" s="112">
        <v>146870</v>
      </c>
      <c r="BQ20" s="116">
        <v>168139</v>
      </c>
      <c r="BR20" s="115">
        <v>315009</v>
      </c>
      <c r="BS20" s="112">
        <v>0</v>
      </c>
      <c r="BT20" s="116">
        <v>1652856</v>
      </c>
      <c r="BU20" s="116">
        <v>1405837</v>
      </c>
      <c r="BV20" s="116">
        <v>1429357</v>
      </c>
      <c r="BW20" s="116">
        <v>1271902</v>
      </c>
      <c r="BX20" s="116">
        <v>779105</v>
      </c>
      <c r="BY20" s="115">
        <v>6539057</v>
      </c>
      <c r="BZ20" s="118">
        <v>6854066</v>
      </c>
      <c r="CA20" s="112">
        <v>0</v>
      </c>
      <c r="CB20" s="116">
        <v>164896</v>
      </c>
      <c r="CC20" s="115">
        <v>164896</v>
      </c>
      <c r="CD20" s="112">
        <v>0</v>
      </c>
      <c r="CE20" s="116">
        <v>4614855</v>
      </c>
      <c r="CF20" s="116">
        <v>8825330</v>
      </c>
      <c r="CG20" s="116">
        <v>5226340</v>
      </c>
      <c r="CH20" s="116">
        <v>2331848</v>
      </c>
      <c r="CI20" s="116">
        <v>1356770</v>
      </c>
      <c r="CJ20" s="115">
        <v>22355143</v>
      </c>
      <c r="CK20" s="118">
        <v>22520039</v>
      </c>
      <c r="CL20" s="112">
        <v>0</v>
      </c>
      <c r="CM20" s="116">
        <v>0</v>
      </c>
      <c r="CN20" s="115">
        <v>0</v>
      </c>
      <c r="CO20" s="113">
        <v>0</v>
      </c>
      <c r="CP20" s="116">
        <v>4109055</v>
      </c>
      <c r="CQ20" s="116">
        <v>8239895</v>
      </c>
      <c r="CR20" s="116">
        <v>4659029</v>
      </c>
      <c r="CS20" s="116">
        <v>1916966</v>
      </c>
      <c r="CT20" s="116">
        <v>1343216</v>
      </c>
      <c r="CU20" s="115">
        <v>20268161</v>
      </c>
      <c r="CV20" s="118">
        <v>20268161</v>
      </c>
      <c r="CW20" s="112">
        <v>0</v>
      </c>
      <c r="CX20" s="116">
        <v>164896</v>
      </c>
      <c r="CY20" s="115">
        <v>164896</v>
      </c>
      <c r="CZ20" s="112">
        <v>0</v>
      </c>
      <c r="DA20" s="116">
        <v>505800</v>
      </c>
      <c r="DB20" s="116">
        <v>585435</v>
      </c>
      <c r="DC20" s="116">
        <v>567311</v>
      </c>
      <c r="DD20" s="116">
        <v>414882</v>
      </c>
      <c r="DE20" s="116">
        <v>13554</v>
      </c>
      <c r="DF20" s="115">
        <v>2086982</v>
      </c>
      <c r="DG20" s="118">
        <v>2251878</v>
      </c>
      <c r="DH20" s="112">
        <v>0</v>
      </c>
      <c r="DI20" s="116">
        <v>0</v>
      </c>
      <c r="DJ20" s="114">
        <v>0</v>
      </c>
      <c r="DK20" s="113">
        <v>0</v>
      </c>
      <c r="DL20" s="116">
        <v>1488470</v>
      </c>
      <c r="DM20" s="116">
        <v>1740820</v>
      </c>
      <c r="DN20" s="116">
        <v>6292006</v>
      </c>
      <c r="DO20" s="116">
        <v>5348659</v>
      </c>
      <c r="DP20" s="116">
        <v>2072697</v>
      </c>
      <c r="DQ20" s="115">
        <v>16942652</v>
      </c>
      <c r="DR20" s="118">
        <v>16942652</v>
      </c>
      <c r="DS20" s="112">
        <v>0</v>
      </c>
      <c r="DT20" s="116">
        <v>0</v>
      </c>
      <c r="DU20" s="115">
        <v>0</v>
      </c>
      <c r="DV20" s="112">
        <v>0</v>
      </c>
      <c r="DW20" s="116">
        <v>888303</v>
      </c>
      <c r="DX20" s="116">
        <v>1740820</v>
      </c>
      <c r="DY20" s="116">
        <v>6250423</v>
      </c>
      <c r="DZ20" s="116">
        <v>5348659</v>
      </c>
      <c r="EA20" s="116">
        <v>2072697</v>
      </c>
      <c r="EB20" s="115">
        <v>16300902</v>
      </c>
      <c r="EC20" s="118">
        <v>16300902</v>
      </c>
      <c r="ED20" s="112">
        <v>0</v>
      </c>
      <c r="EE20" s="114">
        <v>0</v>
      </c>
      <c r="EF20" s="115">
        <v>0</v>
      </c>
      <c r="EG20" s="112">
        <v>0</v>
      </c>
      <c r="EH20" s="116">
        <v>600167</v>
      </c>
      <c r="EI20" s="116">
        <v>0</v>
      </c>
      <c r="EJ20" s="116">
        <v>41583</v>
      </c>
      <c r="EK20" s="116">
        <v>0</v>
      </c>
      <c r="EL20" s="116">
        <v>0</v>
      </c>
      <c r="EM20" s="114">
        <v>641750</v>
      </c>
      <c r="EN20" s="118">
        <v>641750</v>
      </c>
      <c r="EO20" s="112">
        <v>0</v>
      </c>
      <c r="EP20" s="116">
        <v>0</v>
      </c>
      <c r="EQ20" s="114">
        <v>0</v>
      </c>
      <c r="ER20" s="113">
        <v>0</v>
      </c>
      <c r="ES20" s="116">
        <v>0</v>
      </c>
      <c r="ET20" s="116">
        <v>0</v>
      </c>
      <c r="EU20" s="116">
        <v>0</v>
      </c>
      <c r="EV20" s="116">
        <v>0</v>
      </c>
      <c r="EW20" s="116">
        <v>0</v>
      </c>
      <c r="EX20" s="115">
        <v>0</v>
      </c>
      <c r="EY20" s="118">
        <v>0</v>
      </c>
      <c r="EZ20" s="112">
        <v>0</v>
      </c>
      <c r="FA20" s="116">
        <v>0</v>
      </c>
      <c r="FB20" s="114">
        <v>0</v>
      </c>
      <c r="FC20" s="390"/>
      <c r="FD20" s="116">
        <v>0</v>
      </c>
      <c r="FE20" s="116">
        <v>0</v>
      </c>
      <c r="FF20" s="116">
        <v>0</v>
      </c>
      <c r="FG20" s="116">
        <v>0</v>
      </c>
      <c r="FH20" s="116">
        <v>0</v>
      </c>
      <c r="FI20" s="115">
        <v>0</v>
      </c>
      <c r="FJ20" s="118">
        <v>0</v>
      </c>
      <c r="FK20" s="112">
        <v>447784</v>
      </c>
      <c r="FL20" s="116">
        <v>834229</v>
      </c>
      <c r="FM20" s="115">
        <v>1282013</v>
      </c>
      <c r="FN20" s="112">
        <v>0</v>
      </c>
      <c r="FO20" s="116">
        <v>1403020</v>
      </c>
      <c r="FP20" s="116">
        <v>4415602</v>
      </c>
      <c r="FQ20" s="116">
        <v>2643312</v>
      </c>
      <c r="FR20" s="116">
        <v>2211449</v>
      </c>
      <c r="FS20" s="116">
        <v>1736486</v>
      </c>
      <c r="FT20" s="115">
        <v>12409869</v>
      </c>
      <c r="FU20" s="118">
        <v>13691882</v>
      </c>
      <c r="FV20" s="117">
        <v>285424</v>
      </c>
      <c r="FW20" s="116">
        <v>750835</v>
      </c>
      <c r="FX20" s="114">
        <v>1036259</v>
      </c>
      <c r="FY20" s="113">
        <v>0</v>
      </c>
      <c r="FZ20" s="116">
        <v>1066472</v>
      </c>
      <c r="GA20" s="116">
        <v>4267642</v>
      </c>
      <c r="GB20" s="116">
        <v>2293738</v>
      </c>
      <c r="GC20" s="116">
        <v>2117399</v>
      </c>
      <c r="GD20" s="116">
        <v>1736486</v>
      </c>
      <c r="GE20" s="115">
        <v>11481737</v>
      </c>
      <c r="GF20" s="354">
        <v>12517996</v>
      </c>
      <c r="GG20" s="117">
        <v>0</v>
      </c>
      <c r="GH20" s="116">
        <v>83394</v>
      </c>
      <c r="GI20" s="114">
        <v>83394</v>
      </c>
      <c r="GJ20" s="113">
        <v>0</v>
      </c>
      <c r="GK20" s="116">
        <v>86888</v>
      </c>
      <c r="GL20" s="116">
        <v>33660</v>
      </c>
      <c r="GM20" s="116">
        <v>100454</v>
      </c>
      <c r="GN20" s="116">
        <v>94050</v>
      </c>
      <c r="GO20" s="116">
        <v>0</v>
      </c>
      <c r="GP20" s="115">
        <v>315052</v>
      </c>
      <c r="GQ20" s="118">
        <v>398446</v>
      </c>
      <c r="GR20" s="112">
        <v>162360</v>
      </c>
      <c r="GS20" s="116">
        <v>0</v>
      </c>
      <c r="GT20" s="115">
        <v>162360</v>
      </c>
      <c r="GU20" s="112">
        <v>0</v>
      </c>
      <c r="GV20" s="116">
        <v>249660</v>
      </c>
      <c r="GW20" s="116">
        <v>114300</v>
      </c>
      <c r="GX20" s="116">
        <v>249120</v>
      </c>
      <c r="GY20" s="116">
        <v>0</v>
      </c>
      <c r="GZ20" s="116">
        <v>0</v>
      </c>
      <c r="HA20" s="114">
        <v>613080</v>
      </c>
      <c r="HB20" s="118">
        <v>775440</v>
      </c>
      <c r="HC20" s="112">
        <v>1002492</v>
      </c>
      <c r="HD20" s="116">
        <v>1636159</v>
      </c>
      <c r="HE20" s="114">
        <v>2638651</v>
      </c>
      <c r="HF20" s="113">
        <v>0</v>
      </c>
      <c r="HG20" s="116">
        <v>8279417</v>
      </c>
      <c r="HH20" s="116">
        <v>6035667</v>
      </c>
      <c r="HI20" s="116">
        <v>6619763</v>
      </c>
      <c r="HJ20" s="116">
        <v>8352749</v>
      </c>
      <c r="HK20" s="116">
        <v>4802043</v>
      </c>
      <c r="HL20" s="115">
        <v>34089639</v>
      </c>
      <c r="HM20" s="111">
        <v>36728290</v>
      </c>
      <c r="HN20" s="117">
        <v>290847</v>
      </c>
      <c r="HO20" s="116">
        <v>724466</v>
      </c>
      <c r="HP20" s="115">
        <v>1015313</v>
      </c>
      <c r="HQ20" s="112">
        <v>0</v>
      </c>
      <c r="HR20" s="116">
        <v>5535452</v>
      </c>
      <c r="HS20" s="116">
        <v>6820427</v>
      </c>
      <c r="HT20" s="116">
        <v>3569712</v>
      </c>
      <c r="HU20" s="116">
        <v>2408546</v>
      </c>
      <c r="HV20" s="116">
        <v>1587768</v>
      </c>
      <c r="HW20" s="114">
        <v>19921905</v>
      </c>
      <c r="HX20" s="118">
        <v>20937218</v>
      </c>
      <c r="HY20" s="167">
        <v>228339</v>
      </c>
      <c r="HZ20" s="152">
        <v>1200972</v>
      </c>
      <c r="IA20" s="167">
        <v>1429311</v>
      </c>
      <c r="IB20" s="151">
        <v>0</v>
      </c>
      <c r="IC20" s="152">
        <v>19117278</v>
      </c>
      <c r="ID20" s="153">
        <v>21933844</v>
      </c>
      <c r="IE20" s="154">
        <v>22532777</v>
      </c>
      <c r="IF20" s="152">
        <v>17274494</v>
      </c>
      <c r="IG20" s="154">
        <v>9263007</v>
      </c>
      <c r="IH20" s="155">
        <v>90121400</v>
      </c>
      <c r="II20" s="167">
        <v>91550711</v>
      </c>
      <c r="IJ20" s="261">
        <v>0</v>
      </c>
      <c r="IK20" s="268">
        <v>0</v>
      </c>
      <c r="IL20" s="269">
        <v>0</v>
      </c>
      <c r="IM20" s="157"/>
      <c r="IN20" s="122">
        <v>745547</v>
      </c>
      <c r="IO20" s="122">
        <v>161976</v>
      </c>
      <c r="IP20" s="122">
        <v>846698</v>
      </c>
      <c r="IQ20" s="122">
        <v>1066022</v>
      </c>
      <c r="IR20" s="122">
        <v>1701418</v>
      </c>
      <c r="IS20" s="158">
        <v>4521661</v>
      </c>
      <c r="IT20" s="357">
        <v>4521661</v>
      </c>
      <c r="IU20" s="159">
        <v>0</v>
      </c>
      <c r="IV20" s="122">
        <v>0</v>
      </c>
      <c r="IW20" s="123">
        <v>0</v>
      </c>
      <c r="IX20" s="161"/>
      <c r="IY20" s="122">
        <v>0</v>
      </c>
      <c r="IZ20" s="122">
        <v>0</v>
      </c>
      <c r="JA20" s="122">
        <v>0</v>
      </c>
      <c r="JB20" s="122">
        <v>0</v>
      </c>
      <c r="JC20" s="122">
        <v>0</v>
      </c>
      <c r="JD20" s="123">
        <v>0</v>
      </c>
      <c r="JE20" s="124">
        <v>0</v>
      </c>
      <c r="JF20" s="159">
        <v>0</v>
      </c>
      <c r="JG20" s="122">
        <v>0</v>
      </c>
      <c r="JH20" s="158">
        <v>0</v>
      </c>
      <c r="JI20" s="121">
        <v>0</v>
      </c>
      <c r="JJ20" s="122">
        <v>5734379</v>
      </c>
      <c r="JK20" s="122">
        <v>9495584</v>
      </c>
      <c r="JL20" s="122">
        <v>4705714</v>
      </c>
      <c r="JM20" s="122">
        <v>2988453</v>
      </c>
      <c r="JN20" s="122">
        <v>910586</v>
      </c>
      <c r="JO20" s="123">
        <v>23834716</v>
      </c>
      <c r="JP20" s="357">
        <v>23834716</v>
      </c>
      <c r="JQ20" s="159">
        <v>0</v>
      </c>
      <c r="JR20" s="122">
        <v>0</v>
      </c>
      <c r="JS20" s="158">
        <v>0</v>
      </c>
      <c r="JT20" s="121">
        <v>0</v>
      </c>
      <c r="JU20" s="122">
        <v>238818</v>
      </c>
      <c r="JV20" s="122">
        <v>477749</v>
      </c>
      <c r="JW20" s="122">
        <v>611420</v>
      </c>
      <c r="JX20" s="122">
        <v>352985</v>
      </c>
      <c r="JY20" s="122">
        <v>27137</v>
      </c>
      <c r="JZ20" s="123">
        <v>1708109</v>
      </c>
      <c r="KA20" s="357">
        <v>1708109</v>
      </c>
      <c r="KB20" s="264">
        <v>228339</v>
      </c>
      <c r="KC20" s="258">
        <v>980712</v>
      </c>
      <c r="KD20" s="123">
        <v>1209051</v>
      </c>
      <c r="KE20" s="121">
        <v>0</v>
      </c>
      <c r="KF20" s="122">
        <v>2478615</v>
      </c>
      <c r="KG20" s="122">
        <v>3799487</v>
      </c>
      <c r="KH20" s="122">
        <v>3655935</v>
      </c>
      <c r="KI20" s="122">
        <v>3447395</v>
      </c>
      <c r="KJ20" s="122">
        <v>1233142</v>
      </c>
      <c r="KK20" s="123">
        <v>14614574</v>
      </c>
      <c r="KL20" s="160">
        <v>15823625</v>
      </c>
      <c r="KM20" s="261">
        <v>0</v>
      </c>
      <c r="KN20" s="268">
        <v>220260</v>
      </c>
      <c r="KO20" s="269">
        <v>220260</v>
      </c>
      <c r="KP20" s="157"/>
      <c r="KQ20" s="122">
        <v>9919919</v>
      </c>
      <c r="KR20" s="122">
        <v>7999048</v>
      </c>
      <c r="KS20" s="122">
        <v>9132144</v>
      </c>
      <c r="KT20" s="122">
        <v>6884672</v>
      </c>
      <c r="KU20" s="122">
        <v>3956079</v>
      </c>
      <c r="KV20" s="123">
        <v>37891862</v>
      </c>
      <c r="KW20" s="357">
        <v>38112122</v>
      </c>
      <c r="KX20" s="159">
        <v>0</v>
      </c>
      <c r="KY20" s="122">
        <v>0</v>
      </c>
      <c r="KZ20" s="123">
        <v>0</v>
      </c>
      <c r="LA20" s="162"/>
      <c r="LB20" s="122">
        <v>0</v>
      </c>
      <c r="LC20" s="122">
        <v>0</v>
      </c>
      <c r="LD20" s="122">
        <v>0</v>
      </c>
      <c r="LE20" s="122">
        <v>0</v>
      </c>
      <c r="LF20" s="122">
        <v>0</v>
      </c>
      <c r="LG20" s="123">
        <v>0</v>
      </c>
      <c r="LH20" s="124">
        <v>0</v>
      </c>
      <c r="LI20" s="159">
        <v>0</v>
      </c>
      <c r="LJ20" s="122">
        <v>0</v>
      </c>
      <c r="LK20" s="123">
        <v>0</v>
      </c>
      <c r="LL20" s="162"/>
      <c r="LM20" s="122">
        <v>0</v>
      </c>
      <c r="LN20" s="122">
        <v>0</v>
      </c>
      <c r="LO20" s="122">
        <v>3580866</v>
      </c>
      <c r="LP20" s="122">
        <v>2534967</v>
      </c>
      <c r="LQ20" s="122">
        <v>1434645</v>
      </c>
      <c r="LR20" s="123">
        <v>7550478</v>
      </c>
      <c r="LS20" s="357">
        <v>7550478</v>
      </c>
      <c r="LT20" s="159">
        <v>0</v>
      </c>
      <c r="LU20" s="122">
        <v>0</v>
      </c>
      <c r="LV20" s="123">
        <v>0</v>
      </c>
      <c r="LW20" s="162"/>
      <c r="LX20" s="122">
        <v>0</v>
      </c>
      <c r="LY20" s="122">
        <v>0</v>
      </c>
      <c r="LZ20" s="122">
        <v>0</v>
      </c>
      <c r="MA20" s="122">
        <v>0</v>
      </c>
      <c r="MB20" s="122">
        <v>0</v>
      </c>
      <c r="MC20" s="123">
        <v>0</v>
      </c>
      <c r="MD20" s="124">
        <v>0</v>
      </c>
      <c r="ME20" s="159">
        <v>0</v>
      </c>
      <c r="MF20" s="122">
        <v>0</v>
      </c>
      <c r="MG20" s="123">
        <v>0</v>
      </c>
      <c r="MH20" s="162"/>
      <c r="MI20" s="122">
        <v>5940718</v>
      </c>
      <c r="MJ20" s="122">
        <v>8190738</v>
      </c>
      <c r="MK20" s="122">
        <v>30891738</v>
      </c>
      <c r="ML20" s="122">
        <v>42396540</v>
      </c>
      <c r="MM20" s="122">
        <v>29075714</v>
      </c>
      <c r="MN20" s="123">
        <v>116495448</v>
      </c>
      <c r="MO20" s="160">
        <v>116495448</v>
      </c>
      <c r="MP20" s="159">
        <v>0</v>
      </c>
      <c r="MQ20" s="122">
        <v>0</v>
      </c>
      <c r="MR20" s="123">
        <v>0</v>
      </c>
      <c r="MS20" s="162"/>
      <c r="MT20" s="122">
        <v>0</v>
      </c>
      <c r="MU20" s="122">
        <v>381142</v>
      </c>
      <c r="MV20" s="122">
        <v>20368265</v>
      </c>
      <c r="MW20" s="122">
        <v>29969758</v>
      </c>
      <c r="MX20" s="122">
        <v>20242623</v>
      </c>
      <c r="MY20" s="123">
        <v>70961788</v>
      </c>
      <c r="MZ20" s="160">
        <v>70961788</v>
      </c>
      <c r="NA20" s="159">
        <v>0</v>
      </c>
      <c r="NB20" s="122">
        <v>0</v>
      </c>
      <c r="NC20" s="123">
        <v>0</v>
      </c>
      <c r="ND20" s="162"/>
      <c r="NE20" s="122">
        <v>5940718</v>
      </c>
      <c r="NF20" s="122">
        <v>7809596</v>
      </c>
      <c r="NG20" s="122">
        <v>10523473</v>
      </c>
      <c r="NH20" s="122">
        <v>12426782</v>
      </c>
      <c r="NI20" s="122">
        <v>8506202</v>
      </c>
      <c r="NJ20" s="123">
        <v>45206771</v>
      </c>
      <c r="NK20" s="357">
        <v>45206771</v>
      </c>
      <c r="NL20" s="159">
        <v>0</v>
      </c>
      <c r="NM20" s="122">
        <v>0</v>
      </c>
      <c r="NN20" s="123">
        <v>0</v>
      </c>
      <c r="NO20" s="162"/>
      <c r="NP20" s="122">
        <v>0</v>
      </c>
      <c r="NQ20" s="122">
        <v>0</v>
      </c>
      <c r="NR20" s="122">
        <v>0</v>
      </c>
      <c r="NS20" s="122">
        <v>0</v>
      </c>
      <c r="NT20" s="122">
        <v>326889</v>
      </c>
      <c r="NU20" s="123">
        <v>326889</v>
      </c>
      <c r="NV20" s="124">
        <v>326889</v>
      </c>
      <c r="NW20" s="159">
        <v>0</v>
      </c>
      <c r="NX20" s="122">
        <v>0</v>
      </c>
      <c r="NY20" s="123">
        <v>0</v>
      </c>
      <c r="NZ20" s="162"/>
      <c r="OA20" s="122">
        <v>0</v>
      </c>
      <c r="OB20" s="122">
        <v>0</v>
      </c>
      <c r="OC20" s="122">
        <v>0</v>
      </c>
      <c r="OD20" s="122">
        <v>0</v>
      </c>
      <c r="OE20" s="122">
        <v>0</v>
      </c>
      <c r="OF20" s="123">
        <v>0</v>
      </c>
      <c r="OG20" s="124">
        <v>0</v>
      </c>
      <c r="OH20" s="159">
        <v>2171305</v>
      </c>
      <c r="OI20" s="122">
        <v>5045723</v>
      </c>
      <c r="OJ20" s="158">
        <v>7217028</v>
      </c>
      <c r="OK20" s="121">
        <v>0</v>
      </c>
      <c r="OL20" s="122">
        <v>52835953</v>
      </c>
      <c r="OM20" s="122">
        <v>67558630</v>
      </c>
      <c r="ON20" s="122">
        <v>84808041</v>
      </c>
      <c r="OO20" s="122">
        <v>87897724</v>
      </c>
      <c r="OP20" s="122">
        <v>61128681</v>
      </c>
      <c r="OQ20" s="123">
        <v>354229029</v>
      </c>
      <c r="OR20" s="160">
        <v>361446057</v>
      </c>
    </row>
    <row r="21" spans="1:408" ht="18.75" customHeight="1" x14ac:dyDescent="0.2">
      <c r="A21" s="62" t="s">
        <v>16</v>
      </c>
      <c r="B21" s="112">
        <v>5585939</v>
      </c>
      <c r="C21" s="116">
        <v>12102990</v>
      </c>
      <c r="D21" s="115">
        <v>17688929</v>
      </c>
      <c r="E21" s="111">
        <v>0</v>
      </c>
      <c r="F21" s="116">
        <v>71311013</v>
      </c>
      <c r="G21" s="116">
        <v>115634396</v>
      </c>
      <c r="H21" s="116">
        <v>99854701</v>
      </c>
      <c r="I21" s="116">
        <v>86434973</v>
      </c>
      <c r="J21" s="116">
        <v>66443961</v>
      </c>
      <c r="K21" s="111">
        <v>439679044</v>
      </c>
      <c r="L21" s="118">
        <v>457367973</v>
      </c>
      <c r="M21" s="112">
        <v>880432</v>
      </c>
      <c r="N21" s="116">
        <v>2248745</v>
      </c>
      <c r="O21" s="115">
        <v>3129177</v>
      </c>
      <c r="P21" s="112">
        <v>0</v>
      </c>
      <c r="Q21" s="116">
        <v>14479167</v>
      </c>
      <c r="R21" s="116">
        <v>25640500</v>
      </c>
      <c r="S21" s="116">
        <v>25760662</v>
      </c>
      <c r="T21" s="116">
        <v>24810434</v>
      </c>
      <c r="U21" s="116">
        <v>23139876</v>
      </c>
      <c r="V21" s="115">
        <v>113830639</v>
      </c>
      <c r="W21" s="118">
        <v>116959816</v>
      </c>
      <c r="X21" s="112">
        <v>0</v>
      </c>
      <c r="Y21" s="116">
        <v>0</v>
      </c>
      <c r="Z21" s="115">
        <v>0</v>
      </c>
      <c r="AA21" s="112">
        <v>0</v>
      </c>
      <c r="AB21" s="116">
        <v>6356844</v>
      </c>
      <c r="AC21" s="116">
        <v>10084456</v>
      </c>
      <c r="AD21" s="116">
        <v>13642161</v>
      </c>
      <c r="AE21" s="116">
        <v>12761986</v>
      </c>
      <c r="AF21" s="116">
        <v>11289881</v>
      </c>
      <c r="AG21" s="115">
        <v>54135328</v>
      </c>
      <c r="AH21" s="118">
        <v>54135328</v>
      </c>
      <c r="AI21" s="112">
        <v>0</v>
      </c>
      <c r="AJ21" s="116">
        <v>0</v>
      </c>
      <c r="AK21" s="115">
        <v>0</v>
      </c>
      <c r="AL21" s="112">
        <v>0</v>
      </c>
      <c r="AM21" s="116">
        <v>50715</v>
      </c>
      <c r="AN21" s="116">
        <v>578970</v>
      </c>
      <c r="AO21" s="116">
        <v>647054</v>
      </c>
      <c r="AP21" s="116">
        <v>1366683</v>
      </c>
      <c r="AQ21" s="116">
        <v>2741073</v>
      </c>
      <c r="AR21" s="115">
        <v>5384495</v>
      </c>
      <c r="AS21" s="118">
        <v>5384495</v>
      </c>
      <c r="AT21" s="112">
        <v>440855</v>
      </c>
      <c r="AU21" s="116">
        <v>1758113</v>
      </c>
      <c r="AV21" s="115">
        <v>2198968</v>
      </c>
      <c r="AW21" s="112">
        <v>0</v>
      </c>
      <c r="AX21" s="116">
        <v>5302542</v>
      </c>
      <c r="AY21" s="116">
        <v>11261029</v>
      </c>
      <c r="AZ21" s="116">
        <v>7434545</v>
      </c>
      <c r="BA21" s="116">
        <v>6776120</v>
      </c>
      <c r="BB21" s="116">
        <v>5931144</v>
      </c>
      <c r="BC21" s="115">
        <v>36705380</v>
      </c>
      <c r="BD21" s="118">
        <v>38904348</v>
      </c>
      <c r="BE21" s="112">
        <v>0</v>
      </c>
      <c r="BF21" s="116">
        <v>226973</v>
      </c>
      <c r="BG21" s="114">
        <v>226973</v>
      </c>
      <c r="BH21" s="113">
        <v>0</v>
      </c>
      <c r="BI21" s="116">
        <v>192580</v>
      </c>
      <c r="BJ21" s="116">
        <v>694640</v>
      </c>
      <c r="BK21" s="116">
        <v>730300</v>
      </c>
      <c r="BL21" s="116">
        <v>333956</v>
      </c>
      <c r="BM21" s="116">
        <v>394313</v>
      </c>
      <c r="BN21" s="115">
        <v>2345789</v>
      </c>
      <c r="BO21" s="118">
        <v>2572762</v>
      </c>
      <c r="BP21" s="112">
        <v>439577</v>
      </c>
      <c r="BQ21" s="116">
        <v>263659</v>
      </c>
      <c r="BR21" s="115">
        <v>703236</v>
      </c>
      <c r="BS21" s="112">
        <v>0</v>
      </c>
      <c r="BT21" s="116">
        <v>2576486</v>
      </c>
      <c r="BU21" s="116">
        <v>3021405</v>
      </c>
      <c r="BV21" s="116">
        <v>3306602</v>
      </c>
      <c r="BW21" s="116">
        <v>3571689</v>
      </c>
      <c r="BX21" s="116">
        <v>2783465</v>
      </c>
      <c r="BY21" s="115">
        <v>15259647</v>
      </c>
      <c r="BZ21" s="118">
        <v>15962883</v>
      </c>
      <c r="CA21" s="112">
        <v>1007055</v>
      </c>
      <c r="CB21" s="116">
        <v>3966758</v>
      </c>
      <c r="CC21" s="115">
        <v>4973813</v>
      </c>
      <c r="CD21" s="112">
        <v>0</v>
      </c>
      <c r="CE21" s="116">
        <v>23642151</v>
      </c>
      <c r="CF21" s="116">
        <v>41374622</v>
      </c>
      <c r="CG21" s="116">
        <v>32469977</v>
      </c>
      <c r="CH21" s="116">
        <v>19448963</v>
      </c>
      <c r="CI21" s="116">
        <v>12984837</v>
      </c>
      <c r="CJ21" s="115">
        <v>129920550</v>
      </c>
      <c r="CK21" s="118">
        <v>134894363</v>
      </c>
      <c r="CL21" s="112">
        <v>0</v>
      </c>
      <c r="CM21" s="116">
        <v>0</v>
      </c>
      <c r="CN21" s="115">
        <v>0</v>
      </c>
      <c r="CO21" s="113">
        <v>0</v>
      </c>
      <c r="CP21" s="116">
        <v>14947840</v>
      </c>
      <c r="CQ21" s="116">
        <v>25482188</v>
      </c>
      <c r="CR21" s="116">
        <v>24270895</v>
      </c>
      <c r="CS21" s="116">
        <v>14034177</v>
      </c>
      <c r="CT21" s="116">
        <v>10205571</v>
      </c>
      <c r="CU21" s="115">
        <v>88940671</v>
      </c>
      <c r="CV21" s="118">
        <v>88940671</v>
      </c>
      <c r="CW21" s="112">
        <v>1007055</v>
      </c>
      <c r="CX21" s="116">
        <v>3966758</v>
      </c>
      <c r="CY21" s="115">
        <v>4973813</v>
      </c>
      <c r="CZ21" s="112">
        <v>0</v>
      </c>
      <c r="DA21" s="116">
        <v>8694311</v>
      </c>
      <c r="DB21" s="116">
        <v>15892434</v>
      </c>
      <c r="DC21" s="116">
        <v>8199082</v>
      </c>
      <c r="DD21" s="116">
        <v>5414786</v>
      </c>
      <c r="DE21" s="116">
        <v>2779266</v>
      </c>
      <c r="DF21" s="115">
        <v>40979879</v>
      </c>
      <c r="DG21" s="118">
        <v>45953692</v>
      </c>
      <c r="DH21" s="112">
        <v>0</v>
      </c>
      <c r="DI21" s="116">
        <v>27665</v>
      </c>
      <c r="DJ21" s="114">
        <v>27665</v>
      </c>
      <c r="DK21" s="113">
        <v>0</v>
      </c>
      <c r="DL21" s="116">
        <v>2087100</v>
      </c>
      <c r="DM21" s="116">
        <v>4849128</v>
      </c>
      <c r="DN21" s="116">
        <v>7079447</v>
      </c>
      <c r="DO21" s="116">
        <v>4694600</v>
      </c>
      <c r="DP21" s="116">
        <v>2192875</v>
      </c>
      <c r="DQ21" s="115">
        <v>20903150</v>
      </c>
      <c r="DR21" s="118">
        <v>20930815</v>
      </c>
      <c r="DS21" s="112">
        <v>0</v>
      </c>
      <c r="DT21" s="116">
        <v>27665</v>
      </c>
      <c r="DU21" s="115">
        <v>27665</v>
      </c>
      <c r="DV21" s="112">
        <v>0</v>
      </c>
      <c r="DW21" s="116">
        <v>1937932</v>
      </c>
      <c r="DX21" s="116">
        <v>4455739</v>
      </c>
      <c r="DY21" s="116">
        <v>6826530</v>
      </c>
      <c r="DZ21" s="116">
        <v>4104815</v>
      </c>
      <c r="EA21" s="116">
        <v>2070341</v>
      </c>
      <c r="EB21" s="115">
        <v>19395357</v>
      </c>
      <c r="EC21" s="118">
        <v>19423022</v>
      </c>
      <c r="ED21" s="112">
        <v>0</v>
      </c>
      <c r="EE21" s="114">
        <v>0</v>
      </c>
      <c r="EF21" s="115">
        <v>0</v>
      </c>
      <c r="EG21" s="112">
        <v>0</v>
      </c>
      <c r="EH21" s="116">
        <v>149168</v>
      </c>
      <c r="EI21" s="116">
        <v>393389</v>
      </c>
      <c r="EJ21" s="116">
        <v>252917</v>
      </c>
      <c r="EK21" s="116">
        <v>589785</v>
      </c>
      <c r="EL21" s="116">
        <v>122534</v>
      </c>
      <c r="EM21" s="114">
        <v>1507793</v>
      </c>
      <c r="EN21" s="118">
        <v>1507793</v>
      </c>
      <c r="EO21" s="112">
        <v>0</v>
      </c>
      <c r="EP21" s="116">
        <v>0</v>
      </c>
      <c r="EQ21" s="114">
        <v>0</v>
      </c>
      <c r="ER21" s="113">
        <v>0</v>
      </c>
      <c r="ES21" s="116">
        <v>0</v>
      </c>
      <c r="ET21" s="116">
        <v>0</v>
      </c>
      <c r="EU21" s="116">
        <v>0</v>
      </c>
      <c r="EV21" s="116">
        <v>0</v>
      </c>
      <c r="EW21" s="116">
        <v>0</v>
      </c>
      <c r="EX21" s="115">
        <v>0</v>
      </c>
      <c r="EY21" s="118">
        <v>0</v>
      </c>
      <c r="EZ21" s="112">
        <v>0</v>
      </c>
      <c r="FA21" s="116">
        <v>0</v>
      </c>
      <c r="FB21" s="114">
        <v>0</v>
      </c>
      <c r="FC21" s="390"/>
      <c r="FD21" s="116">
        <v>0</v>
      </c>
      <c r="FE21" s="116">
        <v>0</v>
      </c>
      <c r="FF21" s="116">
        <v>0</v>
      </c>
      <c r="FG21" s="116">
        <v>0</v>
      </c>
      <c r="FH21" s="116">
        <v>0</v>
      </c>
      <c r="FI21" s="115">
        <v>0</v>
      </c>
      <c r="FJ21" s="118">
        <v>0</v>
      </c>
      <c r="FK21" s="112">
        <v>1242537</v>
      </c>
      <c r="FL21" s="116">
        <v>2671212</v>
      </c>
      <c r="FM21" s="115">
        <v>3913749</v>
      </c>
      <c r="FN21" s="112">
        <v>0</v>
      </c>
      <c r="FO21" s="116">
        <v>4355943</v>
      </c>
      <c r="FP21" s="116">
        <v>11624842</v>
      </c>
      <c r="FQ21" s="116">
        <v>9177699</v>
      </c>
      <c r="FR21" s="116">
        <v>6935546</v>
      </c>
      <c r="FS21" s="116">
        <v>6020488</v>
      </c>
      <c r="FT21" s="115">
        <v>38114518</v>
      </c>
      <c r="FU21" s="118">
        <v>42028267</v>
      </c>
      <c r="FV21" s="117">
        <v>854295</v>
      </c>
      <c r="FW21" s="116">
        <v>1982048</v>
      </c>
      <c r="FX21" s="114">
        <v>2836343</v>
      </c>
      <c r="FY21" s="113">
        <v>0</v>
      </c>
      <c r="FZ21" s="116">
        <v>2804627</v>
      </c>
      <c r="GA21" s="116">
        <v>10483739</v>
      </c>
      <c r="GB21" s="116">
        <v>7994181</v>
      </c>
      <c r="GC21" s="116">
        <v>6628466</v>
      </c>
      <c r="GD21" s="116">
        <v>5519310</v>
      </c>
      <c r="GE21" s="115">
        <v>33430323</v>
      </c>
      <c r="GF21" s="354">
        <v>36266666</v>
      </c>
      <c r="GG21" s="117">
        <v>89892</v>
      </c>
      <c r="GH21" s="116">
        <v>167606</v>
      </c>
      <c r="GI21" s="114">
        <v>257498</v>
      </c>
      <c r="GJ21" s="113">
        <v>0</v>
      </c>
      <c r="GK21" s="116">
        <v>333301</v>
      </c>
      <c r="GL21" s="116">
        <v>528590</v>
      </c>
      <c r="GM21" s="116">
        <v>407745</v>
      </c>
      <c r="GN21" s="116">
        <v>223380</v>
      </c>
      <c r="GO21" s="116">
        <v>96448</v>
      </c>
      <c r="GP21" s="115">
        <v>1589464</v>
      </c>
      <c r="GQ21" s="118">
        <v>1846962</v>
      </c>
      <c r="GR21" s="112">
        <v>298350</v>
      </c>
      <c r="GS21" s="116">
        <v>521558</v>
      </c>
      <c r="GT21" s="115">
        <v>819908</v>
      </c>
      <c r="GU21" s="112">
        <v>0</v>
      </c>
      <c r="GV21" s="116">
        <v>1218015</v>
      </c>
      <c r="GW21" s="116">
        <v>612513</v>
      </c>
      <c r="GX21" s="116">
        <v>775773</v>
      </c>
      <c r="GY21" s="116">
        <v>83700</v>
      </c>
      <c r="GZ21" s="116">
        <v>404730</v>
      </c>
      <c r="HA21" s="114">
        <v>3094731</v>
      </c>
      <c r="HB21" s="118">
        <v>3914639</v>
      </c>
      <c r="HC21" s="112">
        <v>1526948</v>
      </c>
      <c r="HD21" s="116">
        <v>1387826</v>
      </c>
      <c r="HE21" s="114">
        <v>2914774</v>
      </c>
      <c r="HF21" s="113">
        <v>0</v>
      </c>
      <c r="HG21" s="116">
        <v>14841013</v>
      </c>
      <c r="HH21" s="116">
        <v>15952499</v>
      </c>
      <c r="HI21" s="116">
        <v>14558322</v>
      </c>
      <c r="HJ21" s="116">
        <v>24186074</v>
      </c>
      <c r="HK21" s="116">
        <v>18032459</v>
      </c>
      <c r="HL21" s="115">
        <v>87570367</v>
      </c>
      <c r="HM21" s="111">
        <v>90485141</v>
      </c>
      <c r="HN21" s="117">
        <v>928967</v>
      </c>
      <c r="HO21" s="116">
        <v>1800784</v>
      </c>
      <c r="HP21" s="115">
        <v>2729751</v>
      </c>
      <c r="HQ21" s="112">
        <v>0</v>
      </c>
      <c r="HR21" s="116">
        <v>11905639</v>
      </c>
      <c r="HS21" s="116">
        <v>16192805</v>
      </c>
      <c r="HT21" s="116">
        <v>10808594</v>
      </c>
      <c r="HU21" s="116">
        <v>6359356</v>
      </c>
      <c r="HV21" s="116">
        <v>4073426</v>
      </c>
      <c r="HW21" s="114">
        <v>49339820</v>
      </c>
      <c r="HX21" s="118">
        <v>52069571</v>
      </c>
      <c r="HY21" s="148">
        <v>303164</v>
      </c>
      <c r="HZ21" s="149">
        <v>85011</v>
      </c>
      <c r="IA21" s="150">
        <v>388175</v>
      </c>
      <c r="IB21" s="163">
        <v>0</v>
      </c>
      <c r="IC21" s="149">
        <v>13948976</v>
      </c>
      <c r="ID21" s="164">
        <v>29215870</v>
      </c>
      <c r="IE21" s="150">
        <v>33183042</v>
      </c>
      <c r="IF21" s="149">
        <v>23730059</v>
      </c>
      <c r="IG21" s="150">
        <v>19548988</v>
      </c>
      <c r="IH21" s="165">
        <v>119626935</v>
      </c>
      <c r="II21" s="156">
        <v>120015110</v>
      </c>
      <c r="IJ21" s="261">
        <v>0</v>
      </c>
      <c r="IK21" s="268">
        <v>0</v>
      </c>
      <c r="IL21" s="269">
        <v>0</v>
      </c>
      <c r="IM21" s="157"/>
      <c r="IN21" s="122">
        <v>506949</v>
      </c>
      <c r="IO21" s="122">
        <v>1834388</v>
      </c>
      <c r="IP21" s="122">
        <v>1620857</v>
      </c>
      <c r="IQ21" s="122">
        <v>3418421</v>
      </c>
      <c r="IR21" s="122">
        <v>1598087</v>
      </c>
      <c r="IS21" s="158">
        <v>8978702</v>
      </c>
      <c r="IT21" s="357">
        <v>8978702</v>
      </c>
      <c r="IU21" s="159">
        <v>0</v>
      </c>
      <c r="IV21" s="122">
        <v>0</v>
      </c>
      <c r="IW21" s="123">
        <v>0</v>
      </c>
      <c r="IX21" s="161"/>
      <c r="IY21" s="122">
        <v>0</v>
      </c>
      <c r="IZ21" s="122">
        <v>89202</v>
      </c>
      <c r="JA21" s="122">
        <v>58507</v>
      </c>
      <c r="JB21" s="122">
        <v>36160</v>
      </c>
      <c r="JC21" s="122">
        <v>0</v>
      </c>
      <c r="JD21" s="123">
        <v>183869</v>
      </c>
      <c r="JE21" s="124">
        <v>183869</v>
      </c>
      <c r="JF21" s="159">
        <v>0</v>
      </c>
      <c r="JG21" s="122">
        <v>0</v>
      </c>
      <c r="JH21" s="158">
        <v>0</v>
      </c>
      <c r="JI21" s="121">
        <v>0</v>
      </c>
      <c r="JJ21" s="122">
        <v>7355064</v>
      </c>
      <c r="JK21" s="122">
        <v>10066179</v>
      </c>
      <c r="JL21" s="122">
        <v>8088562</v>
      </c>
      <c r="JM21" s="122">
        <v>4377361</v>
      </c>
      <c r="JN21" s="122">
        <v>2281393</v>
      </c>
      <c r="JO21" s="123">
        <v>32168559</v>
      </c>
      <c r="JP21" s="357">
        <v>32168559</v>
      </c>
      <c r="JQ21" s="159">
        <v>0</v>
      </c>
      <c r="JR21" s="122">
        <v>0</v>
      </c>
      <c r="JS21" s="158">
        <v>0</v>
      </c>
      <c r="JT21" s="121">
        <v>0</v>
      </c>
      <c r="JU21" s="122">
        <v>530987</v>
      </c>
      <c r="JV21" s="122">
        <v>1291049</v>
      </c>
      <c r="JW21" s="122">
        <v>1116896</v>
      </c>
      <c r="JX21" s="122">
        <v>718022</v>
      </c>
      <c r="JY21" s="122">
        <v>898243</v>
      </c>
      <c r="JZ21" s="123">
        <v>4555197</v>
      </c>
      <c r="KA21" s="357">
        <v>4555197</v>
      </c>
      <c r="KB21" s="264">
        <v>303164</v>
      </c>
      <c r="KC21" s="258">
        <v>85011</v>
      </c>
      <c r="KD21" s="123">
        <v>388175</v>
      </c>
      <c r="KE21" s="121">
        <v>0</v>
      </c>
      <c r="KF21" s="122">
        <v>926308</v>
      </c>
      <c r="KG21" s="122">
        <v>3180361</v>
      </c>
      <c r="KH21" s="122">
        <v>3919947</v>
      </c>
      <c r="KI21" s="122">
        <v>4018555</v>
      </c>
      <c r="KJ21" s="122">
        <v>3595173</v>
      </c>
      <c r="KK21" s="123">
        <v>15640344</v>
      </c>
      <c r="KL21" s="160">
        <v>16028519</v>
      </c>
      <c r="KM21" s="261">
        <v>0</v>
      </c>
      <c r="KN21" s="268">
        <v>0</v>
      </c>
      <c r="KO21" s="269">
        <v>0</v>
      </c>
      <c r="KP21" s="157"/>
      <c r="KQ21" s="122">
        <v>4284186</v>
      </c>
      <c r="KR21" s="122">
        <v>11447906</v>
      </c>
      <c r="KS21" s="122">
        <v>15140395</v>
      </c>
      <c r="KT21" s="122">
        <v>8326742</v>
      </c>
      <c r="KU21" s="122">
        <v>6745058</v>
      </c>
      <c r="KV21" s="123">
        <v>45944287</v>
      </c>
      <c r="KW21" s="357">
        <v>45944287</v>
      </c>
      <c r="KX21" s="159">
        <v>0</v>
      </c>
      <c r="KY21" s="122">
        <v>0</v>
      </c>
      <c r="KZ21" s="123">
        <v>0</v>
      </c>
      <c r="LA21" s="162"/>
      <c r="LB21" s="122">
        <v>0</v>
      </c>
      <c r="LC21" s="122">
        <v>0</v>
      </c>
      <c r="LD21" s="122">
        <v>0</v>
      </c>
      <c r="LE21" s="122">
        <v>0</v>
      </c>
      <c r="LF21" s="122">
        <v>0</v>
      </c>
      <c r="LG21" s="123">
        <v>0</v>
      </c>
      <c r="LH21" s="124">
        <v>0</v>
      </c>
      <c r="LI21" s="159">
        <v>0</v>
      </c>
      <c r="LJ21" s="122">
        <v>0</v>
      </c>
      <c r="LK21" s="123">
        <v>0</v>
      </c>
      <c r="LL21" s="162"/>
      <c r="LM21" s="122">
        <v>208650</v>
      </c>
      <c r="LN21" s="122">
        <v>445898</v>
      </c>
      <c r="LO21" s="122">
        <v>1953217</v>
      </c>
      <c r="LP21" s="122">
        <v>2400083</v>
      </c>
      <c r="LQ21" s="122">
        <v>2964946</v>
      </c>
      <c r="LR21" s="123">
        <v>7972794</v>
      </c>
      <c r="LS21" s="357">
        <v>7972794</v>
      </c>
      <c r="LT21" s="159">
        <v>0</v>
      </c>
      <c r="LU21" s="122">
        <v>0</v>
      </c>
      <c r="LV21" s="123">
        <v>0</v>
      </c>
      <c r="LW21" s="162"/>
      <c r="LX21" s="122">
        <v>136832</v>
      </c>
      <c r="LY21" s="122">
        <v>860887</v>
      </c>
      <c r="LZ21" s="122">
        <v>1284661</v>
      </c>
      <c r="MA21" s="122">
        <v>434715</v>
      </c>
      <c r="MB21" s="122">
        <v>1466088</v>
      </c>
      <c r="MC21" s="123">
        <v>4183183</v>
      </c>
      <c r="MD21" s="124">
        <v>4183183</v>
      </c>
      <c r="ME21" s="159">
        <v>0</v>
      </c>
      <c r="MF21" s="122">
        <v>0</v>
      </c>
      <c r="MG21" s="123">
        <v>0</v>
      </c>
      <c r="MH21" s="162"/>
      <c r="MI21" s="122">
        <v>18086548</v>
      </c>
      <c r="MJ21" s="122">
        <v>27737909</v>
      </c>
      <c r="MK21" s="122">
        <v>80131191</v>
      </c>
      <c r="ML21" s="122">
        <v>105011572</v>
      </c>
      <c r="MM21" s="122">
        <v>76922173</v>
      </c>
      <c r="MN21" s="123">
        <v>307889393</v>
      </c>
      <c r="MO21" s="160">
        <v>307889393</v>
      </c>
      <c r="MP21" s="159">
        <v>0</v>
      </c>
      <c r="MQ21" s="122">
        <v>0</v>
      </c>
      <c r="MR21" s="123">
        <v>0</v>
      </c>
      <c r="MS21" s="162"/>
      <c r="MT21" s="122">
        <v>1600071</v>
      </c>
      <c r="MU21" s="122">
        <v>5007391</v>
      </c>
      <c r="MV21" s="122">
        <v>43226675</v>
      </c>
      <c r="MW21" s="122">
        <v>68434708</v>
      </c>
      <c r="MX21" s="122">
        <v>53287312</v>
      </c>
      <c r="MY21" s="123">
        <v>171556157</v>
      </c>
      <c r="MZ21" s="160">
        <v>171556157</v>
      </c>
      <c r="NA21" s="159">
        <v>0</v>
      </c>
      <c r="NB21" s="122">
        <v>0</v>
      </c>
      <c r="NC21" s="123">
        <v>0</v>
      </c>
      <c r="ND21" s="162"/>
      <c r="NE21" s="122">
        <v>16486477</v>
      </c>
      <c r="NF21" s="122">
        <v>22730518</v>
      </c>
      <c r="NG21" s="122">
        <v>34788458</v>
      </c>
      <c r="NH21" s="122">
        <v>32353825</v>
      </c>
      <c r="NI21" s="122">
        <v>17929634</v>
      </c>
      <c r="NJ21" s="123">
        <v>124288912</v>
      </c>
      <c r="NK21" s="357">
        <v>124288912</v>
      </c>
      <c r="NL21" s="159">
        <v>0</v>
      </c>
      <c r="NM21" s="122">
        <v>0</v>
      </c>
      <c r="NN21" s="123">
        <v>0</v>
      </c>
      <c r="NO21" s="162"/>
      <c r="NP21" s="122">
        <v>0</v>
      </c>
      <c r="NQ21" s="122">
        <v>0</v>
      </c>
      <c r="NR21" s="122">
        <v>0</v>
      </c>
      <c r="NS21" s="122">
        <v>0</v>
      </c>
      <c r="NT21" s="122">
        <v>1327511</v>
      </c>
      <c r="NU21" s="123">
        <v>1327511</v>
      </c>
      <c r="NV21" s="124">
        <v>1327511</v>
      </c>
      <c r="NW21" s="159">
        <v>0</v>
      </c>
      <c r="NX21" s="122">
        <v>0</v>
      </c>
      <c r="NY21" s="123">
        <v>0</v>
      </c>
      <c r="NZ21" s="162"/>
      <c r="OA21" s="122">
        <v>0</v>
      </c>
      <c r="OB21" s="122">
        <v>0</v>
      </c>
      <c r="OC21" s="122">
        <v>2116058</v>
      </c>
      <c r="OD21" s="122">
        <v>4223039</v>
      </c>
      <c r="OE21" s="122">
        <v>4377716</v>
      </c>
      <c r="OF21" s="123">
        <v>10716813</v>
      </c>
      <c r="OG21" s="124">
        <v>10716813</v>
      </c>
      <c r="OH21" s="159">
        <v>5889103</v>
      </c>
      <c r="OI21" s="122">
        <v>12188001</v>
      </c>
      <c r="OJ21" s="158">
        <v>18077104</v>
      </c>
      <c r="OK21" s="121">
        <v>0</v>
      </c>
      <c r="OL21" s="122">
        <v>103346537</v>
      </c>
      <c r="OM21" s="122">
        <v>172588175</v>
      </c>
      <c r="ON21" s="122">
        <v>213168934</v>
      </c>
      <c r="OO21" s="122">
        <v>215176604</v>
      </c>
      <c r="OP21" s="122">
        <v>162915122</v>
      </c>
      <c r="OQ21" s="123">
        <v>867195372</v>
      </c>
      <c r="OR21" s="160">
        <v>885272476</v>
      </c>
    </row>
    <row r="22" spans="1:408" ht="18.75" customHeight="1" x14ac:dyDescent="0.2">
      <c r="A22" s="62" t="s">
        <v>17</v>
      </c>
      <c r="B22" s="112">
        <v>5681236</v>
      </c>
      <c r="C22" s="116">
        <v>15236987</v>
      </c>
      <c r="D22" s="115">
        <v>20918223</v>
      </c>
      <c r="E22" s="111">
        <v>0</v>
      </c>
      <c r="F22" s="116">
        <v>72038764</v>
      </c>
      <c r="G22" s="116">
        <v>138757917</v>
      </c>
      <c r="H22" s="116">
        <v>117223197</v>
      </c>
      <c r="I22" s="116">
        <v>109809575</v>
      </c>
      <c r="J22" s="116">
        <v>86670986</v>
      </c>
      <c r="K22" s="111">
        <v>524500439</v>
      </c>
      <c r="L22" s="118">
        <v>545418662</v>
      </c>
      <c r="M22" s="112">
        <v>1253464</v>
      </c>
      <c r="N22" s="116">
        <v>3201571</v>
      </c>
      <c r="O22" s="115">
        <v>4455035</v>
      </c>
      <c r="P22" s="112">
        <v>0</v>
      </c>
      <c r="Q22" s="116">
        <v>16261279</v>
      </c>
      <c r="R22" s="116">
        <v>37739430</v>
      </c>
      <c r="S22" s="116">
        <v>34319430</v>
      </c>
      <c r="T22" s="116">
        <v>39139707</v>
      </c>
      <c r="U22" s="116">
        <v>45616309</v>
      </c>
      <c r="V22" s="115">
        <v>173076155</v>
      </c>
      <c r="W22" s="118">
        <v>177531190</v>
      </c>
      <c r="X22" s="112">
        <v>0</v>
      </c>
      <c r="Y22" s="116">
        <v>0</v>
      </c>
      <c r="Z22" s="115">
        <v>0</v>
      </c>
      <c r="AA22" s="112">
        <v>0</v>
      </c>
      <c r="AB22" s="116">
        <v>7389077</v>
      </c>
      <c r="AC22" s="116">
        <v>19481565</v>
      </c>
      <c r="AD22" s="116">
        <v>20903637</v>
      </c>
      <c r="AE22" s="116">
        <v>24098164</v>
      </c>
      <c r="AF22" s="116">
        <v>29411533</v>
      </c>
      <c r="AG22" s="115">
        <v>101283976</v>
      </c>
      <c r="AH22" s="118">
        <v>101283976</v>
      </c>
      <c r="AI22" s="112">
        <v>0</v>
      </c>
      <c r="AJ22" s="116">
        <v>97608</v>
      </c>
      <c r="AK22" s="115">
        <v>97608</v>
      </c>
      <c r="AL22" s="112">
        <v>0</v>
      </c>
      <c r="AM22" s="116">
        <v>0</v>
      </c>
      <c r="AN22" s="116">
        <v>673574</v>
      </c>
      <c r="AO22" s="116">
        <v>1370305</v>
      </c>
      <c r="AP22" s="116">
        <v>2027114</v>
      </c>
      <c r="AQ22" s="116">
        <v>4688818</v>
      </c>
      <c r="AR22" s="115">
        <v>8759811</v>
      </c>
      <c r="AS22" s="118">
        <v>8857419</v>
      </c>
      <c r="AT22" s="112">
        <v>749861</v>
      </c>
      <c r="AU22" s="116">
        <v>2357107</v>
      </c>
      <c r="AV22" s="115">
        <v>3106968</v>
      </c>
      <c r="AW22" s="112">
        <v>0</v>
      </c>
      <c r="AX22" s="116">
        <v>5212753</v>
      </c>
      <c r="AY22" s="116">
        <v>11365539</v>
      </c>
      <c r="AZ22" s="116">
        <v>6579370</v>
      </c>
      <c r="BA22" s="116">
        <v>7955649</v>
      </c>
      <c r="BB22" s="116">
        <v>7256404</v>
      </c>
      <c r="BC22" s="115">
        <v>38369715</v>
      </c>
      <c r="BD22" s="118">
        <v>41476683</v>
      </c>
      <c r="BE22" s="112">
        <v>67557</v>
      </c>
      <c r="BF22" s="116">
        <v>160718</v>
      </c>
      <c r="BG22" s="114">
        <v>228275</v>
      </c>
      <c r="BH22" s="113">
        <v>0</v>
      </c>
      <c r="BI22" s="116">
        <v>322181</v>
      </c>
      <c r="BJ22" s="116">
        <v>852936</v>
      </c>
      <c r="BK22" s="116">
        <v>609164</v>
      </c>
      <c r="BL22" s="116">
        <v>338308</v>
      </c>
      <c r="BM22" s="116">
        <v>237157</v>
      </c>
      <c r="BN22" s="115">
        <v>2359746</v>
      </c>
      <c r="BO22" s="118">
        <v>2588021</v>
      </c>
      <c r="BP22" s="112">
        <v>436046</v>
      </c>
      <c r="BQ22" s="116">
        <v>586138</v>
      </c>
      <c r="BR22" s="115">
        <v>1022184</v>
      </c>
      <c r="BS22" s="112">
        <v>0</v>
      </c>
      <c r="BT22" s="116">
        <v>3337268</v>
      </c>
      <c r="BU22" s="116">
        <v>5365816</v>
      </c>
      <c r="BV22" s="116">
        <v>4856954</v>
      </c>
      <c r="BW22" s="116">
        <v>4720472</v>
      </c>
      <c r="BX22" s="116">
        <v>4022397</v>
      </c>
      <c r="BY22" s="115">
        <v>22302907</v>
      </c>
      <c r="BZ22" s="118">
        <v>23325091</v>
      </c>
      <c r="CA22" s="112">
        <v>288343</v>
      </c>
      <c r="CB22" s="116">
        <v>1941830</v>
      </c>
      <c r="CC22" s="115">
        <v>2230173</v>
      </c>
      <c r="CD22" s="112">
        <v>0</v>
      </c>
      <c r="CE22" s="116">
        <v>22356555</v>
      </c>
      <c r="CF22" s="116">
        <v>44203976</v>
      </c>
      <c r="CG22" s="116">
        <v>33883620</v>
      </c>
      <c r="CH22" s="116">
        <v>23600952</v>
      </c>
      <c r="CI22" s="116">
        <v>9683295</v>
      </c>
      <c r="CJ22" s="115">
        <v>133728398</v>
      </c>
      <c r="CK22" s="118">
        <v>135958571</v>
      </c>
      <c r="CL22" s="112">
        <v>0</v>
      </c>
      <c r="CM22" s="116">
        <v>0</v>
      </c>
      <c r="CN22" s="115">
        <v>0</v>
      </c>
      <c r="CO22" s="113">
        <v>0</v>
      </c>
      <c r="CP22" s="116">
        <v>19194821</v>
      </c>
      <c r="CQ22" s="116">
        <v>35381904</v>
      </c>
      <c r="CR22" s="116">
        <v>28183353</v>
      </c>
      <c r="CS22" s="116">
        <v>20033955</v>
      </c>
      <c r="CT22" s="116">
        <v>8513991</v>
      </c>
      <c r="CU22" s="115">
        <v>111308024</v>
      </c>
      <c r="CV22" s="118">
        <v>111308024</v>
      </c>
      <c r="CW22" s="112">
        <v>288343</v>
      </c>
      <c r="CX22" s="116">
        <v>1941830</v>
      </c>
      <c r="CY22" s="115">
        <v>2230173</v>
      </c>
      <c r="CZ22" s="112">
        <v>0</v>
      </c>
      <c r="DA22" s="116">
        <v>3161734</v>
      </c>
      <c r="DB22" s="116">
        <v>8822072</v>
      </c>
      <c r="DC22" s="116">
        <v>5700267</v>
      </c>
      <c r="DD22" s="116">
        <v>3566997</v>
      </c>
      <c r="DE22" s="116">
        <v>1169304</v>
      </c>
      <c r="DF22" s="115">
        <v>22420374</v>
      </c>
      <c r="DG22" s="118">
        <v>24650547</v>
      </c>
      <c r="DH22" s="112">
        <v>0</v>
      </c>
      <c r="DI22" s="116">
        <v>30043</v>
      </c>
      <c r="DJ22" s="114">
        <v>30043</v>
      </c>
      <c r="DK22" s="113">
        <v>0</v>
      </c>
      <c r="DL22" s="116">
        <v>2172258</v>
      </c>
      <c r="DM22" s="116">
        <v>5767032</v>
      </c>
      <c r="DN22" s="116">
        <v>9385879</v>
      </c>
      <c r="DO22" s="116">
        <v>9522389</v>
      </c>
      <c r="DP22" s="116">
        <v>6624604</v>
      </c>
      <c r="DQ22" s="115">
        <v>33472162</v>
      </c>
      <c r="DR22" s="118">
        <v>33502205</v>
      </c>
      <c r="DS22" s="112">
        <v>0</v>
      </c>
      <c r="DT22" s="116">
        <v>30043</v>
      </c>
      <c r="DU22" s="115">
        <v>30043</v>
      </c>
      <c r="DV22" s="112">
        <v>0</v>
      </c>
      <c r="DW22" s="116">
        <v>2065831</v>
      </c>
      <c r="DX22" s="116">
        <v>5225059</v>
      </c>
      <c r="DY22" s="116">
        <v>8298601</v>
      </c>
      <c r="DZ22" s="116">
        <v>9190688</v>
      </c>
      <c r="EA22" s="116">
        <v>5379471</v>
      </c>
      <c r="EB22" s="115">
        <v>30159650</v>
      </c>
      <c r="EC22" s="118">
        <v>30189693</v>
      </c>
      <c r="ED22" s="112">
        <v>0</v>
      </c>
      <c r="EE22" s="114">
        <v>0</v>
      </c>
      <c r="EF22" s="115">
        <v>0</v>
      </c>
      <c r="EG22" s="112">
        <v>0</v>
      </c>
      <c r="EH22" s="116">
        <v>106427</v>
      </c>
      <c r="EI22" s="116">
        <v>541973</v>
      </c>
      <c r="EJ22" s="116">
        <v>1087278</v>
      </c>
      <c r="EK22" s="116">
        <v>331701</v>
      </c>
      <c r="EL22" s="116">
        <v>1245133</v>
      </c>
      <c r="EM22" s="114">
        <v>3312512</v>
      </c>
      <c r="EN22" s="118">
        <v>3312512</v>
      </c>
      <c r="EO22" s="112">
        <v>0</v>
      </c>
      <c r="EP22" s="116">
        <v>0</v>
      </c>
      <c r="EQ22" s="114">
        <v>0</v>
      </c>
      <c r="ER22" s="113">
        <v>0</v>
      </c>
      <c r="ES22" s="116">
        <v>0</v>
      </c>
      <c r="ET22" s="116">
        <v>0</v>
      </c>
      <c r="EU22" s="116">
        <v>0</v>
      </c>
      <c r="EV22" s="116">
        <v>0</v>
      </c>
      <c r="EW22" s="116">
        <v>0</v>
      </c>
      <c r="EX22" s="115">
        <v>0</v>
      </c>
      <c r="EY22" s="118">
        <v>0</v>
      </c>
      <c r="EZ22" s="112">
        <v>0</v>
      </c>
      <c r="FA22" s="116">
        <v>0</v>
      </c>
      <c r="FB22" s="114">
        <v>0</v>
      </c>
      <c r="FC22" s="390"/>
      <c r="FD22" s="116">
        <v>0</v>
      </c>
      <c r="FE22" s="116">
        <v>0</v>
      </c>
      <c r="FF22" s="116">
        <v>0</v>
      </c>
      <c r="FG22" s="116">
        <v>0</v>
      </c>
      <c r="FH22" s="116">
        <v>0</v>
      </c>
      <c r="FI22" s="115">
        <v>0</v>
      </c>
      <c r="FJ22" s="118">
        <v>0</v>
      </c>
      <c r="FK22" s="112">
        <v>1458861</v>
      </c>
      <c r="FL22" s="116">
        <v>4228452</v>
      </c>
      <c r="FM22" s="115">
        <v>5687313</v>
      </c>
      <c r="FN22" s="112">
        <v>0</v>
      </c>
      <c r="FO22" s="116">
        <v>3526148</v>
      </c>
      <c r="FP22" s="116">
        <v>15800467</v>
      </c>
      <c r="FQ22" s="116">
        <v>10236556</v>
      </c>
      <c r="FR22" s="116">
        <v>10275661</v>
      </c>
      <c r="FS22" s="116">
        <v>7942769</v>
      </c>
      <c r="FT22" s="115">
        <v>47781601</v>
      </c>
      <c r="FU22" s="118">
        <v>53468914</v>
      </c>
      <c r="FV22" s="117">
        <v>1007592</v>
      </c>
      <c r="FW22" s="116">
        <v>3354948</v>
      </c>
      <c r="FX22" s="114">
        <v>4362540</v>
      </c>
      <c r="FY22" s="113">
        <v>0</v>
      </c>
      <c r="FZ22" s="116">
        <v>2921206</v>
      </c>
      <c r="GA22" s="116">
        <v>14035834</v>
      </c>
      <c r="GB22" s="116">
        <v>9580835</v>
      </c>
      <c r="GC22" s="116">
        <v>9557467</v>
      </c>
      <c r="GD22" s="116">
        <v>7796573</v>
      </c>
      <c r="GE22" s="115">
        <v>43891915</v>
      </c>
      <c r="GF22" s="354">
        <v>48254455</v>
      </c>
      <c r="GG22" s="117">
        <v>54306</v>
      </c>
      <c r="GH22" s="116">
        <v>50310</v>
      </c>
      <c r="GI22" s="114">
        <v>104616</v>
      </c>
      <c r="GJ22" s="113">
        <v>0</v>
      </c>
      <c r="GK22" s="116">
        <v>133758</v>
      </c>
      <c r="GL22" s="116">
        <v>305530</v>
      </c>
      <c r="GM22" s="116">
        <v>179210</v>
      </c>
      <c r="GN22" s="116">
        <v>328144</v>
      </c>
      <c r="GO22" s="116">
        <v>146196</v>
      </c>
      <c r="GP22" s="115">
        <v>1092838</v>
      </c>
      <c r="GQ22" s="118">
        <v>1197454</v>
      </c>
      <c r="GR22" s="112">
        <v>396963</v>
      </c>
      <c r="GS22" s="116">
        <v>823194</v>
      </c>
      <c r="GT22" s="115">
        <v>1220157</v>
      </c>
      <c r="GU22" s="112">
        <v>0</v>
      </c>
      <c r="GV22" s="116">
        <v>471184</v>
      </c>
      <c r="GW22" s="116">
        <v>1459103</v>
      </c>
      <c r="GX22" s="116">
        <v>476511</v>
      </c>
      <c r="GY22" s="116">
        <v>390050</v>
      </c>
      <c r="GZ22" s="116">
        <v>0</v>
      </c>
      <c r="HA22" s="114">
        <v>2796848</v>
      </c>
      <c r="HB22" s="118">
        <v>4017005</v>
      </c>
      <c r="HC22" s="112">
        <v>1553891</v>
      </c>
      <c r="HD22" s="116">
        <v>3194815</v>
      </c>
      <c r="HE22" s="114">
        <v>4748706</v>
      </c>
      <c r="HF22" s="113">
        <v>0</v>
      </c>
      <c r="HG22" s="116">
        <v>14915624</v>
      </c>
      <c r="HH22" s="116">
        <v>15825933</v>
      </c>
      <c r="HI22" s="116">
        <v>16067283</v>
      </c>
      <c r="HJ22" s="116">
        <v>17664324</v>
      </c>
      <c r="HK22" s="116">
        <v>10890223</v>
      </c>
      <c r="HL22" s="115">
        <v>75363387</v>
      </c>
      <c r="HM22" s="111">
        <v>80112093</v>
      </c>
      <c r="HN22" s="117">
        <v>1126677</v>
      </c>
      <c r="HO22" s="116">
        <v>2640276</v>
      </c>
      <c r="HP22" s="115">
        <v>3766953</v>
      </c>
      <c r="HQ22" s="112">
        <v>0</v>
      </c>
      <c r="HR22" s="116">
        <v>12806900</v>
      </c>
      <c r="HS22" s="116">
        <v>19421079</v>
      </c>
      <c r="HT22" s="116">
        <v>13330429</v>
      </c>
      <c r="HU22" s="116">
        <v>9606542</v>
      </c>
      <c r="HV22" s="116">
        <v>5913786</v>
      </c>
      <c r="HW22" s="114">
        <v>61078736</v>
      </c>
      <c r="HX22" s="118">
        <v>64845689</v>
      </c>
      <c r="HY22" s="167">
        <v>46544</v>
      </c>
      <c r="HZ22" s="152">
        <v>55135</v>
      </c>
      <c r="IA22" s="167">
        <v>101679</v>
      </c>
      <c r="IB22" s="151">
        <v>0</v>
      </c>
      <c r="IC22" s="152">
        <v>26508788</v>
      </c>
      <c r="ID22" s="153">
        <v>40362963</v>
      </c>
      <c r="IE22" s="154">
        <v>44147107</v>
      </c>
      <c r="IF22" s="152">
        <v>35145255</v>
      </c>
      <c r="IG22" s="154">
        <v>34333089</v>
      </c>
      <c r="IH22" s="155">
        <v>180497202</v>
      </c>
      <c r="II22" s="167">
        <v>180598881</v>
      </c>
      <c r="IJ22" s="261">
        <v>0</v>
      </c>
      <c r="IK22" s="268">
        <v>0</v>
      </c>
      <c r="IL22" s="269">
        <v>0</v>
      </c>
      <c r="IM22" s="157"/>
      <c r="IN22" s="122">
        <v>93789</v>
      </c>
      <c r="IO22" s="122">
        <v>344286</v>
      </c>
      <c r="IP22" s="122">
        <v>183325</v>
      </c>
      <c r="IQ22" s="122">
        <v>938181</v>
      </c>
      <c r="IR22" s="122">
        <v>0</v>
      </c>
      <c r="IS22" s="158">
        <v>1559581</v>
      </c>
      <c r="IT22" s="357">
        <v>1559581</v>
      </c>
      <c r="IU22" s="159">
        <v>0</v>
      </c>
      <c r="IV22" s="122">
        <v>0</v>
      </c>
      <c r="IW22" s="123">
        <v>0</v>
      </c>
      <c r="IX22" s="161"/>
      <c r="IY22" s="122">
        <v>0</v>
      </c>
      <c r="IZ22" s="122">
        <v>0</v>
      </c>
      <c r="JA22" s="122">
        <v>0</v>
      </c>
      <c r="JB22" s="122">
        <v>0</v>
      </c>
      <c r="JC22" s="122">
        <v>0</v>
      </c>
      <c r="JD22" s="123">
        <v>0</v>
      </c>
      <c r="JE22" s="124">
        <v>0</v>
      </c>
      <c r="JF22" s="159">
        <v>0</v>
      </c>
      <c r="JG22" s="122">
        <v>0</v>
      </c>
      <c r="JH22" s="158">
        <v>0</v>
      </c>
      <c r="JI22" s="121">
        <v>0</v>
      </c>
      <c r="JJ22" s="122">
        <v>11214832</v>
      </c>
      <c r="JK22" s="122">
        <v>14488778</v>
      </c>
      <c r="JL22" s="122">
        <v>12375346</v>
      </c>
      <c r="JM22" s="122">
        <v>9906799</v>
      </c>
      <c r="JN22" s="122">
        <v>8674485</v>
      </c>
      <c r="JO22" s="123">
        <v>56660240</v>
      </c>
      <c r="JP22" s="357">
        <v>56660240</v>
      </c>
      <c r="JQ22" s="159">
        <v>0</v>
      </c>
      <c r="JR22" s="122">
        <v>55135</v>
      </c>
      <c r="JS22" s="158">
        <v>55135</v>
      </c>
      <c r="JT22" s="121">
        <v>0</v>
      </c>
      <c r="JU22" s="122">
        <v>1528947</v>
      </c>
      <c r="JV22" s="122">
        <v>2378032</v>
      </c>
      <c r="JW22" s="122">
        <v>2713624</v>
      </c>
      <c r="JX22" s="122">
        <v>1210042</v>
      </c>
      <c r="JY22" s="122">
        <v>862060</v>
      </c>
      <c r="JZ22" s="123">
        <v>8692705</v>
      </c>
      <c r="KA22" s="357">
        <v>8747840</v>
      </c>
      <c r="KB22" s="264">
        <v>46544</v>
      </c>
      <c r="KC22" s="258">
        <v>0</v>
      </c>
      <c r="KD22" s="123">
        <v>46544</v>
      </c>
      <c r="KE22" s="121">
        <v>0</v>
      </c>
      <c r="KF22" s="122">
        <v>1837985</v>
      </c>
      <c r="KG22" s="122">
        <v>5641181</v>
      </c>
      <c r="KH22" s="122">
        <v>6836555</v>
      </c>
      <c r="KI22" s="122">
        <v>6788365</v>
      </c>
      <c r="KJ22" s="122">
        <v>3810945</v>
      </c>
      <c r="KK22" s="123">
        <v>24915031</v>
      </c>
      <c r="KL22" s="160">
        <v>24961575</v>
      </c>
      <c r="KM22" s="261">
        <v>0</v>
      </c>
      <c r="KN22" s="268">
        <v>0</v>
      </c>
      <c r="KO22" s="269">
        <v>0</v>
      </c>
      <c r="KP22" s="157"/>
      <c r="KQ22" s="122">
        <v>10728388</v>
      </c>
      <c r="KR22" s="122">
        <v>17049394</v>
      </c>
      <c r="KS22" s="122">
        <v>13299893</v>
      </c>
      <c r="KT22" s="122">
        <v>8284988</v>
      </c>
      <c r="KU22" s="122">
        <v>4953148</v>
      </c>
      <c r="KV22" s="123">
        <v>54315811</v>
      </c>
      <c r="KW22" s="357">
        <v>54315811</v>
      </c>
      <c r="KX22" s="159">
        <v>0</v>
      </c>
      <c r="KY22" s="122">
        <v>0</v>
      </c>
      <c r="KZ22" s="123">
        <v>0</v>
      </c>
      <c r="LA22" s="162"/>
      <c r="LB22" s="122">
        <v>0</v>
      </c>
      <c r="LC22" s="122">
        <v>0</v>
      </c>
      <c r="LD22" s="122">
        <v>0</v>
      </c>
      <c r="LE22" s="122">
        <v>0</v>
      </c>
      <c r="LF22" s="122">
        <v>0</v>
      </c>
      <c r="LG22" s="123">
        <v>0</v>
      </c>
      <c r="LH22" s="124">
        <v>0</v>
      </c>
      <c r="LI22" s="159">
        <v>0</v>
      </c>
      <c r="LJ22" s="122">
        <v>0</v>
      </c>
      <c r="LK22" s="123">
        <v>0</v>
      </c>
      <c r="LL22" s="162"/>
      <c r="LM22" s="122">
        <v>196302</v>
      </c>
      <c r="LN22" s="122">
        <v>461292</v>
      </c>
      <c r="LO22" s="122">
        <v>8406384</v>
      </c>
      <c r="LP22" s="122">
        <v>6857203</v>
      </c>
      <c r="LQ22" s="122">
        <v>12109645</v>
      </c>
      <c r="LR22" s="123">
        <v>28030826</v>
      </c>
      <c r="LS22" s="357">
        <v>28030826</v>
      </c>
      <c r="LT22" s="159">
        <v>0</v>
      </c>
      <c r="LU22" s="122">
        <v>0</v>
      </c>
      <c r="LV22" s="123">
        <v>0</v>
      </c>
      <c r="LW22" s="162"/>
      <c r="LX22" s="122">
        <v>908545</v>
      </c>
      <c r="LY22" s="122">
        <v>0</v>
      </c>
      <c r="LZ22" s="122">
        <v>331980</v>
      </c>
      <c r="MA22" s="122">
        <v>1159677</v>
      </c>
      <c r="MB22" s="122">
        <v>3922806</v>
      </c>
      <c r="MC22" s="123">
        <v>6323008</v>
      </c>
      <c r="MD22" s="124">
        <v>6323008</v>
      </c>
      <c r="ME22" s="159">
        <v>0</v>
      </c>
      <c r="MF22" s="122">
        <v>0</v>
      </c>
      <c r="MG22" s="123">
        <v>0</v>
      </c>
      <c r="MH22" s="162"/>
      <c r="MI22" s="122">
        <v>10041948</v>
      </c>
      <c r="MJ22" s="122">
        <v>29213582</v>
      </c>
      <c r="MK22" s="122">
        <v>84639545</v>
      </c>
      <c r="ML22" s="122">
        <v>97774699</v>
      </c>
      <c r="MM22" s="122">
        <v>75886527</v>
      </c>
      <c r="MN22" s="123">
        <v>297556301</v>
      </c>
      <c r="MO22" s="160">
        <v>297556301</v>
      </c>
      <c r="MP22" s="159">
        <v>0</v>
      </c>
      <c r="MQ22" s="122">
        <v>0</v>
      </c>
      <c r="MR22" s="123">
        <v>0</v>
      </c>
      <c r="MS22" s="162"/>
      <c r="MT22" s="122">
        <v>1104496</v>
      </c>
      <c r="MU22" s="122">
        <v>4763615</v>
      </c>
      <c r="MV22" s="122">
        <v>45740764</v>
      </c>
      <c r="MW22" s="122">
        <v>67695614</v>
      </c>
      <c r="MX22" s="122">
        <v>51246605</v>
      </c>
      <c r="MY22" s="123">
        <v>170551094</v>
      </c>
      <c r="MZ22" s="160">
        <v>170551094</v>
      </c>
      <c r="NA22" s="159">
        <v>0</v>
      </c>
      <c r="NB22" s="122">
        <v>0</v>
      </c>
      <c r="NC22" s="123">
        <v>0</v>
      </c>
      <c r="ND22" s="162"/>
      <c r="NE22" s="122">
        <v>8937452</v>
      </c>
      <c r="NF22" s="122">
        <v>24449967</v>
      </c>
      <c r="NG22" s="122">
        <v>38665232</v>
      </c>
      <c r="NH22" s="122">
        <v>28844386</v>
      </c>
      <c r="NI22" s="122">
        <v>19602495</v>
      </c>
      <c r="NJ22" s="123">
        <v>120499532</v>
      </c>
      <c r="NK22" s="357">
        <v>120499532</v>
      </c>
      <c r="NL22" s="159">
        <v>0</v>
      </c>
      <c r="NM22" s="122">
        <v>0</v>
      </c>
      <c r="NN22" s="123">
        <v>0</v>
      </c>
      <c r="NO22" s="162"/>
      <c r="NP22" s="122">
        <v>0</v>
      </c>
      <c r="NQ22" s="122">
        <v>0</v>
      </c>
      <c r="NR22" s="122">
        <v>233549</v>
      </c>
      <c r="NS22" s="122">
        <v>0</v>
      </c>
      <c r="NT22" s="122">
        <v>948525</v>
      </c>
      <c r="NU22" s="123">
        <v>1182074</v>
      </c>
      <c r="NV22" s="124">
        <v>1182074</v>
      </c>
      <c r="NW22" s="159">
        <v>0</v>
      </c>
      <c r="NX22" s="122">
        <v>0</v>
      </c>
      <c r="NY22" s="123">
        <v>0</v>
      </c>
      <c r="NZ22" s="162"/>
      <c r="OA22" s="122">
        <v>0</v>
      </c>
      <c r="OB22" s="122">
        <v>0</v>
      </c>
      <c r="OC22" s="122">
        <v>0</v>
      </c>
      <c r="OD22" s="122">
        <v>1234699</v>
      </c>
      <c r="OE22" s="122">
        <v>4088902</v>
      </c>
      <c r="OF22" s="123">
        <v>5323601</v>
      </c>
      <c r="OG22" s="124">
        <v>5323601</v>
      </c>
      <c r="OH22" s="159">
        <v>5727780</v>
      </c>
      <c r="OI22" s="122">
        <v>15292122</v>
      </c>
      <c r="OJ22" s="158">
        <v>21019902</v>
      </c>
      <c r="OK22" s="121">
        <v>0</v>
      </c>
      <c r="OL22" s="122">
        <v>108589500</v>
      </c>
      <c r="OM22" s="122">
        <v>208334462</v>
      </c>
      <c r="ON22" s="122">
        <v>246009849</v>
      </c>
      <c r="OO22" s="122">
        <v>242729529</v>
      </c>
      <c r="OP22" s="122">
        <v>196890602</v>
      </c>
      <c r="OQ22" s="123">
        <v>1002553942</v>
      </c>
      <c r="OR22" s="160">
        <v>1023573844</v>
      </c>
    </row>
    <row r="23" spans="1:408" ht="18.75" customHeight="1" x14ac:dyDescent="0.2">
      <c r="A23" s="62" t="s">
        <v>18</v>
      </c>
      <c r="B23" s="112">
        <v>7572540</v>
      </c>
      <c r="C23" s="116">
        <v>14550068</v>
      </c>
      <c r="D23" s="115">
        <v>22122608</v>
      </c>
      <c r="E23" s="111">
        <v>0</v>
      </c>
      <c r="F23" s="116">
        <v>122358093</v>
      </c>
      <c r="G23" s="116">
        <v>146163956</v>
      </c>
      <c r="H23" s="116">
        <v>132936030</v>
      </c>
      <c r="I23" s="116">
        <v>130063430</v>
      </c>
      <c r="J23" s="116">
        <v>84195956</v>
      </c>
      <c r="K23" s="111">
        <v>615717465</v>
      </c>
      <c r="L23" s="118">
        <v>637840073</v>
      </c>
      <c r="M23" s="112">
        <v>1887715</v>
      </c>
      <c r="N23" s="116">
        <v>4007358</v>
      </c>
      <c r="O23" s="115">
        <v>5895073</v>
      </c>
      <c r="P23" s="112">
        <v>0</v>
      </c>
      <c r="Q23" s="116">
        <v>35170885</v>
      </c>
      <c r="R23" s="116">
        <v>42331290</v>
      </c>
      <c r="S23" s="116">
        <v>40553667</v>
      </c>
      <c r="T23" s="116">
        <v>51685809</v>
      </c>
      <c r="U23" s="116">
        <v>40892730</v>
      </c>
      <c r="V23" s="115">
        <v>210634381</v>
      </c>
      <c r="W23" s="118">
        <v>216529454</v>
      </c>
      <c r="X23" s="112">
        <v>0</v>
      </c>
      <c r="Y23" s="116">
        <v>0</v>
      </c>
      <c r="Z23" s="115">
        <v>0</v>
      </c>
      <c r="AA23" s="112">
        <v>0</v>
      </c>
      <c r="AB23" s="116">
        <v>16897196</v>
      </c>
      <c r="AC23" s="116">
        <v>21872382</v>
      </c>
      <c r="AD23" s="116">
        <v>22704474</v>
      </c>
      <c r="AE23" s="116">
        <v>34605737</v>
      </c>
      <c r="AF23" s="116">
        <v>24497974</v>
      </c>
      <c r="AG23" s="115">
        <v>120577763</v>
      </c>
      <c r="AH23" s="118">
        <v>120577763</v>
      </c>
      <c r="AI23" s="112">
        <v>20704</v>
      </c>
      <c r="AJ23" s="116">
        <v>34725</v>
      </c>
      <c r="AK23" s="115">
        <v>55429</v>
      </c>
      <c r="AL23" s="112">
        <v>0</v>
      </c>
      <c r="AM23" s="116">
        <v>82843</v>
      </c>
      <c r="AN23" s="116">
        <v>765957</v>
      </c>
      <c r="AO23" s="116">
        <v>1031362</v>
      </c>
      <c r="AP23" s="116">
        <v>2177705</v>
      </c>
      <c r="AQ23" s="116">
        <v>4836382</v>
      </c>
      <c r="AR23" s="115">
        <v>8894249</v>
      </c>
      <c r="AS23" s="118">
        <v>8949678</v>
      </c>
      <c r="AT23" s="112">
        <v>1095697</v>
      </c>
      <c r="AU23" s="116">
        <v>3088145</v>
      </c>
      <c r="AV23" s="115">
        <v>4183842</v>
      </c>
      <c r="AW23" s="112">
        <v>0</v>
      </c>
      <c r="AX23" s="116">
        <v>10978760</v>
      </c>
      <c r="AY23" s="116">
        <v>11874056</v>
      </c>
      <c r="AZ23" s="116">
        <v>9032749</v>
      </c>
      <c r="BA23" s="116">
        <v>8185034</v>
      </c>
      <c r="BB23" s="116">
        <v>6589893</v>
      </c>
      <c r="BC23" s="115">
        <v>46660492</v>
      </c>
      <c r="BD23" s="118">
        <v>50844334</v>
      </c>
      <c r="BE23" s="112">
        <v>105219</v>
      </c>
      <c r="BF23" s="116">
        <v>185088</v>
      </c>
      <c r="BG23" s="114">
        <v>290307</v>
      </c>
      <c r="BH23" s="113">
        <v>0</v>
      </c>
      <c r="BI23" s="116">
        <v>1541791</v>
      </c>
      <c r="BJ23" s="116">
        <v>1473406</v>
      </c>
      <c r="BK23" s="116">
        <v>1432543</v>
      </c>
      <c r="BL23" s="116">
        <v>1084312</v>
      </c>
      <c r="BM23" s="116">
        <v>501225</v>
      </c>
      <c r="BN23" s="115">
        <v>6033277</v>
      </c>
      <c r="BO23" s="118">
        <v>6323584</v>
      </c>
      <c r="BP23" s="112">
        <v>666095</v>
      </c>
      <c r="BQ23" s="116">
        <v>699400</v>
      </c>
      <c r="BR23" s="115">
        <v>1365495</v>
      </c>
      <c r="BS23" s="112">
        <v>0</v>
      </c>
      <c r="BT23" s="116">
        <v>5670295</v>
      </c>
      <c r="BU23" s="116">
        <v>6345489</v>
      </c>
      <c r="BV23" s="116">
        <v>6352539</v>
      </c>
      <c r="BW23" s="116">
        <v>5633021</v>
      </c>
      <c r="BX23" s="116">
        <v>4467256</v>
      </c>
      <c r="BY23" s="115">
        <v>28468600</v>
      </c>
      <c r="BZ23" s="118">
        <v>29834095</v>
      </c>
      <c r="CA23" s="112">
        <v>1020665</v>
      </c>
      <c r="CB23" s="116">
        <v>2952358</v>
      </c>
      <c r="CC23" s="115">
        <v>3973023</v>
      </c>
      <c r="CD23" s="112">
        <v>0</v>
      </c>
      <c r="CE23" s="116">
        <v>35567861</v>
      </c>
      <c r="CF23" s="116">
        <v>45123242</v>
      </c>
      <c r="CG23" s="116">
        <v>35765333</v>
      </c>
      <c r="CH23" s="116">
        <v>25665500</v>
      </c>
      <c r="CI23" s="116">
        <v>8401462</v>
      </c>
      <c r="CJ23" s="115">
        <v>150523398</v>
      </c>
      <c r="CK23" s="118">
        <v>154496421</v>
      </c>
      <c r="CL23" s="112">
        <v>0</v>
      </c>
      <c r="CM23" s="116">
        <v>0</v>
      </c>
      <c r="CN23" s="115">
        <v>0</v>
      </c>
      <c r="CO23" s="113">
        <v>0</v>
      </c>
      <c r="CP23" s="116">
        <v>28574005</v>
      </c>
      <c r="CQ23" s="116">
        <v>36239841</v>
      </c>
      <c r="CR23" s="116">
        <v>28700042</v>
      </c>
      <c r="CS23" s="116">
        <v>20088836</v>
      </c>
      <c r="CT23" s="116">
        <v>7204035</v>
      </c>
      <c r="CU23" s="115">
        <v>120806759</v>
      </c>
      <c r="CV23" s="118">
        <v>120806759</v>
      </c>
      <c r="CW23" s="112">
        <v>1020665</v>
      </c>
      <c r="CX23" s="116">
        <v>2952358</v>
      </c>
      <c r="CY23" s="115">
        <v>3973023</v>
      </c>
      <c r="CZ23" s="112">
        <v>0</v>
      </c>
      <c r="DA23" s="116">
        <v>6993856</v>
      </c>
      <c r="DB23" s="116">
        <v>8883401</v>
      </c>
      <c r="DC23" s="116">
        <v>7065291</v>
      </c>
      <c r="DD23" s="116">
        <v>5576664</v>
      </c>
      <c r="DE23" s="116">
        <v>1197427</v>
      </c>
      <c r="DF23" s="115">
        <v>29716639</v>
      </c>
      <c r="DG23" s="118">
        <v>33689662</v>
      </c>
      <c r="DH23" s="112">
        <v>0</v>
      </c>
      <c r="DI23" s="116">
        <v>77761</v>
      </c>
      <c r="DJ23" s="114">
        <v>77761</v>
      </c>
      <c r="DK23" s="113">
        <v>0</v>
      </c>
      <c r="DL23" s="116">
        <v>3036450</v>
      </c>
      <c r="DM23" s="116">
        <v>6962816</v>
      </c>
      <c r="DN23" s="116">
        <v>14911854</v>
      </c>
      <c r="DO23" s="116">
        <v>13820669</v>
      </c>
      <c r="DP23" s="116">
        <v>7361200</v>
      </c>
      <c r="DQ23" s="115">
        <v>46092989</v>
      </c>
      <c r="DR23" s="118">
        <v>46170750</v>
      </c>
      <c r="DS23" s="112">
        <v>0</v>
      </c>
      <c r="DT23" s="116">
        <v>77761</v>
      </c>
      <c r="DU23" s="115">
        <v>77761</v>
      </c>
      <c r="DV23" s="112">
        <v>0</v>
      </c>
      <c r="DW23" s="116">
        <v>2990934</v>
      </c>
      <c r="DX23" s="116">
        <v>6842295</v>
      </c>
      <c r="DY23" s="116">
        <v>14911854</v>
      </c>
      <c r="DZ23" s="116">
        <v>13457517</v>
      </c>
      <c r="EA23" s="116">
        <v>7361200</v>
      </c>
      <c r="EB23" s="115">
        <v>45563800</v>
      </c>
      <c r="EC23" s="118">
        <v>45641561</v>
      </c>
      <c r="ED23" s="112">
        <v>0</v>
      </c>
      <c r="EE23" s="114">
        <v>0</v>
      </c>
      <c r="EF23" s="115">
        <v>0</v>
      </c>
      <c r="EG23" s="112">
        <v>0</v>
      </c>
      <c r="EH23" s="116">
        <v>45516</v>
      </c>
      <c r="EI23" s="116">
        <v>120521</v>
      </c>
      <c r="EJ23" s="116">
        <v>0</v>
      </c>
      <c r="EK23" s="116">
        <v>363152</v>
      </c>
      <c r="EL23" s="116">
        <v>0</v>
      </c>
      <c r="EM23" s="114">
        <v>529189</v>
      </c>
      <c r="EN23" s="118">
        <v>529189</v>
      </c>
      <c r="EO23" s="112">
        <v>0</v>
      </c>
      <c r="EP23" s="116">
        <v>0</v>
      </c>
      <c r="EQ23" s="114">
        <v>0</v>
      </c>
      <c r="ER23" s="113">
        <v>0</v>
      </c>
      <c r="ES23" s="116">
        <v>0</v>
      </c>
      <c r="ET23" s="116">
        <v>0</v>
      </c>
      <c r="EU23" s="116">
        <v>0</v>
      </c>
      <c r="EV23" s="116">
        <v>0</v>
      </c>
      <c r="EW23" s="116">
        <v>0</v>
      </c>
      <c r="EX23" s="115">
        <v>0</v>
      </c>
      <c r="EY23" s="118">
        <v>0</v>
      </c>
      <c r="EZ23" s="112">
        <v>0</v>
      </c>
      <c r="FA23" s="116">
        <v>0</v>
      </c>
      <c r="FB23" s="114">
        <v>0</v>
      </c>
      <c r="FC23" s="390"/>
      <c r="FD23" s="116">
        <v>0</v>
      </c>
      <c r="FE23" s="116">
        <v>0</v>
      </c>
      <c r="FF23" s="116">
        <v>0</v>
      </c>
      <c r="FG23" s="116">
        <v>0</v>
      </c>
      <c r="FH23" s="116">
        <v>0</v>
      </c>
      <c r="FI23" s="115">
        <v>0</v>
      </c>
      <c r="FJ23" s="118">
        <v>0</v>
      </c>
      <c r="FK23" s="112">
        <v>1911625</v>
      </c>
      <c r="FL23" s="116">
        <v>3150813</v>
      </c>
      <c r="FM23" s="115">
        <v>5062438</v>
      </c>
      <c r="FN23" s="112">
        <v>0</v>
      </c>
      <c r="FO23" s="116">
        <v>6712314</v>
      </c>
      <c r="FP23" s="116">
        <v>14174772</v>
      </c>
      <c r="FQ23" s="116">
        <v>10385821</v>
      </c>
      <c r="FR23" s="116">
        <v>10978997</v>
      </c>
      <c r="FS23" s="116">
        <v>6664727</v>
      </c>
      <c r="FT23" s="115">
        <v>48916631</v>
      </c>
      <c r="FU23" s="118">
        <v>53979069</v>
      </c>
      <c r="FV23" s="117">
        <v>1036797</v>
      </c>
      <c r="FW23" s="116">
        <v>2515268</v>
      </c>
      <c r="FX23" s="114">
        <v>3552065</v>
      </c>
      <c r="FY23" s="113">
        <v>0</v>
      </c>
      <c r="FZ23" s="116">
        <v>5961496</v>
      </c>
      <c r="GA23" s="116">
        <v>13192512</v>
      </c>
      <c r="GB23" s="116">
        <v>9525202</v>
      </c>
      <c r="GC23" s="116">
        <v>10005389</v>
      </c>
      <c r="GD23" s="116">
        <v>6555918</v>
      </c>
      <c r="GE23" s="115">
        <v>45240517</v>
      </c>
      <c r="GF23" s="354">
        <v>48792582</v>
      </c>
      <c r="GG23" s="117">
        <v>125528</v>
      </c>
      <c r="GH23" s="116">
        <v>80480</v>
      </c>
      <c r="GI23" s="114">
        <v>206008</v>
      </c>
      <c r="GJ23" s="113">
        <v>0</v>
      </c>
      <c r="GK23" s="116">
        <v>165188</v>
      </c>
      <c r="GL23" s="116">
        <v>121005</v>
      </c>
      <c r="GM23" s="116">
        <v>220239</v>
      </c>
      <c r="GN23" s="116">
        <v>467808</v>
      </c>
      <c r="GO23" s="116">
        <v>94409</v>
      </c>
      <c r="GP23" s="115">
        <v>1068649</v>
      </c>
      <c r="GQ23" s="118">
        <v>1274657</v>
      </c>
      <c r="GR23" s="112">
        <v>749300</v>
      </c>
      <c r="GS23" s="116">
        <v>555065</v>
      </c>
      <c r="GT23" s="115">
        <v>1304365</v>
      </c>
      <c r="GU23" s="112">
        <v>0</v>
      </c>
      <c r="GV23" s="116">
        <v>585630</v>
      </c>
      <c r="GW23" s="116">
        <v>861255</v>
      </c>
      <c r="GX23" s="116">
        <v>640380</v>
      </c>
      <c r="GY23" s="116">
        <v>505800</v>
      </c>
      <c r="GZ23" s="116">
        <v>14400</v>
      </c>
      <c r="HA23" s="114">
        <v>2607465</v>
      </c>
      <c r="HB23" s="118">
        <v>3911830</v>
      </c>
      <c r="HC23" s="112">
        <v>1359227</v>
      </c>
      <c r="HD23" s="116">
        <v>1457421</v>
      </c>
      <c r="HE23" s="114">
        <v>2816648</v>
      </c>
      <c r="HF23" s="113">
        <v>0</v>
      </c>
      <c r="HG23" s="116">
        <v>19433914</v>
      </c>
      <c r="HH23" s="116">
        <v>16981614</v>
      </c>
      <c r="HI23" s="116">
        <v>16787048</v>
      </c>
      <c r="HJ23" s="116">
        <v>17882321</v>
      </c>
      <c r="HK23" s="116">
        <v>15714531</v>
      </c>
      <c r="HL23" s="115">
        <v>86799428</v>
      </c>
      <c r="HM23" s="111">
        <v>89616076</v>
      </c>
      <c r="HN23" s="117">
        <v>1393308</v>
      </c>
      <c r="HO23" s="116">
        <v>2904357</v>
      </c>
      <c r="HP23" s="115">
        <v>4297665</v>
      </c>
      <c r="HQ23" s="112">
        <v>0</v>
      </c>
      <c r="HR23" s="116">
        <v>22436669</v>
      </c>
      <c r="HS23" s="116">
        <v>20590222</v>
      </c>
      <c r="HT23" s="116">
        <v>14532307</v>
      </c>
      <c r="HU23" s="116">
        <v>10030134</v>
      </c>
      <c r="HV23" s="116">
        <v>5161306</v>
      </c>
      <c r="HW23" s="114">
        <v>72750638</v>
      </c>
      <c r="HX23" s="118">
        <v>77048303</v>
      </c>
      <c r="HY23" s="148">
        <v>434624</v>
      </c>
      <c r="HZ23" s="149">
        <v>1305687</v>
      </c>
      <c r="IA23" s="150">
        <v>1740311</v>
      </c>
      <c r="IB23" s="163">
        <v>0</v>
      </c>
      <c r="IC23" s="149">
        <v>29835482</v>
      </c>
      <c r="ID23" s="164">
        <v>49639053</v>
      </c>
      <c r="IE23" s="150">
        <v>47217944</v>
      </c>
      <c r="IF23" s="149">
        <v>30132002</v>
      </c>
      <c r="IG23" s="150">
        <v>17794680</v>
      </c>
      <c r="IH23" s="165">
        <v>174619161</v>
      </c>
      <c r="II23" s="156">
        <v>176359472</v>
      </c>
      <c r="IJ23" s="261">
        <v>0</v>
      </c>
      <c r="IK23" s="268">
        <v>0</v>
      </c>
      <c r="IL23" s="269">
        <v>0</v>
      </c>
      <c r="IM23" s="157"/>
      <c r="IN23" s="122">
        <v>163277</v>
      </c>
      <c r="IO23" s="122">
        <v>115443</v>
      </c>
      <c r="IP23" s="122">
        <v>592396</v>
      </c>
      <c r="IQ23" s="122">
        <v>0</v>
      </c>
      <c r="IR23" s="122">
        <v>733529</v>
      </c>
      <c r="IS23" s="158">
        <v>1604645</v>
      </c>
      <c r="IT23" s="357">
        <v>1604645</v>
      </c>
      <c r="IU23" s="159">
        <v>0</v>
      </c>
      <c r="IV23" s="122">
        <v>0</v>
      </c>
      <c r="IW23" s="123">
        <v>0</v>
      </c>
      <c r="IX23" s="161"/>
      <c r="IY23" s="122">
        <v>0</v>
      </c>
      <c r="IZ23" s="122">
        <v>0</v>
      </c>
      <c r="JA23" s="122">
        <v>0</v>
      </c>
      <c r="JB23" s="122">
        <v>0</v>
      </c>
      <c r="JC23" s="122">
        <v>0</v>
      </c>
      <c r="JD23" s="123">
        <v>0</v>
      </c>
      <c r="JE23" s="124">
        <v>0</v>
      </c>
      <c r="JF23" s="159">
        <v>0</v>
      </c>
      <c r="JG23" s="122">
        <v>0</v>
      </c>
      <c r="JH23" s="158">
        <v>0</v>
      </c>
      <c r="JI23" s="121">
        <v>0</v>
      </c>
      <c r="JJ23" s="122">
        <v>11088655</v>
      </c>
      <c r="JK23" s="122">
        <v>11846546</v>
      </c>
      <c r="JL23" s="122">
        <v>8157491</v>
      </c>
      <c r="JM23" s="122">
        <v>3684131</v>
      </c>
      <c r="JN23" s="122">
        <v>1100421</v>
      </c>
      <c r="JO23" s="123">
        <v>35877244</v>
      </c>
      <c r="JP23" s="357">
        <v>35877244</v>
      </c>
      <c r="JQ23" s="159">
        <v>0</v>
      </c>
      <c r="JR23" s="122">
        <v>17318</v>
      </c>
      <c r="JS23" s="158">
        <v>17318</v>
      </c>
      <c r="JT23" s="121">
        <v>0</v>
      </c>
      <c r="JU23" s="122">
        <v>581165</v>
      </c>
      <c r="JV23" s="122">
        <v>869165</v>
      </c>
      <c r="JW23" s="122">
        <v>1273745</v>
      </c>
      <c r="JX23" s="122">
        <v>956763</v>
      </c>
      <c r="JY23" s="122">
        <v>1557723</v>
      </c>
      <c r="JZ23" s="123">
        <v>5238561</v>
      </c>
      <c r="KA23" s="357">
        <v>5255879</v>
      </c>
      <c r="KB23" s="264">
        <v>434624</v>
      </c>
      <c r="KC23" s="258">
        <v>634640</v>
      </c>
      <c r="KD23" s="123">
        <v>1069264</v>
      </c>
      <c r="KE23" s="121">
        <v>0</v>
      </c>
      <c r="KF23" s="122">
        <v>6017324</v>
      </c>
      <c r="KG23" s="122">
        <v>12217445</v>
      </c>
      <c r="KH23" s="122">
        <v>8713117</v>
      </c>
      <c r="KI23" s="122">
        <v>5159852</v>
      </c>
      <c r="KJ23" s="122">
        <v>1901417</v>
      </c>
      <c r="KK23" s="123">
        <v>34009155</v>
      </c>
      <c r="KL23" s="160">
        <v>35078419</v>
      </c>
      <c r="KM23" s="261">
        <v>0</v>
      </c>
      <c r="KN23" s="268">
        <v>653729</v>
      </c>
      <c r="KO23" s="269">
        <v>653729</v>
      </c>
      <c r="KP23" s="157"/>
      <c r="KQ23" s="122">
        <v>11064164</v>
      </c>
      <c r="KR23" s="122">
        <v>22712595</v>
      </c>
      <c r="KS23" s="122">
        <v>24120671</v>
      </c>
      <c r="KT23" s="122">
        <v>10704491</v>
      </c>
      <c r="KU23" s="122">
        <v>6806455</v>
      </c>
      <c r="KV23" s="123">
        <v>75408376</v>
      </c>
      <c r="KW23" s="357">
        <v>76062105</v>
      </c>
      <c r="KX23" s="159">
        <v>0</v>
      </c>
      <c r="KY23" s="122">
        <v>0</v>
      </c>
      <c r="KZ23" s="123">
        <v>0</v>
      </c>
      <c r="LA23" s="162"/>
      <c r="LB23" s="122">
        <v>0</v>
      </c>
      <c r="LC23" s="122">
        <v>0</v>
      </c>
      <c r="LD23" s="122">
        <v>0</v>
      </c>
      <c r="LE23" s="122">
        <v>0</v>
      </c>
      <c r="LF23" s="122">
        <v>0</v>
      </c>
      <c r="LG23" s="123">
        <v>0</v>
      </c>
      <c r="LH23" s="124">
        <v>0</v>
      </c>
      <c r="LI23" s="159">
        <v>0</v>
      </c>
      <c r="LJ23" s="122">
        <v>0</v>
      </c>
      <c r="LK23" s="123">
        <v>0</v>
      </c>
      <c r="LL23" s="162"/>
      <c r="LM23" s="122">
        <v>0</v>
      </c>
      <c r="LN23" s="122">
        <v>488608</v>
      </c>
      <c r="LO23" s="122">
        <v>1593864</v>
      </c>
      <c r="LP23" s="122">
        <v>4009600</v>
      </c>
      <c r="LQ23" s="122">
        <v>643374</v>
      </c>
      <c r="LR23" s="123">
        <v>6735446</v>
      </c>
      <c r="LS23" s="357">
        <v>6735446</v>
      </c>
      <c r="LT23" s="159">
        <v>0</v>
      </c>
      <c r="LU23" s="122">
        <v>0</v>
      </c>
      <c r="LV23" s="123">
        <v>0</v>
      </c>
      <c r="LW23" s="162"/>
      <c r="LX23" s="122">
        <v>920897</v>
      </c>
      <c r="LY23" s="122">
        <v>1389251</v>
      </c>
      <c r="LZ23" s="122">
        <v>2766660</v>
      </c>
      <c r="MA23" s="122">
        <v>5617165</v>
      </c>
      <c r="MB23" s="122">
        <v>5051761</v>
      </c>
      <c r="MC23" s="123">
        <v>15745734</v>
      </c>
      <c r="MD23" s="124">
        <v>15745734</v>
      </c>
      <c r="ME23" s="159">
        <v>0</v>
      </c>
      <c r="MF23" s="122">
        <v>0</v>
      </c>
      <c r="MG23" s="123">
        <v>0</v>
      </c>
      <c r="MH23" s="162"/>
      <c r="MI23" s="122">
        <v>10326854</v>
      </c>
      <c r="MJ23" s="122">
        <v>19120982</v>
      </c>
      <c r="MK23" s="122">
        <v>69444968</v>
      </c>
      <c r="ML23" s="122">
        <v>140217602</v>
      </c>
      <c r="MM23" s="122">
        <v>104522106</v>
      </c>
      <c r="MN23" s="123">
        <v>343632512</v>
      </c>
      <c r="MO23" s="160">
        <v>343632512</v>
      </c>
      <c r="MP23" s="159">
        <v>0</v>
      </c>
      <c r="MQ23" s="122">
        <v>0</v>
      </c>
      <c r="MR23" s="123">
        <v>0</v>
      </c>
      <c r="MS23" s="162"/>
      <c r="MT23" s="122">
        <v>1177783</v>
      </c>
      <c r="MU23" s="122">
        <v>2471913</v>
      </c>
      <c r="MV23" s="122">
        <v>41463736</v>
      </c>
      <c r="MW23" s="122">
        <v>96518244</v>
      </c>
      <c r="MX23" s="122">
        <v>72423361</v>
      </c>
      <c r="MY23" s="123">
        <v>214055037</v>
      </c>
      <c r="MZ23" s="160">
        <v>214055037</v>
      </c>
      <c r="NA23" s="159">
        <v>0</v>
      </c>
      <c r="NB23" s="122">
        <v>0</v>
      </c>
      <c r="NC23" s="123">
        <v>0</v>
      </c>
      <c r="ND23" s="162"/>
      <c r="NE23" s="122">
        <v>9149071</v>
      </c>
      <c r="NF23" s="122">
        <v>16649069</v>
      </c>
      <c r="NG23" s="122">
        <v>27291135</v>
      </c>
      <c r="NH23" s="122">
        <v>39952127</v>
      </c>
      <c r="NI23" s="122">
        <v>23515182</v>
      </c>
      <c r="NJ23" s="123">
        <v>116556584</v>
      </c>
      <c r="NK23" s="357">
        <v>116556584</v>
      </c>
      <c r="NL23" s="159">
        <v>0</v>
      </c>
      <c r="NM23" s="122">
        <v>0</v>
      </c>
      <c r="NN23" s="123">
        <v>0</v>
      </c>
      <c r="NO23" s="162"/>
      <c r="NP23" s="122">
        <v>0</v>
      </c>
      <c r="NQ23" s="122">
        <v>0</v>
      </c>
      <c r="NR23" s="122">
        <v>0</v>
      </c>
      <c r="NS23" s="122">
        <v>0</v>
      </c>
      <c r="NT23" s="122">
        <v>1761049</v>
      </c>
      <c r="NU23" s="123">
        <v>1761049</v>
      </c>
      <c r="NV23" s="124">
        <v>1761049</v>
      </c>
      <c r="NW23" s="159">
        <v>0</v>
      </c>
      <c r="NX23" s="122">
        <v>0</v>
      </c>
      <c r="NY23" s="123">
        <v>0</v>
      </c>
      <c r="NZ23" s="162"/>
      <c r="OA23" s="122">
        <v>0</v>
      </c>
      <c r="OB23" s="122">
        <v>0</v>
      </c>
      <c r="OC23" s="122">
        <v>690097</v>
      </c>
      <c r="OD23" s="122">
        <v>3747231</v>
      </c>
      <c r="OE23" s="122">
        <v>6822514</v>
      </c>
      <c r="OF23" s="123">
        <v>11259842</v>
      </c>
      <c r="OG23" s="124">
        <v>11259842</v>
      </c>
      <c r="OH23" s="159">
        <v>8007164</v>
      </c>
      <c r="OI23" s="122">
        <v>15855755</v>
      </c>
      <c r="OJ23" s="158">
        <v>23862919</v>
      </c>
      <c r="OK23" s="121">
        <v>0</v>
      </c>
      <c r="OL23" s="122">
        <v>162520429</v>
      </c>
      <c r="OM23" s="122">
        <v>214923991</v>
      </c>
      <c r="ON23" s="122">
        <v>249598942</v>
      </c>
      <c r="OO23" s="122">
        <v>300413034</v>
      </c>
      <c r="OP23" s="122">
        <v>206512742</v>
      </c>
      <c r="OQ23" s="123">
        <v>1133969138</v>
      </c>
      <c r="OR23" s="160">
        <v>1157832057</v>
      </c>
    </row>
    <row r="24" spans="1:408" ht="18.75" customHeight="1" x14ac:dyDescent="0.2">
      <c r="A24" s="62" t="s">
        <v>19</v>
      </c>
      <c r="B24" s="112">
        <v>3510734</v>
      </c>
      <c r="C24" s="116">
        <v>7869996</v>
      </c>
      <c r="D24" s="115">
        <v>11380730</v>
      </c>
      <c r="E24" s="111">
        <v>0</v>
      </c>
      <c r="F24" s="116">
        <v>55616846</v>
      </c>
      <c r="G24" s="116">
        <v>62818817</v>
      </c>
      <c r="H24" s="116">
        <v>51444140</v>
      </c>
      <c r="I24" s="116">
        <v>44101606</v>
      </c>
      <c r="J24" s="116">
        <v>32924955</v>
      </c>
      <c r="K24" s="111">
        <v>246906364</v>
      </c>
      <c r="L24" s="118">
        <v>258287094</v>
      </c>
      <c r="M24" s="112">
        <v>1213962</v>
      </c>
      <c r="N24" s="116">
        <v>1990156</v>
      </c>
      <c r="O24" s="115">
        <v>3204118</v>
      </c>
      <c r="P24" s="112">
        <v>0</v>
      </c>
      <c r="Q24" s="116">
        <v>14074325</v>
      </c>
      <c r="R24" s="116">
        <v>14698634</v>
      </c>
      <c r="S24" s="116">
        <v>14683994</v>
      </c>
      <c r="T24" s="116">
        <v>15940114</v>
      </c>
      <c r="U24" s="116">
        <v>14798486</v>
      </c>
      <c r="V24" s="115">
        <v>74195553</v>
      </c>
      <c r="W24" s="118">
        <v>77399671</v>
      </c>
      <c r="X24" s="112">
        <v>0</v>
      </c>
      <c r="Y24" s="116">
        <v>0</v>
      </c>
      <c r="Z24" s="115">
        <v>0</v>
      </c>
      <c r="AA24" s="112">
        <v>0</v>
      </c>
      <c r="AB24" s="116">
        <v>5890060</v>
      </c>
      <c r="AC24" s="116">
        <v>6711975</v>
      </c>
      <c r="AD24" s="116">
        <v>8253428</v>
      </c>
      <c r="AE24" s="116">
        <v>8968710</v>
      </c>
      <c r="AF24" s="116">
        <v>7460818</v>
      </c>
      <c r="AG24" s="115">
        <v>37284991</v>
      </c>
      <c r="AH24" s="118">
        <v>37284991</v>
      </c>
      <c r="AI24" s="112">
        <v>0</v>
      </c>
      <c r="AJ24" s="116">
        <v>0</v>
      </c>
      <c r="AK24" s="115">
        <v>0</v>
      </c>
      <c r="AL24" s="112">
        <v>0</v>
      </c>
      <c r="AM24" s="116">
        <v>193810</v>
      </c>
      <c r="AN24" s="116">
        <v>247208</v>
      </c>
      <c r="AO24" s="116">
        <v>687516</v>
      </c>
      <c r="AP24" s="116">
        <v>1043862</v>
      </c>
      <c r="AQ24" s="116">
        <v>2025637</v>
      </c>
      <c r="AR24" s="115">
        <v>4198033</v>
      </c>
      <c r="AS24" s="118">
        <v>4198033</v>
      </c>
      <c r="AT24" s="112">
        <v>743624</v>
      </c>
      <c r="AU24" s="116">
        <v>1535958</v>
      </c>
      <c r="AV24" s="115">
        <v>2279582</v>
      </c>
      <c r="AW24" s="112">
        <v>0</v>
      </c>
      <c r="AX24" s="116">
        <v>5080221</v>
      </c>
      <c r="AY24" s="116">
        <v>4951756</v>
      </c>
      <c r="AZ24" s="116">
        <v>3236679</v>
      </c>
      <c r="BA24" s="116">
        <v>3277350</v>
      </c>
      <c r="BB24" s="116">
        <v>3487893</v>
      </c>
      <c r="BC24" s="115">
        <v>20033899</v>
      </c>
      <c r="BD24" s="118">
        <v>22313481</v>
      </c>
      <c r="BE24" s="112">
        <v>65006</v>
      </c>
      <c r="BF24" s="116">
        <v>157319</v>
      </c>
      <c r="BG24" s="114">
        <v>222325</v>
      </c>
      <c r="BH24" s="113">
        <v>0</v>
      </c>
      <c r="BI24" s="116">
        <v>578494</v>
      </c>
      <c r="BJ24" s="116">
        <v>316212</v>
      </c>
      <c r="BK24" s="116">
        <v>349383</v>
      </c>
      <c r="BL24" s="116">
        <v>292167</v>
      </c>
      <c r="BM24" s="116">
        <v>79356</v>
      </c>
      <c r="BN24" s="115">
        <v>1615612</v>
      </c>
      <c r="BO24" s="118">
        <v>1837937</v>
      </c>
      <c r="BP24" s="112">
        <v>405332</v>
      </c>
      <c r="BQ24" s="116">
        <v>296879</v>
      </c>
      <c r="BR24" s="115">
        <v>702211</v>
      </c>
      <c r="BS24" s="112">
        <v>0</v>
      </c>
      <c r="BT24" s="116">
        <v>2331740</v>
      </c>
      <c r="BU24" s="116">
        <v>2471483</v>
      </c>
      <c r="BV24" s="116">
        <v>2156988</v>
      </c>
      <c r="BW24" s="116">
        <v>2358025</v>
      </c>
      <c r="BX24" s="116">
        <v>1744782</v>
      </c>
      <c r="BY24" s="115">
        <v>11063018</v>
      </c>
      <c r="BZ24" s="118">
        <v>11765229</v>
      </c>
      <c r="CA24" s="112">
        <v>302015</v>
      </c>
      <c r="CB24" s="116">
        <v>1526446</v>
      </c>
      <c r="CC24" s="115">
        <v>1828461</v>
      </c>
      <c r="CD24" s="112">
        <v>0</v>
      </c>
      <c r="CE24" s="116">
        <v>16371808</v>
      </c>
      <c r="CF24" s="116">
        <v>22487559</v>
      </c>
      <c r="CG24" s="116">
        <v>13273011</v>
      </c>
      <c r="CH24" s="116">
        <v>7576976</v>
      </c>
      <c r="CI24" s="116">
        <v>5230402</v>
      </c>
      <c r="CJ24" s="115">
        <v>64939756</v>
      </c>
      <c r="CK24" s="118">
        <v>66768217</v>
      </c>
      <c r="CL24" s="112">
        <v>0</v>
      </c>
      <c r="CM24" s="116">
        <v>0</v>
      </c>
      <c r="CN24" s="115">
        <v>0</v>
      </c>
      <c r="CO24" s="113">
        <v>0</v>
      </c>
      <c r="CP24" s="116">
        <v>12813664</v>
      </c>
      <c r="CQ24" s="116">
        <v>17689655</v>
      </c>
      <c r="CR24" s="116">
        <v>10735624</v>
      </c>
      <c r="CS24" s="116">
        <v>5418802</v>
      </c>
      <c r="CT24" s="116">
        <v>4385073</v>
      </c>
      <c r="CU24" s="115">
        <v>51042818</v>
      </c>
      <c r="CV24" s="118">
        <v>51042818</v>
      </c>
      <c r="CW24" s="112">
        <v>302015</v>
      </c>
      <c r="CX24" s="116">
        <v>1526446</v>
      </c>
      <c r="CY24" s="115">
        <v>1828461</v>
      </c>
      <c r="CZ24" s="112">
        <v>0</v>
      </c>
      <c r="DA24" s="116">
        <v>3558144</v>
      </c>
      <c r="DB24" s="116">
        <v>4797904</v>
      </c>
      <c r="DC24" s="116">
        <v>2537387</v>
      </c>
      <c r="DD24" s="116">
        <v>2158174</v>
      </c>
      <c r="DE24" s="116">
        <v>845329</v>
      </c>
      <c r="DF24" s="115">
        <v>13896938</v>
      </c>
      <c r="DG24" s="118">
        <v>15725399</v>
      </c>
      <c r="DH24" s="112">
        <v>0</v>
      </c>
      <c r="DI24" s="116">
        <v>137411</v>
      </c>
      <c r="DJ24" s="114">
        <v>137411</v>
      </c>
      <c r="DK24" s="113">
        <v>0</v>
      </c>
      <c r="DL24" s="116">
        <v>1793507</v>
      </c>
      <c r="DM24" s="116">
        <v>3490535</v>
      </c>
      <c r="DN24" s="116">
        <v>5301468</v>
      </c>
      <c r="DO24" s="116">
        <v>2483039</v>
      </c>
      <c r="DP24" s="116">
        <v>1465288</v>
      </c>
      <c r="DQ24" s="115">
        <v>14533837</v>
      </c>
      <c r="DR24" s="118">
        <v>14671248</v>
      </c>
      <c r="DS24" s="112">
        <v>0</v>
      </c>
      <c r="DT24" s="116">
        <v>137411</v>
      </c>
      <c r="DU24" s="115">
        <v>137411</v>
      </c>
      <c r="DV24" s="112">
        <v>0</v>
      </c>
      <c r="DW24" s="116">
        <v>1494339</v>
      </c>
      <c r="DX24" s="116">
        <v>2835620</v>
      </c>
      <c r="DY24" s="116">
        <v>4970950</v>
      </c>
      <c r="DZ24" s="116">
        <v>1877773</v>
      </c>
      <c r="EA24" s="116">
        <v>1166621</v>
      </c>
      <c r="EB24" s="115">
        <v>12345303</v>
      </c>
      <c r="EC24" s="118">
        <v>12482714</v>
      </c>
      <c r="ED24" s="112">
        <v>0</v>
      </c>
      <c r="EE24" s="114">
        <v>0</v>
      </c>
      <c r="EF24" s="115">
        <v>0</v>
      </c>
      <c r="EG24" s="112">
        <v>0</v>
      </c>
      <c r="EH24" s="116">
        <v>299168</v>
      </c>
      <c r="EI24" s="116">
        <v>654915</v>
      </c>
      <c r="EJ24" s="116">
        <v>330518</v>
      </c>
      <c r="EK24" s="116">
        <v>605266</v>
      </c>
      <c r="EL24" s="116">
        <v>298667</v>
      </c>
      <c r="EM24" s="114">
        <v>2188534</v>
      </c>
      <c r="EN24" s="118">
        <v>2188534</v>
      </c>
      <c r="EO24" s="112">
        <v>0</v>
      </c>
      <c r="EP24" s="116">
        <v>0</v>
      </c>
      <c r="EQ24" s="114">
        <v>0</v>
      </c>
      <c r="ER24" s="113">
        <v>0</v>
      </c>
      <c r="ES24" s="116">
        <v>0</v>
      </c>
      <c r="ET24" s="116">
        <v>0</v>
      </c>
      <c r="EU24" s="116">
        <v>0</v>
      </c>
      <c r="EV24" s="116">
        <v>0</v>
      </c>
      <c r="EW24" s="116">
        <v>0</v>
      </c>
      <c r="EX24" s="115">
        <v>0</v>
      </c>
      <c r="EY24" s="118">
        <v>0</v>
      </c>
      <c r="EZ24" s="112">
        <v>0</v>
      </c>
      <c r="FA24" s="116">
        <v>0</v>
      </c>
      <c r="FB24" s="114">
        <v>0</v>
      </c>
      <c r="FC24" s="390"/>
      <c r="FD24" s="116">
        <v>0</v>
      </c>
      <c r="FE24" s="116">
        <v>0</v>
      </c>
      <c r="FF24" s="116">
        <v>0</v>
      </c>
      <c r="FG24" s="116">
        <v>0</v>
      </c>
      <c r="FH24" s="116">
        <v>0</v>
      </c>
      <c r="FI24" s="115">
        <v>0</v>
      </c>
      <c r="FJ24" s="118">
        <v>0</v>
      </c>
      <c r="FK24" s="112">
        <v>594891</v>
      </c>
      <c r="FL24" s="116">
        <v>1719375</v>
      </c>
      <c r="FM24" s="115">
        <v>2314266</v>
      </c>
      <c r="FN24" s="112">
        <v>0</v>
      </c>
      <c r="FO24" s="116">
        <v>3463988</v>
      </c>
      <c r="FP24" s="116">
        <v>5796604</v>
      </c>
      <c r="FQ24" s="116">
        <v>4200536</v>
      </c>
      <c r="FR24" s="116">
        <v>3674214</v>
      </c>
      <c r="FS24" s="116">
        <v>3495857</v>
      </c>
      <c r="FT24" s="115">
        <v>20631199</v>
      </c>
      <c r="FU24" s="118">
        <v>22945465</v>
      </c>
      <c r="FV24" s="117">
        <v>492476</v>
      </c>
      <c r="FW24" s="116">
        <v>1346162</v>
      </c>
      <c r="FX24" s="114">
        <v>1838638</v>
      </c>
      <c r="FY24" s="113">
        <v>0</v>
      </c>
      <c r="FZ24" s="116">
        <v>3262604</v>
      </c>
      <c r="GA24" s="116">
        <v>5617039</v>
      </c>
      <c r="GB24" s="116">
        <v>4143152</v>
      </c>
      <c r="GC24" s="116">
        <v>3579480</v>
      </c>
      <c r="GD24" s="116">
        <v>3167737</v>
      </c>
      <c r="GE24" s="115">
        <v>19770012</v>
      </c>
      <c r="GF24" s="354">
        <v>21608650</v>
      </c>
      <c r="GG24" s="117">
        <v>102415</v>
      </c>
      <c r="GH24" s="116">
        <v>38065</v>
      </c>
      <c r="GI24" s="114">
        <v>140480</v>
      </c>
      <c r="GJ24" s="113">
        <v>0</v>
      </c>
      <c r="GK24" s="116">
        <v>21384</v>
      </c>
      <c r="GL24" s="116">
        <v>73260</v>
      </c>
      <c r="GM24" s="116">
        <v>31521</v>
      </c>
      <c r="GN24" s="116">
        <v>36234</v>
      </c>
      <c r="GO24" s="116">
        <v>13320</v>
      </c>
      <c r="GP24" s="115">
        <v>175719</v>
      </c>
      <c r="GQ24" s="118">
        <v>316199</v>
      </c>
      <c r="GR24" s="112">
        <v>0</v>
      </c>
      <c r="GS24" s="116">
        <v>335148</v>
      </c>
      <c r="GT24" s="115">
        <v>335148</v>
      </c>
      <c r="GU24" s="112">
        <v>0</v>
      </c>
      <c r="GV24" s="116">
        <v>180000</v>
      </c>
      <c r="GW24" s="116">
        <v>106305</v>
      </c>
      <c r="GX24" s="116">
        <v>25863</v>
      </c>
      <c r="GY24" s="116">
        <v>58500</v>
      </c>
      <c r="GZ24" s="116">
        <v>314800</v>
      </c>
      <c r="HA24" s="114">
        <v>685468</v>
      </c>
      <c r="HB24" s="118">
        <v>1020616</v>
      </c>
      <c r="HC24" s="112">
        <v>764896</v>
      </c>
      <c r="HD24" s="116">
        <v>1300006</v>
      </c>
      <c r="HE24" s="114">
        <v>2064902</v>
      </c>
      <c r="HF24" s="113">
        <v>0</v>
      </c>
      <c r="HG24" s="116">
        <v>10082229</v>
      </c>
      <c r="HH24" s="116">
        <v>8176062</v>
      </c>
      <c r="HI24" s="116">
        <v>8615940</v>
      </c>
      <c r="HJ24" s="116">
        <v>11235222</v>
      </c>
      <c r="HK24" s="116">
        <v>5752331</v>
      </c>
      <c r="HL24" s="115">
        <v>43861784</v>
      </c>
      <c r="HM24" s="111">
        <v>45926686</v>
      </c>
      <c r="HN24" s="117">
        <v>634970</v>
      </c>
      <c r="HO24" s="116">
        <v>1196602</v>
      </c>
      <c r="HP24" s="115">
        <v>1831572</v>
      </c>
      <c r="HQ24" s="112">
        <v>0</v>
      </c>
      <c r="HR24" s="116">
        <v>9830989</v>
      </c>
      <c r="HS24" s="116">
        <v>8169423</v>
      </c>
      <c r="HT24" s="116">
        <v>5369191</v>
      </c>
      <c r="HU24" s="116">
        <v>3192041</v>
      </c>
      <c r="HV24" s="116">
        <v>2182591</v>
      </c>
      <c r="HW24" s="114">
        <v>28744235</v>
      </c>
      <c r="HX24" s="118">
        <v>30575807</v>
      </c>
      <c r="HY24" s="167">
        <v>0</v>
      </c>
      <c r="HZ24" s="152">
        <v>671723</v>
      </c>
      <c r="IA24" s="167">
        <v>671723</v>
      </c>
      <c r="IB24" s="151">
        <v>0</v>
      </c>
      <c r="IC24" s="152">
        <v>13796052</v>
      </c>
      <c r="ID24" s="153">
        <v>20188696</v>
      </c>
      <c r="IE24" s="154">
        <v>21818579</v>
      </c>
      <c r="IF24" s="152">
        <v>12358396</v>
      </c>
      <c r="IG24" s="154">
        <v>13525730</v>
      </c>
      <c r="IH24" s="155">
        <v>81687453</v>
      </c>
      <c r="II24" s="167">
        <v>82359176</v>
      </c>
      <c r="IJ24" s="261">
        <v>0</v>
      </c>
      <c r="IK24" s="268">
        <v>0</v>
      </c>
      <c r="IL24" s="269">
        <v>0</v>
      </c>
      <c r="IM24" s="157"/>
      <c r="IN24" s="122">
        <v>848719</v>
      </c>
      <c r="IO24" s="122">
        <v>774814</v>
      </c>
      <c r="IP24" s="122">
        <v>179685</v>
      </c>
      <c r="IQ24" s="122">
        <v>1744953</v>
      </c>
      <c r="IR24" s="122">
        <v>293762</v>
      </c>
      <c r="IS24" s="158">
        <v>3841933</v>
      </c>
      <c r="IT24" s="357">
        <v>3841933</v>
      </c>
      <c r="IU24" s="159">
        <v>0</v>
      </c>
      <c r="IV24" s="122">
        <v>0</v>
      </c>
      <c r="IW24" s="123">
        <v>0</v>
      </c>
      <c r="IX24" s="161"/>
      <c r="IY24" s="122">
        <v>22436</v>
      </c>
      <c r="IZ24" s="122">
        <v>33654</v>
      </c>
      <c r="JA24" s="122">
        <v>100326</v>
      </c>
      <c r="JB24" s="122">
        <v>8725</v>
      </c>
      <c r="JC24" s="122">
        <v>0</v>
      </c>
      <c r="JD24" s="123">
        <v>165141</v>
      </c>
      <c r="JE24" s="124">
        <v>165141</v>
      </c>
      <c r="JF24" s="159">
        <v>0</v>
      </c>
      <c r="JG24" s="122">
        <v>0</v>
      </c>
      <c r="JH24" s="158">
        <v>0</v>
      </c>
      <c r="JI24" s="121">
        <v>0</v>
      </c>
      <c r="JJ24" s="122">
        <v>5955301</v>
      </c>
      <c r="JK24" s="122">
        <v>6394151</v>
      </c>
      <c r="JL24" s="122">
        <v>4857934</v>
      </c>
      <c r="JM24" s="122">
        <v>1860058</v>
      </c>
      <c r="JN24" s="122">
        <v>1125671</v>
      </c>
      <c r="JO24" s="123">
        <v>20193115</v>
      </c>
      <c r="JP24" s="357">
        <v>20193115</v>
      </c>
      <c r="JQ24" s="159">
        <v>0</v>
      </c>
      <c r="JR24" s="122">
        <v>0</v>
      </c>
      <c r="JS24" s="158">
        <v>0</v>
      </c>
      <c r="JT24" s="121">
        <v>0</v>
      </c>
      <c r="JU24" s="122">
        <v>1051844</v>
      </c>
      <c r="JV24" s="122">
        <v>2205390</v>
      </c>
      <c r="JW24" s="122">
        <v>2005385</v>
      </c>
      <c r="JX24" s="122">
        <v>125541</v>
      </c>
      <c r="JY24" s="122">
        <v>467871</v>
      </c>
      <c r="JZ24" s="123">
        <v>5856031</v>
      </c>
      <c r="KA24" s="357">
        <v>5856031</v>
      </c>
      <c r="KB24" s="264">
        <v>0</v>
      </c>
      <c r="KC24" s="258">
        <v>447922</v>
      </c>
      <c r="KD24" s="123">
        <v>447922</v>
      </c>
      <c r="KE24" s="121">
        <v>0</v>
      </c>
      <c r="KF24" s="122">
        <v>2878955</v>
      </c>
      <c r="KG24" s="122">
        <v>5691400</v>
      </c>
      <c r="KH24" s="122">
        <v>7412571</v>
      </c>
      <c r="KI24" s="122">
        <v>3557789</v>
      </c>
      <c r="KJ24" s="122">
        <v>5025250</v>
      </c>
      <c r="KK24" s="123">
        <v>24565965</v>
      </c>
      <c r="KL24" s="160">
        <v>25013887</v>
      </c>
      <c r="KM24" s="261">
        <v>0</v>
      </c>
      <c r="KN24" s="268">
        <v>223801</v>
      </c>
      <c r="KO24" s="269">
        <v>223801</v>
      </c>
      <c r="KP24" s="157"/>
      <c r="KQ24" s="122">
        <v>2325223</v>
      </c>
      <c r="KR24" s="122">
        <v>4855378</v>
      </c>
      <c r="KS24" s="122">
        <v>6927648</v>
      </c>
      <c r="KT24" s="122">
        <v>4133604</v>
      </c>
      <c r="KU24" s="122">
        <v>3284505</v>
      </c>
      <c r="KV24" s="123">
        <v>21526358</v>
      </c>
      <c r="KW24" s="357">
        <v>21750159</v>
      </c>
      <c r="KX24" s="159">
        <v>0</v>
      </c>
      <c r="KY24" s="122">
        <v>0</v>
      </c>
      <c r="KZ24" s="123">
        <v>0</v>
      </c>
      <c r="LA24" s="162"/>
      <c r="LB24" s="122">
        <v>0</v>
      </c>
      <c r="LC24" s="122">
        <v>0</v>
      </c>
      <c r="LD24" s="122">
        <v>0</v>
      </c>
      <c r="LE24" s="122">
        <v>0</v>
      </c>
      <c r="LF24" s="122">
        <v>0</v>
      </c>
      <c r="LG24" s="123">
        <v>0</v>
      </c>
      <c r="LH24" s="124">
        <v>0</v>
      </c>
      <c r="LI24" s="159">
        <v>0</v>
      </c>
      <c r="LJ24" s="122">
        <v>0</v>
      </c>
      <c r="LK24" s="123">
        <v>0</v>
      </c>
      <c r="LL24" s="162"/>
      <c r="LM24" s="122">
        <v>0</v>
      </c>
      <c r="LN24" s="122">
        <v>0</v>
      </c>
      <c r="LO24" s="122">
        <v>0</v>
      </c>
      <c r="LP24" s="122">
        <v>0</v>
      </c>
      <c r="LQ24" s="122">
        <v>0</v>
      </c>
      <c r="LR24" s="123">
        <v>0</v>
      </c>
      <c r="LS24" s="357">
        <v>0</v>
      </c>
      <c r="LT24" s="159">
        <v>0</v>
      </c>
      <c r="LU24" s="122">
        <v>0</v>
      </c>
      <c r="LV24" s="123">
        <v>0</v>
      </c>
      <c r="LW24" s="162"/>
      <c r="LX24" s="122">
        <v>713574</v>
      </c>
      <c r="LY24" s="122">
        <v>233909</v>
      </c>
      <c r="LZ24" s="122">
        <v>335030</v>
      </c>
      <c r="MA24" s="122">
        <v>927726</v>
      </c>
      <c r="MB24" s="122">
        <v>3328671</v>
      </c>
      <c r="MC24" s="123">
        <v>5538910</v>
      </c>
      <c r="MD24" s="124">
        <v>5538910</v>
      </c>
      <c r="ME24" s="159">
        <v>0</v>
      </c>
      <c r="MF24" s="122">
        <v>0</v>
      </c>
      <c r="MG24" s="123">
        <v>0</v>
      </c>
      <c r="MH24" s="162"/>
      <c r="MI24" s="122">
        <v>3956716</v>
      </c>
      <c r="MJ24" s="122">
        <v>13428644</v>
      </c>
      <c r="MK24" s="122">
        <v>44385239</v>
      </c>
      <c r="ML24" s="122">
        <v>53280831</v>
      </c>
      <c r="MM24" s="122">
        <v>36878696</v>
      </c>
      <c r="MN24" s="123">
        <v>151930126</v>
      </c>
      <c r="MO24" s="160">
        <v>151930126</v>
      </c>
      <c r="MP24" s="159">
        <v>0</v>
      </c>
      <c r="MQ24" s="122">
        <v>0</v>
      </c>
      <c r="MR24" s="123">
        <v>0</v>
      </c>
      <c r="MS24" s="162"/>
      <c r="MT24" s="122">
        <v>0</v>
      </c>
      <c r="MU24" s="122">
        <v>1536737</v>
      </c>
      <c r="MV24" s="122">
        <v>26600027</v>
      </c>
      <c r="MW24" s="122">
        <v>33829842</v>
      </c>
      <c r="MX24" s="122">
        <v>25657042</v>
      </c>
      <c r="MY24" s="123">
        <v>87623648</v>
      </c>
      <c r="MZ24" s="160">
        <v>87623648</v>
      </c>
      <c r="NA24" s="159">
        <v>0</v>
      </c>
      <c r="NB24" s="122">
        <v>0</v>
      </c>
      <c r="NC24" s="123">
        <v>0</v>
      </c>
      <c r="ND24" s="162"/>
      <c r="NE24" s="122">
        <v>3956716</v>
      </c>
      <c r="NF24" s="122">
        <v>11891907</v>
      </c>
      <c r="NG24" s="122">
        <v>17785212</v>
      </c>
      <c r="NH24" s="122">
        <v>18187666</v>
      </c>
      <c r="NI24" s="122">
        <v>8802994</v>
      </c>
      <c r="NJ24" s="123">
        <v>60624495</v>
      </c>
      <c r="NK24" s="357">
        <v>60624495</v>
      </c>
      <c r="NL24" s="159">
        <v>0</v>
      </c>
      <c r="NM24" s="122">
        <v>0</v>
      </c>
      <c r="NN24" s="123">
        <v>0</v>
      </c>
      <c r="NO24" s="162"/>
      <c r="NP24" s="122">
        <v>0</v>
      </c>
      <c r="NQ24" s="122">
        <v>0</v>
      </c>
      <c r="NR24" s="122">
        <v>0</v>
      </c>
      <c r="NS24" s="122">
        <v>0</v>
      </c>
      <c r="NT24" s="122">
        <v>0</v>
      </c>
      <c r="NU24" s="123">
        <v>0</v>
      </c>
      <c r="NV24" s="124">
        <v>0</v>
      </c>
      <c r="NW24" s="159">
        <v>0</v>
      </c>
      <c r="NX24" s="122">
        <v>0</v>
      </c>
      <c r="NY24" s="123">
        <v>0</v>
      </c>
      <c r="NZ24" s="162"/>
      <c r="OA24" s="122">
        <v>0</v>
      </c>
      <c r="OB24" s="122">
        <v>0</v>
      </c>
      <c r="OC24" s="122">
        <v>0</v>
      </c>
      <c r="OD24" s="122">
        <v>1263323</v>
      </c>
      <c r="OE24" s="122">
        <v>2418660</v>
      </c>
      <c r="OF24" s="123">
        <v>3681983</v>
      </c>
      <c r="OG24" s="124">
        <v>3681983</v>
      </c>
      <c r="OH24" s="159">
        <v>3510734</v>
      </c>
      <c r="OI24" s="122">
        <v>8541719</v>
      </c>
      <c r="OJ24" s="158">
        <v>12052453</v>
      </c>
      <c r="OK24" s="121">
        <v>0</v>
      </c>
      <c r="OL24" s="122">
        <v>73369614</v>
      </c>
      <c r="OM24" s="122">
        <v>96436157</v>
      </c>
      <c r="ON24" s="122">
        <v>117647958</v>
      </c>
      <c r="OO24" s="122">
        <v>109740833</v>
      </c>
      <c r="OP24" s="122">
        <v>83329381</v>
      </c>
      <c r="OQ24" s="123">
        <v>480523943</v>
      </c>
      <c r="OR24" s="160">
        <v>492576396</v>
      </c>
    </row>
    <row r="25" spans="1:408" ht="18.75" customHeight="1" x14ac:dyDescent="0.2">
      <c r="A25" s="62" t="s">
        <v>20</v>
      </c>
      <c r="B25" s="112">
        <v>4504055</v>
      </c>
      <c r="C25" s="116">
        <v>12034387</v>
      </c>
      <c r="D25" s="115">
        <v>16538442</v>
      </c>
      <c r="E25" s="112">
        <v>0</v>
      </c>
      <c r="F25" s="116">
        <v>76499208</v>
      </c>
      <c r="G25" s="116">
        <v>67400128</v>
      </c>
      <c r="H25" s="116">
        <v>62680288</v>
      </c>
      <c r="I25" s="116">
        <v>55128263</v>
      </c>
      <c r="J25" s="116">
        <v>37774858</v>
      </c>
      <c r="K25" s="200">
        <v>299482745</v>
      </c>
      <c r="L25" s="118">
        <v>316021187</v>
      </c>
      <c r="M25" s="112">
        <v>1089701</v>
      </c>
      <c r="N25" s="116">
        <v>2934624</v>
      </c>
      <c r="O25" s="115">
        <v>4024325</v>
      </c>
      <c r="P25" s="112">
        <v>0</v>
      </c>
      <c r="Q25" s="116">
        <v>23153365</v>
      </c>
      <c r="R25" s="116">
        <v>21203350</v>
      </c>
      <c r="S25" s="116">
        <v>18337900</v>
      </c>
      <c r="T25" s="116">
        <v>17172513</v>
      </c>
      <c r="U25" s="116">
        <v>18266407</v>
      </c>
      <c r="V25" s="115">
        <v>98133535</v>
      </c>
      <c r="W25" s="118">
        <v>102157860</v>
      </c>
      <c r="X25" s="112">
        <v>0</v>
      </c>
      <c r="Y25" s="116">
        <v>0</v>
      </c>
      <c r="Z25" s="115">
        <v>0</v>
      </c>
      <c r="AA25" s="112">
        <v>0</v>
      </c>
      <c r="AB25" s="116">
        <v>8852843</v>
      </c>
      <c r="AC25" s="116">
        <v>9501527</v>
      </c>
      <c r="AD25" s="116">
        <v>9325757</v>
      </c>
      <c r="AE25" s="116">
        <v>8878391</v>
      </c>
      <c r="AF25" s="116">
        <v>9789219</v>
      </c>
      <c r="AG25" s="115">
        <v>46347737</v>
      </c>
      <c r="AH25" s="118">
        <v>46347737</v>
      </c>
      <c r="AI25" s="112">
        <v>0</v>
      </c>
      <c r="AJ25" s="116">
        <v>0</v>
      </c>
      <c r="AK25" s="115">
        <v>0</v>
      </c>
      <c r="AL25" s="112">
        <v>0</v>
      </c>
      <c r="AM25" s="116">
        <v>10258</v>
      </c>
      <c r="AN25" s="116">
        <v>518444</v>
      </c>
      <c r="AO25" s="116">
        <v>601182</v>
      </c>
      <c r="AP25" s="116">
        <v>1021173</v>
      </c>
      <c r="AQ25" s="116">
        <v>2803029</v>
      </c>
      <c r="AR25" s="115">
        <v>4954086</v>
      </c>
      <c r="AS25" s="118">
        <v>4954086</v>
      </c>
      <c r="AT25" s="112">
        <v>554343</v>
      </c>
      <c r="AU25" s="116">
        <v>1440610</v>
      </c>
      <c r="AV25" s="115">
        <v>1994953</v>
      </c>
      <c r="AW25" s="112">
        <v>0</v>
      </c>
      <c r="AX25" s="116">
        <v>9807312</v>
      </c>
      <c r="AY25" s="116">
        <v>6421939</v>
      </c>
      <c r="AZ25" s="116">
        <v>4634481</v>
      </c>
      <c r="BA25" s="116">
        <v>3444204</v>
      </c>
      <c r="BB25" s="116">
        <v>3259938</v>
      </c>
      <c r="BC25" s="115">
        <v>27567874</v>
      </c>
      <c r="BD25" s="118">
        <v>29562827</v>
      </c>
      <c r="BE25" s="112">
        <v>277943</v>
      </c>
      <c r="BF25" s="116">
        <v>883639</v>
      </c>
      <c r="BG25" s="114">
        <v>1161582</v>
      </c>
      <c r="BH25" s="113">
        <v>0</v>
      </c>
      <c r="BI25" s="116">
        <v>1517714</v>
      </c>
      <c r="BJ25" s="116">
        <v>1582037</v>
      </c>
      <c r="BK25" s="116">
        <v>1004453</v>
      </c>
      <c r="BL25" s="116">
        <v>1027812</v>
      </c>
      <c r="BM25" s="116">
        <v>478628</v>
      </c>
      <c r="BN25" s="115">
        <v>5610644</v>
      </c>
      <c r="BO25" s="118">
        <v>6772226</v>
      </c>
      <c r="BP25" s="112">
        <v>257415</v>
      </c>
      <c r="BQ25" s="116">
        <v>610375</v>
      </c>
      <c r="BR25" s="115">
        <v>867790</v>
      </c>
      <c r="BS25" s="112">
        <v>0</v>
      </c>
      <c r="BT25" s="116">
        <v>2965238</v>
      </c>
      <c r="BU25" s="116">
        <v>3179403</v>
      </c>
      <c r="BV25" s="116">
        <v>2772027</v>
      </c>
      <c r="BW25" s="116">
        <v>2800933</v>
      </c>
      <c r="BX25" s="116">
        <v>1935593</v>
      </c>
      <c r="BY25" s="115">
        <v>13653194</v>
      </c>
      <c r="BZ25" s="118">
        <v>14520984</v>
      </c>
      <c r="CA25" s="112">
        <v>460511</v>
      </c>
      <c r="CB25" s="116">
        <v>2044277</v>
      </c>
      <c r="CC25" s="115">
        <v>2504788</v>
      </c>
      <c r="CD25" s="112">
        <v>0</v>
      </c>
      <c r="CE25" s="116">
        <v>22450443</v>
      </c>
      <c r="CF25" s="116">
        <v>16341482</v>
      </c>
      <c r="CG25" s="116">
        <v>15142566</v>
      </c>
      <c r="CH25" s="116">
        <v>9358661</v>
      </c>
      <c r="CI25" s="116">
        <v>4446160</v>
      </c>
      <c r="CJ25" s="115">
        <v>67739312</v>
      </c>
      <c r="CK25" s="118">
        <v>70244100</v>
      </c>
      <c r="CL25" s="112">
        <v>0</v>
      </c>
      <c r="CM25" s="116">
        <v>0</v>
      </c>
      <c r="CN25" s="115">
        <v>0</v>
      </c>
      <c r="CO25" s="113">
        <v>0</v>
      </c>
      <c r="CP25" s="116">
        <v>15006685</v>
      </c>
      <c r="CQ25" s="116">
        <v>10758761</v>
      </c>
      <c r="CR25" s="116">
        <v>11127339</v>
      </c>
      <c r="CS25" s="116">
        <v>6233456</v>
      </c>
      <c r="CT25" s="116">
        <v>3518341</v>
      </c>
      <c r="CU25" s="115">
        <v>46644582</v>
      </c>
      <c r="CV25" s="118">
        <v>46644582</v>
      </c>
      <c r="CW25" s="112">
        <v>460511</v>
      </c>
      <c r="CX25" s="116">
        <v>2044277</v>
      </c>
      <c r="CY25" s="115">
        <v>2504788</v>
      </c>
      <c r="CZ25" s="112">
        <v>0</v>
      </c>
      <c r="DA25" s="116">
        <v>7443758</v>
      </c>
      <c r="DB25" s="116">
        <v>5582721</v>
      </c>
      <c r="DC25" s="116">
        <v>4015227</v>
      </c>
      <c r="DD25" s="116">
        <v>3125205</v>
      </c>
      <c r="DE25" s="116">
        <v>927819</v>
      </c>
      <c r="DF25" s="115">
        <v>21094730</v>
      </c>
      <c r="DG25" s="118">
        <v>23599518</v>
      </c>
      <c r="DH25" s="112">
        <v>67990</v>
      </c>
      <c r="DI25" s="116">
        <v>147347</v>
      </c>
      <c r="DJ25" s="114">
        <v>215337</v>
      </c>
      <c r="DK25" s="113">
        <v>0</v>
      </c>
      <c r="DL25" s="116">
        <v>2178202</v>
      </c>
      <c r="DM25" s="116">
        <v>3736943</v>
      </c>
      <c r="DN25" s="116">
        <v>9083531</v>
      </c>
      <c r="DO25" s="116">
        <v>5849998</v>
      </c>
      <c r="DP25" s="116">
        <v>2189252</v>
      </c>
      <c r="DQ25" s="115">
        <v>23037926</v>
      </c>
      <c r="DR25" s="118">
        <v>23253263</v>
      </c>
      <c r="DS25" s="112">
        <v>67990</v>
      </c>
      <c r="DT25" s="116">
        <v>147347</v>
      </c>
      <c r="DU25" s="115">
        <v>215337</v>
      </c>
      <c r="DV25" s="112">
        <v>0</v>
      </c>
      <c r="DW25" s="116">
        <v>2128733</v>
      </c>
      <c r="DX25" s="116">
        <v>3513395</v>
      </c>
      <c r="DY25" s="116">
        <v>8488398</v>
      </c>
      <c r="DZ25" s="116">
        <v>5518694</v>
      </c>
      <c r="EA25" s="116">
        <v>1875222</v>
      </c>
      <c r="EB25" s="115">
        <v>21524442</v>
      </c>
      <c r="EC25" s="118">
        <v>21739779</v>
      </c>
      <c r="ED25" s="112">
        <v>0</v>
      </c>
      <c r="EE25" s="114">
        <v>0</v>
      </c>
      <c r="EF25" s="115">
        <v>0</v>
      </c>
      <c r="EG25" s="112">
        <v>0</v>
      </c>
      <c r="EH25" s="116">
        <v>49469</v>
      </c>
      <c r="EI25" s="116">
        <v>223548</v>
      </c>
      <c r="EJ25" s="116">
        <v>595133</v>
      </c>
      <c r="EK25" s="116">
        <v>331304</v>
      </c>
      <c r="EL25" s="116">
        <v>314030</v>
      </c>
      <c r="EM25" s="114">
        <v>1513484</v>
      </c>
      <c r="EN25" s="118">
        <v>1513484</v>
      </c>
      <c r="EO25" s="112">
        <v>0</v>
      </c>
      <c r="EP25" s="116">
        <v>0</v>
      </c>
      <c r="EQ25" s="114">
        <v>0</v>
      </c>
      <c r="ER25" s="113">
        <v>0</v>
      </c>
      <c r="ES25" s="116">
        <v>0</v>
      </c>
      <c r="ET25" s="116">
        <v>0</v>
      </c>
      <c r="EU25" s="116">
        <v>0</v>
      </c>
      <c r="EV25" s="116">
        <v>0</v>
      </c>
      <c r="EW25" s="116">
        <v>0</v>
      </c>
      <c r="EX25" s="115">
        <v>0</v>
      </c>
      <c r="EY25" s="118">
        <v>0</v>
      </c>
      <c r="EZ25" s="112">
        <v>0</v>
      </c>
      <c r="FA25" s="116">
        <v>0</v>
      </c>
      <c r="FB25" s="114">
        <v>0</v>
      </c>
      <c r="FC25" s="390"/>
      <c r="FD25" s="116">
        <v>0</v>
      </c>
      <c r="FE25" s="116">
        <v>0</v>
      </c>
      <c r="FF25" s="116">
        <v>0</v>
      </c>
      <c r="FG25" s="116">
        <v>0</v>
      </c>
      <c r="FH25" s="116">
        <v>0</v>
      </c>
      <c r="FI25" s="115">
        <v>0</v>
      </c>
      <c r="FJ25" s="118">
        <v>0</v>
      </c>
      <c r="FK25" s="112">
        <v>1548530</v>
      </c>
      <c r="FL25" s="116">
        <v>2548983</v>
      </c>
      <c r="FM25" s="115">
        <v>4097513</v>
      </c>
      <c r="FN25" s="112">
        <v>0</v>
      </c>
      <c r="FO25" s="116">
        <v>5347412</v>
      </c>
      <c r="FP25" s="116">
        <v>6605011</v>
      </c>
      <c r="FQ25" s="116">
        <v>5269623</v>
      </c>
      <c r="FR25" s="116">
        <v>4132049</v>
      </c>
      <c r="FS25" s="116">
        <v>3025052</v>
      </c>
      <c r="FT25" s="115">
        <v>24379147</v>
      </c>
      <c r="FU25" s="118">
        <v>28476660</v>
      </c>
      <c r="FV25" s="117">
        <v>701335</v>
      </c>
      <c r="FW25" s="116">
        <v>1863974</v>
      </c>
      <c r="FX25" s="114">
        <v>2565309</v>
      </c>
      <c r="FY25" s="113">
        <v>0</v>
      </c>
      <c r="FZ25" s="116">
        <v>4527182</v>
      </c>
      <c r="GA25" s="116">
        <v>5845566</v>
      </c>
      <c r="GB25" s="116">
        <v>5016970</v>
      </c>
      <c r="GC25" s="116">
        <v>4022199</v>
      </c>
      <c r="GD25" s="116">
        <v>2971196</v>
      </c>
      <c r="GE25" s="115">
        <v>22383113</v>
      </c>
      <c r="GF25" s="354">
        <v>24948422</v>
      </c>
      <c r="GG25" s="117">
        <v>75685</v>
      </c>
      <c r="GH25" s="116">
        <v>202959</v>
      </c>
      <c r="GI25" s="114">
        <v>278644</v>
      </c>
      <c r="GJ25" s="113">
        <v>0</v>
      </c>
      <c r="GK25" s="116">
        <v>318666</v>
      </c>
      <c r="GL25" s="116">
        <v>297630</v>
      </c>
      <c r="GM25" s="116">
        <v>185333</v>
      </c>
      <c r="GN25" s="116">
        <v>22950</v>
      </c>
      <c r="GO25" s="116">
        <v>53856</v>
      </c>
      <c r="GP25" s="115">
        <v>878435</v>
      </c>
      <c r="GQ25" s="118">
        <v>1157079</v>
      </c>
      <c r="GR25" s="112">
        <v>771510</v>
      </c>
      <c r="GS25" s="116">
        <v>482050</v>
      </c>
      <c r="GT25" s="115">
        <v>1253560</v>
      </c>
      <c r="GU25" s="112">
        <v>0</v>
      </c>
      <c r="GV25" s="116">
        <v>501564</v>
      </c>
      <c r="GW25" s="116">
        <v>461815</v>
      </c>
      <c r="GX25" s="116">
        <v>67320</v>
      </c>
      <c r="GY25" s="116">
        <v>86900</v>
      </c>
      <c r="GZ25" s="116">
        <v>0</v>
      </c>
      <c r="HA25" s="114">
        <v>1117599</v>
      </c>
      <c r="HB25" s="118">
        <v>2371159</v>
      </c>
      <c r="HC25" s="112">
        <v>473106</v>
      </c>
      <c r="HD25" s="116">
        <v>2353088</v>
      </c>
      <c r="HE25" s="114">
        <v>2826194</v>
      </c>
      <c r="HF25" s="113">
        <v>0</v>
      </c>
      <c r="HG25" s="116">
        <v>10323517</v>
      </c>
      <c r="HH25" s="116">
        <v>11775081</v>
      </c>
      <c r="HI25" s="116">
        <v>8545462</v>
      </c>
      <c r="HJ25" s="116">
        <v>14701148</v>
      </c>
      <c r="HK25" s="116">
        <v>7843346</v>
      </c>
      <c r="HL25" s="115">
        <v>53188554</v>
      </c>
      <c r="HM25" s="111">
        <v>56014748</v>
      </c>
      <c r="HN25" s="117">
        <v>864217</v>
      </c>
      <c r="HO25" s="116">
        <v>2006068</v>
      </c>
      <c r="HP25" s="115">
        <v>2870285</v>
      </c>
      <c r="HQ25" s="112">
        <v>0</v>
      </c>
      <c r="HR25" s="116">
        <v>13046269</v>
      </c>
      <c r="HS25" s="116">
        <v>7738261</v>
      </c>
      <c r="HT25" s="116">
        <v>6301206</v>
      </c>
      <c r="HU25" s="116">
        <v>3913894</v>
      </c>
      <c r="HV25" s="116">
        <v>2004641</v>
      </c>
      <c r="HW25" s="114">
        <v>33004271</v>
      </c>
      <c r="HX25" s="118">
        <v>35874556</v>
      </c>
      <c r="HY25" s="148">
        <v>41234</v>
      </c>
      <c r="HZ25" s="149">
        <v>85376</v>
      </c>
      <c r="IA25" s="150">
        <v>126610</v>
      </c>
      <c r="IB25" s="163">
        <v>0</v>
      </c>
      <c r="IC25" s="149">
        <v>13855419</v>
      </c>
      <c r="ID25" s="164">
        <v>12892164</v>
      </c>
      <c r="IE25" s="150">
        <v>14793460</v>
      </c>
      <c r="IF25" s="149">
        <v>11117516</v>
      </c>
      <c r="IG25" s="150">
        <v>2809591</v>
      </c>
      <c r="IH25" s="165">
        <v>55468150</v>
      </c>
      <c r="II25" s="156">
        <v>55594760</v>
      </c>
      <c r="IJ25" s="261">
        <v>0</v>
      </c>
      <c r="IK25" s="268">
        <v>0</v>
      </c>
      <c r="IL25" s="269">
        <v>0</v>
      </c>
      <c r="IM25" s="157"/>
      <c r="IN25" s="122">
        <v>86634</v>
      </c>
      <c r="IO25" s="122">
        <v>0</v>
      </c>
      <c r="IP25" s="122">
        <v>0</v>
      </c>
      <c r="IQ25" s="122">
        <v>0</v>
      </c>
      <c r="IR25" s="122">
        <v>0</v>
      </c>
      <c r="IS25" s="158">
        <v>86634</v>
      </c>
      <c r="IT25" s="357">
        <v>86634</v>
      </c>
      <c r="IU25" s="159">
        <v>0</v>
      </c>
      <c r="IV25" s="122">
        <v>0</v>
      </c>
      <c r="IW25" s="123">
        <v>0</v>
      </c>
      <c r="IX25" s="161"/>
      <c r="IY25" s="122">
        <v>0</v>
      </c>
      <c r="IZ25" s="122">
        <v>0</v>
      </c>
      <c r="JA25" s="122">
        <v>0</v>
      </c>
      <c r="JB25" s="122">
        <v>0</v>
      </c>
      <c r="JC25" s="122">
        <v>0</v>
      </c>
      <c r="JD25" s="123">
        <v>0</v>
      </c>
      <c r="JE25" s="124">
        <v>0</v>
      </c>
      <c r="JF25" s="159">
        <v>0</v>
      </c>
      <c r="JG25" s="122">
        <v>0</v>
      </c>
      <c r="JH25" s="158">
        <v>0</v>
      </c>
      <c r="JI25" s="121">
        <v>0</v>
      </c>
      <c r="JJ25" s="122">
        <v>6575225</v>
      </c>
      <c r="JK25" s="122">
        <v>4582202</v>
      </c>
      <c r="JL25" s="122">
        <v>3783382</v>
      </c>
      <c r="JM25" s="122">
        <v>3172075</v>
      </c>
      <c r="JN25" s="122">
        <v>790379</v>
      </c>
      <c r="JO25" s="123">
        <v>18903263</v>
      </c>
      <c r="JP25" s="357">
        <v>18903263</v>
      </c>
      <c r="JQ25" s="159">
        <v>0</v>
      </c>
      <c r="JR25" s="122">
        <v>0</v>
      </c>
      <c r="JS25" s="158">
        <v>0</v>
      </c>
      <c r="JT25" s="121">
        <v>0</v>
      </c>
      <c r="JU25" s="122">
        <v>0</v>
      </c>
      <c r="JV25" s="122">
        <v>276027</v>
      </c>
      <c r="JW25" s="122">
        <v>481238</v>
      </c>
      <c r="JX25" s="122">
        <v>310565</v>
      </c>
      <c r="JY25" s="122">
        <v>414832</v>
      </c>
      <c r="JZ25" s="123">
        <v>1482662</v>
      </c>
      <c r="KA25" s="357">
        <v>1482662</v>
      </c>
      <c r="KB25" s="264">
        <v>41234</v>
      </c>
      <c r="KC25" s="258">
        <v>85376</v>
      </c>
      <c r="KD25" s="123">
        <v>126610</v>
      </c>
      <c r="KE25" s="121">
        <v>0</v>
      </c>
      <c r="KF25" s="122">
        <v>1379808</v>
      </c>
      <c r="KG25" s="122">
        <v>2023956</v>
      </c>
      <c r="KH25" s="122">
        <v>1523217</v>
      </c>
      <c r="KI25" s="122">
        <v>1396440</v>
      </c>
      <c r="KJ25" s="122">
        <v>0</v>
      </c>
      <c r="KK25" s="123">
        <v>6323421</v>
      </c>
      <c r="KL25" s="160">
        <v>6450031</v>
      </c>
      <c r="KM25" s="261">
        <v>0</v>
      </c>
      <c r="KN25" s="268">
        <v>0</v>
      </c>
      <c r="KO25" s="269">
        <v>0</v>
      </c>
      <c r="KP25" s="157"/>
      <c r="KQ25" s="122">
        <v>5813752</v>
      </c>
      <c r="KR25" s="122">
        <v>6009979</v>
      </c>
      <c r="KS25" s="122">
        <v>9005623</v>
      </c>
      <c r="KT25" s="122">
        <v>6238436</v>
      </c>
      <c r="KU25" s="122">
        <v>1604380</v>
      </c>
      <c r="KV25" s="123">
        <v>28672170</v>
      </c>
      <c r="KW25" s="357">
        <v>28672170</v>
      </c>
      <c r="KX25" s="159">
        <v>0</v>
      </c>
      <c r="KY25" s="122">
        <v>0</v>
      </c>
      <c r="KZ25" s="123">
        <v>0</v>
      </c>
      <c r="LA25" s="162"/>
      <c r="LB25" s="122">
        <v>0</v>
      </c>
      <c r="LC25" s="122">
        <v>0</v>
      </c>
      <c r="LD25" s="122">
        <v>0</v>
      </c>
      <c r="LE25" s="122">
        <v>0</v>
      </c>
      <c r="LF25" s="122">
        <v>0</v>
      </c>
      <c r="LG25" s="123">
        <v>0</v>
      </c>
      <c r="LH25" s="124">
        <v>0</v>
      </c>
      <c r="LI25" s="159">
        <v>0</v>
      </c>
      <c r="LJ25" s="122">
        <v>0</v>
      </c>
      <c r="LK25" s="123">
        <v>0</v>
      </c>
      <c r="LL25" s="162"/>
      <c r="LM25" s="122">
        <v>0</v>
      </c>
      <c r="LN25" s="122">
        <v>0</v>
      </c>
      <c r="LO25" s="122">
        <v>0</v>
      </c>
      <c r="LP25" s="122">
        <v>0</v>
      </c>
      <c r="LQ25" s="122">
        <v>0</v>
      </c>
      <c r="LR25" s="123">
        <v>0</v>
      </c>
      <c r="LS25" s="357">
        <v>0</v>
      </c>
      <c r="LT25" s="159">
        <v>0</v>
      </c>
      <c r="LU25" s="122">
        <v>0</v>
      </c>
      <c r="LV25" s="123">
        <v>0</v>
      </c>
      <c r="LW25" s="162"/>
      <c r="LX25" s="122">
        <v>0</v>
      </c>
      <c r="LY25" s="122">
        <v>0</v>
      </c>
      <c r="LZ25" s="122">
        <v>0</v>
      </c>
      <c r="MA25" s="122">
        <v>0</v>
      </c>
      <c r="MB25" s="122">
        <v>0</v>
      </c>
      <c r="MC25" s="123">
        <v>0</v>
      </c>
      <c r="MD25" s="124">
        <v>0</v>
      </c>
      <c r="ME25" s="159">
        <v>0</v>
      </c>
      <c r="MF25" s="122">
        <v>0</v>
      </c>
      <c r="MG25" s="123">
        <v>0</v>
      </c>
      <c r="MH25" s="162"/>
      <c r="MI25" s="122">
        <v>6432304</v>
      </c>
      <c r="MJ25" s="122">
        <v>14229255</v>
      </c>
      <c r="MK25" s="122">
        <v>48059512</v>
      </c>
      <c r="ML25" s="122">
        <v>62179800</v>
      </c>
      <c r="MM25" s="122">
        <v>39241822</v>
      </c>
      <c r="MN25" s="123">
        <v>170142693</v>
      </c>
      <c r="MO25" s="160">
        <v>170142693</v>
      </c>
      <c r="MP25" s="159">
        <v>0</v>
      </c>
      <c r="MQ25" s="122">
        <v>0</v>
      </c>
      <c r="MR25" s="123">
        <v>0</v>
      </c>
      <c r="MS25" s="162"/>
      <c r="MT25" s="122">
        <v>1004400</v>
      </c>
      <c r="MU25" s="122">
        <v>5478061</v>
      </c>
      <c r="MV25" s="122">
        <v>36929570</v>
      </c>
      <c r="MW25" s="122">
        <v>49726494</v>
      </c>
      <c r="MX25" s="122">
        <v>30223939</v>
      </c>
      <c r="MY25" s="123">
        <v>123362464</v>
      </c>
      <c r="MZ25" s="160">
        <v>123362464</v>
      </c>
      <c r="NA25" s="159">
        <v>0</v>
      </c>
      <c r="NB25" s="122">
        <v>0</v>
      </c>
      <c r="NC25" s="123">
        <v>0</v>
      </c>
      <c r="ND25" s="162"/>
      <c r="NE25" s="122">
        <v>5427904</v>
      </c>
      <c r="NF25" s="122">
        <v>8751194</v>
      </c>
      <c r="NG25" s="122">
        <v>10791105</v>
      </c>
      <c r="NH25" s="122">
        <v>12453306</v>
      </c>
      <c r="NI25" s="122">
        <v>6507766</v>
      </c>
      <c r="NJ25" s="123">
        <v>43931275</v>
      </c>
      <c r="NK25" s="357">
        <v>43931275</v>
      </c>
      <c r="NL25" s="159">
        <v>0</v>
      </c>
      <c r="NM25" s="122">
        <v>0</v>
      </c>
      <c r="NN25" s="123">
        <v>0</v>
      </c>
      <c r="NO25" s="162"/>
      <c r="NP25" s="122">
        <v>0</v>
      </c>
      <c r="NQ25" s="122">
        <v>0</v>
      </c>
      <c r="NR25" s="122">
        <v>0</v>
      </c>
      <c r="NS25" s="122">
        <v>0</v>
      </c>
      <c r="NT25" s="122">
        <v>703409</v>
      </c>
      <c r="NU25" s="123">
        <v>703409</v>
      </c>
      <c r="NV25" s="124">
        <v>703409</v>
      </c>
      <c r="NW25" s="159">
        <v>0</v>
      </c>
      <c r="NX25" s="122">
        <v>0</v>
      </c>
      <c r="NY25" s="123">
        <v>0</v>
      </c>
      <c r="NZ25" s="162"/>
      <c r="OA25" s="122">
        <v>0</v>
      </c>
      <c r="OB25" s="122">
        <v>0</v>
      </c>
      <c r="OC25" s="122">
        <v>338837</v>
      </c>
      <c r="OD25" s="122">
        <v>0</v>
      </c>
      <c r="OE25" s="122">
        <v>1806708</v>
      </c>
      <c r="OF25" s="123">
        <v>2145545</v>
      </c>
      <c r="OG25" s="124">
        <v>2145545</v>
      </c>
      <c r="OH25" s="159">
        <v>4545289</v>
      </c>
      <c r="OI25" s="122">
        <v>12119763</v>
      </c>
      <c r="OJ25" s="158">
        <v>16665052</v>
      </c>
      <c r="OK25" s="121">
        <v>0</v>
      </c>
      <c r="OL25" s="122">
        <v>96786931</v>
      </c>
      <c r="OM25" s="122">
        <v>94521547</v>
      </c>
      <c r="ON25" s="122">
        <v>125533260</v>
      </c>
      <c r="OO25" s="122">
        <v>128425579</v>
      </c>
      <c r="OP25" s="122">
        <v>79826271</v>
      </c>
      <c r="OQ25" s="123">
        <v>525093588</v>
      </c>
      <c r="OR25" s="160">
        <v>541758640</v>
      </c>
    </row>
    <row r="26" spans="1:408" ht="18.75" customHeight="1" x14ac:dyDescent="0.2">
      <c r="A26" s="62" t="s">
        <v>21</v>
      </c>
      <c r="B26" s="112">
        <v>6407605</v>
      </c>
      <c r="C26" s="116">
        <v>11945441</v>
      </c>
      <c r="D26" s="115">
        <v>18353046</v>
      </c>
      <c r="E26" s="111">
        <v>0</v>
      </c>
      <c r="F26" s="116">
        <v>56966207</v>
      </c>
      <c r="G26" s="116">
        <v>92709575</v>
      </c>
      <c r="H26" s="116">
        <v>82562072</v>
      </c>
      <c r="I26" s="116">
        <v>65246036</v>
      </c>
      <c r="J26" s="116">
        <v>48075418</v>
      </c>
      <c r="K26" s="200">
        <v>345559308</v>
      </c>
      <c r="L26" s="118">
        <v>363912354</v>
      </c>
      <c r="M26" s="112">
        <v>1917181</v>
      </c>
      <c r="N26" s="116">
        <v>3651275</v>
      </c>
      <c r="O26" s="115">
        <v>5568456</v>
      </c>
      <c r="P26" s="112">
        <v>0</v>
      </c>
      <c r="Q26" s="116">
        <v>18645571</v>
      </c>
      <c r="R26" s="116">
        <v>31693765</v>
      </c>
      <c r="S26" s="116">
        <v>28080047</v>
      </c>
      <c r="T26" s="116">
        <v>26169076</v>
      </c>
      <c r="U26" s="116">
        <v>23276513</v>
      </c>
      <c r="V26" s="115">
        <v>127864972</v>
      </c>
      <c r="W26" s="118">
        <v>133433428</v>
      </c>
      <c r="X26" s="112">
        <v>0</v>
      </c>
      <c r="Y26" s="116">
        <v>0</v>
      </c>
      <c r="Z26" s="115">
        <v>0</v>
      </c>
      <c r="AA26" s="112">
        <v>0</v>
      </c>
      <c r="AB26" s="116">
        <v>8703998</v>
      </c>
      <c r="AC26" s="116">
        <v>16125808</v>
      </c>
      <c r="AD26" s="116">
        <v>17171858</v>
      </c>
      <c r="AE26" s="116">
        <v>16467905</v>
      </c>
      <c r="AF26" s="116">
        <v>13984084</v>
      </c>
      <c r="AG26" s="115">
        <v>72453653</v>
      </c>
      <c r="AH26" s="118">
        <v>72453653</v>
      </c>
      <c r="AI26" s="112">
        <v>0</v>
      </c>
      <c r="AJ26" s="116">
        <v>0</v>
      </c>
      <c r="AK26" s="115">
        <v>0</v>
      </c>
      <c r="AL26" s="112">
        <v>0</v>
      </c>
      <c r="AM26" s="116">
        <v>27714</v>
      </c>
      <c r="AN26" s="116">
        <v>156866</v>
      </c>
      <c r="AO26" s="116">
        <v>876808</v>
      </c>
      <c r="AP26" s="116">
        <v>1495292</v>
      </c>
      <c r="AQ26" s="116">
        <v>2897900</v>
      </c>
      <c r="AR26" s="115">
        <v>5454580</v>
      </c>
      <c r="AS26" s="118">
        <v>5454580</v>
      </c>
      <c r="AT26" s="112">
        <v>1065652</v>
      </c>
      <c r="AU26" s="116">
        <v>2350736</v>
      </c>
      <c r="AV26" s="115">
        <v>3416388</v>
      </c>
      <c r="AW26" s="112">
        <v>0</v>
      </c>
      <c r="AX26" s="116">
        <v>6507024</v>
      </c>
      <c r="AY26" s="116">
        <v>10214662</v>
      </c>
      <c r="AZ26" s="116">
        <v>5858606</v>
      </c>
      <c r="BA26" s="116">
        <v>4840639</v>
      </c>
      <c r="BB26" s="116">
        <v>3739654</v>
      </c>
      <c r="BC26" s="115">
        <v>31160585</v>
      </c>
      <c r="BD26" s="118">
        <v>34576973</v>
      </c>
      <c r="BE26" s="112">
        <v>348897</v>
      </c>
      <c r="BF26" s="116">
        <v>717614</v>
      </c>
      <c r="BG26" s="114">
        <v>1066511</v>
      </c>
      <c r="BH26" s="113">
        <v>0</v>
      </c>
      <c r="BI26" s="116">
        <v>625278</v>
      </c>
      <c r="BJ26" s="116">
        <v>1122509</v>
      </c>
      <c r="BK26" s="116">
        <v>619689</v>
      </c>
      <c r="BL26" s="116">
        <v>540718</v>
      </c>
      <c r="BM26" s="116">
        <v>136064</v>
      </c>
      <c r="BN26" s="115">
        <v>3044258</v>
      </c>
      <c r="BO26" s="118">
        <v>4110769</v>
      </c>
      <c r="BP26" s="112">
        <v>502632</v>
      </c>
      <c r="BQ26" s="116">
        <v>582925</v>
      </c>
      <c r="BR26" s="115">
        <v>1085557</v>
      </c>
      <c r="BS26" s="112">
        <v>0</v>
      </c>
      <c r="BT26" s="116">
        <v>2781557</v>
      </c>
      <c r="BU26" s="116">
        <v>4073920</v>
      </c>
      <c r="BV26" s="116">
        <v>3553086</v>
      </c>
      <c r="BW26" s="116">
        <v>2824522</v>
      </c>
      <c r="BX26" s="116">
        <v>2518811</v>
      </c>
      <c r="BY26" s="115">
        <v>15751896</v>
      </c>
      <c r="BZ26" s="118">
        <v>16837453</v>
      </c>
      <c r="CA26" s="112">
        <v>594666</v>
      </c>
      <c r="CB26" s="116">
        <v>1742188</v>
      </c>
      <c r="CC26" s="115">
        <v>2336854</v>
      </c>
      <c r="CD26" s="112">
        <v>0</v>
      </c>
      <c r="CE26" s="116">
        <v>15017802</v>
      </c>
      <c r="CF26" s="116">
        <v>23651740</v>
      </c>
      <c r="CG26" s="116">
        <v>18311685</v>
      </c>
      <c r="CH26" s="116">
        <v>10578684</v>
      </c>
      <c r="CI26" s="116">
        <v>4724144</v>
      </c>
      <c r="CJ26" s="115">
        <v>72284055</v>
      </c>
      <c r="CK26" s="118">
        <v>74620909</v>
      </c>
      <c r="CL26" s="112">
        <v>0</v>
      </c>
      <c r="CM26" s="116">
        <v>0</v>
      </c>
      <c r="CN26" s="115">
        <v>0</v>
      </c>
      <c r="CO26" s="113">
        <v>0</v>
      </c>
      <c r="CP26" s="116">
        <v>13214267</v>
      </c>
      <c r="CQ26" s="116">
        <v>20859282</v>
      </c>
      <c r="CR26" s="116">
        <v>15773326</v>
      </c>
      <c r="CS26" s="116">
        <v>9869832</v>
      </c>
      <c r="CT26" s="116">
        <v>3649006</v>
      </c>
      <c r="CU26" s="115">
        <v>63365713</v>
      </c>
      <c r="CV26" s="118">
        <v>63365713</v>
      </c>
      <c r="CW26" s="112">
        <v>594666</v>
      </c>
      <c r="CX26" s="116">
        <v>1742188</v>
      </c>
      <c r="CY26" s="115">
        <v>2336854</v>
      </c>
      <c r="CZ26" s="112">
        <v>0</v>
      </c>
      <c r="DA26" s="116">
        <v>1803535</v>
      </c>
      <c r="DB26" s="116">
        <v>2792458</v>
      </c>
      <c r="DC26" s="116">
        <v>2538359</v>
      </c>
      <c r="DD26" s="116">
        <v>708852</v>
      </c>
      <c r="DE26" s="116">
        <v>1075138</v>
      </c>
      <c r="DF26" s="115">
        <v>8918342</v>
      </c>
      <c r="DG26" s="118">
        <v>11255196</v>
      </c>
      <c r="DH26" s="112">
        <v>40092</v>
      </c>
      <c r="DI26" s="116">
        <v>62162</v>
      </c>
      <c r="DJ26" s="114">
        <v>102254</v>
      </c>
      <c r="DK26" s="113">
        <v>0</v>
      </c>
      <c r="DL26" s="116">
        <v>1036415</v>
      </c>
      <c r="DM26" s="116">
        <v>3527795</v>
      </c>
      <c r="DN26" s="116">
        <v>10422697</v>
      </c>
      <c r="DO26" s="116">
        <v>9296280</v>
      </c>
      <c r="DP26" s="116">
        <v>4231748</v>
      </c>
      <c r="DQ26" s="115">
        <v>28514935</v>
      </c>
      <c r="DR26" s="118">
        <v>28617189</v>
      </c>
      <c r="DS26" s="112">
        <v>40092</v>
      </c>
      <c r="DT26" s="116">
        <v>62162</v>
      </c>
      <c r="DU26" s="115">
        <v>102254</v>
      </c>
      <c r="DV26" s="112">
        <v>0</v>
      </c>
      <c r="DW26" s="116">
        <v>1006922</v>
      </c>
      <c r="DX26" s="116">
        <v>3337463</v>
      </c>
      <c r="DY26" s="116">
        <v>10301929</v>
      </c>
      <c r="DZ26" s="116">
        <v>9161518</v>
      </c>
      <c r="EA26" s="116">
        <v>4121287</v>
      </c>
      <c r="EB26" s="115">
        <v>27929119</v>
      </c>
      <c r="EC26" s="118">
        <v>28031373</v>
      </c>
      <c r="ED26" s="112">
        <v>0</v>
      </c>
      <c r="EE26" s="114">
        <v>0</v>
      </c>
      <c r="EF26" s="115">
        <v>0</v>
      </c>
      <c r="EG26" s="112">
        <v>0</v>
      </c>
      <c r="EH26" s="116">
        <v>29493</v>
      </c>
      <c r="EI26" s="116">
        <v>190332</v>
      </c>
      <c r="EJ26" s="116">
        <v>120768</v>
      </c>
      <c r="EK26" s="116">
        <v>134762</v>
      </c>
      <c r="EL26" s="116">
        <v>110461</v>
      </c>
      <c r="EM26" s="114">
        <v>585816</v>
      </c>
      <c r="EN26" s="118">
        <v>585816</v>
      </c>
      <c r="EO26" s="112">
        <v>0</v>
      </c>
      <c r="EP26" s="116">
        <v>0</v>
      </c>
      <c r="EQ26" s="114">
        <v>0</v>
      </c>
      <c r="ER26" s="113">
        <v>0</v>
      </c>
      <c r="ES26" s="116">
        <v>0</v>
      </c>
      <c r="ET26" s="116">
        <v>0</v>
      </c>
      <c r="EU26" s="116">
        <v>0</v>
      </c>
      <c r="EV26" s="116">
        <v>0</v>
      </c>
      <c r="EW26" s="116">
        <v>0</v>
      </c>
      <c r="EX26" s="115">
        <v>0</v>
      </c>
      <c r="EY26" s="118">
        <v>0</v>
      </c>
      <c r="EZ26" s="112">
        <v>0</v>
      </c>
      <c r="FA26" s="116">
        <v>0</v>
      </c>
      <c r="FB26" s="114">
        <v>0</v>
      </c>
      <c r="FC26" s="390"/>
      <c r="FD26" s="116">
        <v>0</v>
      </c>
      <c r="FE26" s="116">
        <v>0</v>
      </c>
      <c r="FF26" s="116">
        <v>0</v>
      </c>
      <c r="FG26" s="116">
        <v>0</v>
      </c>
      <c r="FH26" s="116">
        <v>0</v>
      </c>
      <c r="FI26" s="115">
        <v>0</v>
      </c>
      <c r="FJ26" s="118">
        <v>0</v>
      </c>
      <c r="FK26" s="112">
        <v>1527475</v>
      </c>
      <c r="FL26" s="116">
        <v>2987937</v>
      </c>
      <c r="FM26" s="115">
        <v>4515412</v>
      </c>
      <c r="FN26" s="112">
        <v>0</v>
      </c>
      <c r="FO26" s="116">
        <v>2889872</v>
      </c>
      <c r="FP26" s="116">
        <v>9029770</v>
      </c>
      <c r="FQ26" s="116">
        <v>6044136</v>
      </c>
      <c r="FR26" s="116">
        <v>5387086</v>
      </c>
      <c r="FS26" s="116">
        <v>3564539</v>
      </c>
      <c r="FT26" s="115">
        <v>26915403</v>
      </c>
      <c r="FU26" s="118">
        <v>31430815</v>
      </c>
      <c r="FV26" s="117">
        <v>796162</v>
      </c>
      <c r="FW26" s="116">
        <v>2422850</v>
      </c>
      <c r="FX26" s="114">
        <v>3219012</v>
      </c>
      <c r="FY26" s="113">
        <v>0</v>
      </c>
      <c r="FZ26" s="116">
        <v>2677842</v>
      </c>
      <c r="GA26" s="116">
        <v>8402693</v>
      </c>
      <c r="GB26" s="116">
        <v>5700456</v>
      </c>
      <c r="GC26" s="116">
        <v>5184852</v>
      </c>
      <c r="GD26" s="116">
        <v>3441059</v>
      </c>
      <c r="GE26" s="115">
        <v>25406902</v>
      </c>
      <c r="GF26" s="354">
        <v>28625914</v>
      </c>
      <c r="GG26" s="117">
        <v>35100</v>
      </c>
      <c r="GH26" s="116">
        <v>147397</v>
      </c>
      <c r="GI26" s="114">
        <v>182497</v>
      </c>
      <c r="GJ26" s="113">
        <v>0</v>
      </c>
      <c r="GK26" s="116">
        <v>122300</v>
      </c>
      <c r="GL26" s="116">
        <v>32472</v>
      </c>
      <c r="GM26" s="116">
        <v>121680</v>
      </c>
      <c r="GN26" s="116">
        <v>103234</v>
      </c>
      <c r="GO26" s="116">
        <v>123480</v>
      </c>
      <c r="GP26" s="115">
        <v>503166</v>
      </c>
      <c r="GQ26" s="118">
        <v>685663</v>
      </c>
      <c r="GR26" s="112">
        <v>696213</v>
      </c>
      <c r="GS26" s="116">
        <v>417690</v>
      </c>
      <c r="GT26" s="115">
        <v>1113903</v>
      </c>
      <c r="GU26" s="112">
        <v>0</v>
      </c>
      <c r="GV26" s="116">
        <v>89730</v>
      </c>
      <c r="GW26" s="116">
        <v>594605</v>
      </c>
      <c r="GX26" s="116">
        <v>222000</v>
      </c>
      <c r="GY26" s="116">
        <v>99000</v>
      </c>
      <c r="GZ26" s="116">
        <v>0</v>
      </c>
      <c r="HA26" s="114">
        <v>1005335</v>
      </c>
      <c r="HB26" s="118">
        <v>2119238</v>
      </c>
      <c r="HC26" s="112">
        <v>1177956</v>
      </c>
      <c r="HD26" s="116">
        <v>1576223</v>
      </c>
      <c r="HE26" s="114">
        <v>2754179</v>
      </c>
      <c r="HF26" s="113">
        <v>0</v>
      </c>
      <c r="HG26" s="116">
        <v>8791398</v>
      </c>
      <c r="HH26" s="116">
        <v>11925017</v>
      </c>
      <c r="HI26" s="116">
        <v>11527222</v>
      </c>
      <c r="HJ26" s="116">
        <v>8482005</v>
      </c>
      <c r="HK26" s="116">
        <v>9514482</v>
      </c>
      <c r="HL26" s="115">
        <v>50240124</v>
      </c>
      <c r="HM26" s="111">
        <v>52994303</v>
      </c>
      <c r="HN26" s="117">
        <v>1150235</v>
      </c>
      <c r="HO26" s="116">
        <v>1925656</v>
      </c>
      <c r="HP26" s="115">
        <v>3075891</v>
      </c>
      <c r="HQ26" s="112">
        <v>0</v>
      </c>
      <c r="HR26" s="116">
        <v>10585149</v>
      </c>
      <c r="HS26" s="116">
        <v>12881488</v>
      </c>
      <c r="HT26" s="116">
        <v>8176285</v>
      </c>
      <c r="HU26" s="116">
        <v>5332905</v>
      </c>
      <c r="HV26" s="116">
        <v>2763992</v>
      </c>
      <c r="HW26" s="114">
        <v>39739819</v>
      </c>
      <c r="HX26" s="118">
        <v>42815710</v>
      </c>
      <c r="HY26" s="167">
        <v>46943</v>
      </c>
      <c r="HZ26" s="152">
        <v>84068</v>
      </c>
      <c r="IA26" s="167">
        <v>131011</v>
      </c>
      <c r="IB26" s="151">
        <v>0</v>
      </c>
      <c r="IC26" s="152">
        <v>13865233</v>
      </c>
      <c r="ID26" s="153">
        <v>21178829</v>
      </c>
      <c r="IE26" s="154">
        <v>18907144</v>
      </c>
      <c r="IF26" s="152">
        <v>9519682</v>
      </c>
      <c r="IG26" s="154">
        <v>9105666</v>
      </c>
      <c r="IH26" s="155">
        <v>72576554</v>
      </c>
      <c r="II26" s="167">
        <v>72707565</v>
      </c>
      <c r="IJ26" s="261">
        <v>0</v>
      </c>
      <c r="IK26" s="268">
        <v>0</v>
      </c>
      <c r="IL26" s="269">
        <v>0</v>
      </c>
      <c r="IM26" s="157"/>
      <c r="IN26" s="122">
        <v>0</v>
      </c>
      <c r="IO26" s="122">
        <v>395252</v>
      </c>
      <c r="IP26" s="122">
        <v>169722</v>
      </c>
      <c r="IQ26" s="122">
        <v>680328</v>
      </c>
      <c r="IR26" s="122">
        <v>493545</v>
      </c>
      <c r="IS26" s="158">
        <v>1738847</v>
      </c>
      <c r="IT26" s="357">
        <v>1738847</v>
      </c>
      <c r="IU26" s="159">
        <v>0</v>
      </c>
      <c r="IV26" s="122">
        <v>0</v>
      </c>
      <c r="IW26" s="123">
        <v>0</v>
      </c>
      <c r="IX26" s="161"/>
      <c r="IY26" s="122">
        <v>0</v>
      </c>
      <c r="IZ26" s="122">
        <v>0</v>
      </c>
      <c r="JA26" s="122">
        <v>0</v>
      </c>
      <c r="JB26" s="122">
        <v>0</v>
      </c>
      <c r="JC26" s="122">
        <v>0</v>
      </c>
      <c r="JD26" s="123">
        <v>0</v>
      </c>
      <c r="JE26" s="124">
        <v>0</v>
      </c>
      <c r="JF26" s="159">
        <v>0</v>
      </c>
      <c r="JG26" s="122">
        <v>0</v>
      </c>
      <c r="JH26" s="158">
        <v>0</v>
      </c>
      <c r="JI26" s="121">
        <v>0</v>
      </c>
      <c r="JJ26" s="122">
        <v>6699701</v>
      </c>
      <c r="JK26" s="122">
        <v>10579613</v>
      </c>
      <c r="JL26" s="122">
        <v>5757813</v>
      </c>
      <c r="JM26" s="122">
        <v>2875983</v>
      </c>
      <c r="JN26" s="122">
        <v>1676201</v>
      </c>
      <c r="JO26" s="123">
        <v>27589311</v>
      </c>
      <c r="JP26" s="357">
        <v>27589311</v>
      </c>
      <c r="JQ26" s="159">
        <v>0</v>
      </c>
      <c r="JR26" s="122">
        <v>0</v>
      </c>
      <c r="JS26" s="158">
        <v>0</v>
      </c>
      <c r="JT26" s="121">
        <v>0</v>
      </c>
      <c r="JU26" s="122">
        <v>0</v>
      </c>
      <c r="JV26" s="122">
        <v>0</v>
      </c>
      <c r="JW26" s="122">
        <v>0</v>
      </c>
      <c r="JX26" s="122">
        <v>0</v>
      </c>
      <c r="JY26" s="122">
        <v>0</v>
      </c>
      <c r="JZ26" s="123">
        <v>0</v>
      </c>
      <c r="KA26" s="357">
        <v>0</v>
      </c>
      <c r="KB26" s="264">
        <v>46943</v>
      </c>
      <c r="KC26" s="258">
        <v>84068</v>
      </c>
      <c r="KD26" s="123">
        <v>131011</v>
      </c>
      <c r="KE26" s="121">
        <v>0</v>
      </c>
      <c r="KF26" s="122">
        <v>1906564</v>
      </c>
      <c r="KG26" s="122">
        <v>1428866</v>
      </c>
      <c r="KH26" s="122">
        <v>3570970</v>
      </c>
      <c r="KI26" s="122">
        <v>1895289</v>
      </c>
      <c r="KJ26" s="122">
        <v>1668075</v>
      </c>
      <c r="KK26" s="123">
        <v>10469764</v>
      </c>
      <c r="KL26" s="160">
        <v>10600775</v>
      </c>
      <c r="KM26" s="261">
        <v>0</v>
      </c>
      <c r="KN26" s="268">
        <v>0</v>
      </c>
      <c r="KO26" s="269">
        <v>0</v>
      </c>
      <c r="KP26" s="157"/>
      <c r="KQ26" s="122">
        <v>5116401</v>
      </c>
      <c r="KR26" s="122">
        <v>8189876</v>
      </c>
      <c r="KS26" s="122">
        <v>8859791</v>
      </c>
      <c r="KT26" s="122">
        <v>3763597</v>
      </c>
      <c r="KU26" s="122">
        <v>3227356</v>
      </c>
      <c r="KV26" s="123">
        <v>29157021</v>
      </c>
      <c r="KW26" s="357">
        <v>29157021</v>
      </c>
      <c r="KX26" s="159">
        <v>0</v>
      </c>
      <c r="KY26" s="122">
        <v>0</v>
      </c>
      <c r="KZ26" s="123">
        <v>0</v>
      </c>
      <c r="LA26" s="162"/>
      <c r="LB26" s="122">
        <v>0</v>
      </c>
      <c r="LC26" s="122">
        <v>0</v>
      </c>
      <c r="LD26" s="122">
        <v>0</v>
      </c>
      <c r="LE26" s="122">
        <v>0</v>
      </c>
      <c r="LF26" s="122">
        <v>0</v>
      </c>
      <c r="LG26" s="123">
        <v>0</v>
      </c>
      <c r="LH26" s="124">
        <v>0</v>
      </c>
      <c r="LI26" s="159">
        <v>0</v>
      </c>
      <c r="LJ26" s="122">
        <v>0</v>
      </c>
      <c r="LK26" s="123">
        <v>0</v>
      </c>
      <c r="LL26" s="162"/>
      <c r="LM26" s="122">
        <v>0</v>
      </c>
      <c r="LN26" s="122">
        <v>0</v>
      </c>
      <c r="LO26" s="122">
        <v>0</v>
      </c>
      <c r="LP26" s="122">
        <v>0</v>
      </c>
      <c r="LQ26" s="122">
        <v>0</v>
      </c>
      <c r="LR26" s="123">
        <v>0</v>
      </c>
      <c r="LS26" s="357">
        <v>0</v>
      </c>
      <c r="LT26" s="159">
        <v>0</v>
      </c>
      <c r="LU26" s="122">
        <v>0</v>
      </c>
      <c r="LV26" s="123">
        <v>0</v>
      </c>
      <c r="LW26" s="162"/>
      <c r="LX26" s="122">
        <v>142567</v>
      </c>
      <c r="LY26" s="122">
        <v>585222</v>
      </c>
      <c r="LZ26" s="122">
        <v>548848</v>
      </c>
      <c r="MA26" s="122">
        <v>304485</v>
      </c>
      <c r="MB26" s="122">
        <v>2040489</v>
      </c>
      <c r="MC26" s="123">
        <v>3621611</v>
      </c>
      <c r="MD26" s="124">
        <v>3621611</v>
      </c>
      <c r="ME26" s="159">
        <v>0</v>
      </c>
      <c r="MF26" s="122">
        <v>0</v>
      </c>
      <c r="MG26" s="123">
        <v>0</v>
      </c>
      <c r="MH26" s="162"/>
      <c r="MI26" s="122">
        <v>5459610</v>
      </c>
      <c r="MJ26" s="122">
        <v>11323149</v>
      </c>
      <c r="MK26" s="122">
        <v>51111517</v>
      </c>
      <c r="ML26" s="122">
        <v>63098848</v>
      </c>
      <c r="MM26" s="122">
        <v>46362063</v>
      </c>
      <c r="MN26" s="123">
        <v>177355187</v>
      </c>
      <c r="MO26" s="160">
        <v>177355187</v>
      </c>
      <c r="MP26" s="159">
        <v>0</v>
      </c>
      <c r="MQ26" s="122">
        <v>0</v>
      </c>
      <c r="MR26" s="123">
        <v>0</v>
      </c>
      <c r="MS26" s="162"/>
      <c r="MT26" s="122">
        <v>625635</v>
      </c>
      <c r="MU26" s="122">
        <v>2879786</v>
      </c>
      <c r="MV26" s="122">
        <v>39454686</v>
      </c>
      <c r="MW26" s="122">
        <v>46097161</v>
      </c>
      <c r="MX26" s="122">
        <v>36361266</v>
      </c>
      <c r="MY26" s="123">
        <v>125418534</v>
      </c>
      <c r="MZ26" s="160">
        <v>125418534</v>
      </c>
      <c r="NA26" s="159">
        <v>0</v>
      </c>
      <c r="NB26" s="122">
        <v>0</v>
      </c>
      <c r="NC26" s="123">
        <v>0</v>
      </c>
      <c r="ND26" s="162"/>
      <c r="NE26" s="122">
        <v>4833975</v>
      </c>
      <c r="NF26" s="122">
        <v>8443363</v>
      </c>
      <c r="NG26" s="122">
        <v>10984062</v>
      </c>
      <c r="NH26" s="122">
        <v>13806727</v>
      </c>
      <c r="NI26" s="122">
        <v>7425787</v>
      </c>
      <c r="NJ26" s="123">
        <v>45493914</v>
      </c>
      <c r="NK26" s="357">
        <v>45493914</v>
      </c>
      <c r="NL26" s="159">
        <v>0</v>
      </c>
      <c r="NM26" s="122">
        <v>0</v>
      </c>
      <c r="NN26" s="123">
        <v>0</v>
      </c>
      <c r="NO26" s="162"/>
      <c r="NP26" s="122">
        <v>0</v>
      </c>
      <c r="NQ26" s="122">
        <v>0</v>
      </c>
      <c r="NR26" s="122">
        <v>327034</v>
      </c>
      <c r="NS26" s="122">
        <v>351278</v>
      </c>
      <c r="NT26" s="122">
        <v>1077789</v>
      </c>
      <c r="NU26" s="123">
        <v>1756101</v>
      </c>
      <c r="NV26" s="124">
        <v>1756101</v>
      </c>
      <c r="NW26" s="159">
        <v>0</v>
      </c>
      <c r="NX26" s="122">
        <v>0</v>
      </c>
      <c r="NY26" s="123">
        <v>0</v>
      </c>
      <c r="NZ26" s="162"/>
      <c r="OA26" s="122">
        <v>0</v>
      </c>
      <c r="OB26" s="122">
        <v>0</v>
      </c>
      <c r="OC26" s="122">
        <v>345735</v>
      </c>
      <c r="OD26" s="122">
        <v>2843682</v>
      </c>
      <c r="OE26" s="122">
        <v>1497221</v>
      </c>
      <c r="OF26" s="123">
        <v>4686638</v>
      </c>
      <c r="OG26" s="124">
        <v>4686638</v>
      </c>
      <c r="OH26" s="159">
        <v>6454548</v>
      </c>
      <c r="OI26" s="122">
        <v>12029509</v>
      </c>
      <c r="OJ26" s="158">
        <v>18484057</v>
      </c>
      <c r="OK26" s="121">
        <v>0</v>
      </c>
      <c r="OL26" s="122">
        <v>76291050</v>
      </c>
      <c r="OM26" s="122">
        <v>125211553</v>
      </c>
      <c r="ON26" s="122">
        <v>152580733</v>
      </c>
      <c r="OO26" s="122">
        <v>137864566</v>
      </c>
      <c r="OP26" s="122">
        <v>103543147</v>
      </c>
      <c r="OQ26" s="123">
        <v>595491049</v>
      </c>
      <c r="OR26" s="160">
        <v>613975106</v>
      </c>
    </row>
    <row r="27" spans="1:408" ht="18.75" customHeight="1" x14ac:dyDescent="0.2">
      <c r="A27" s="62" t="s">
        <v>22</v>
      </c>
      <c r="B27" s="112">
        <v>805808</v>
      </c>
      <c r="C27" s="116">
        <v>2946803</v>
      </c>
      <c r="D27" s="115">
        <v>3752611</v>
      </c>
      <c r="E27" s="111">
        <v>0</v>
      </c>
      <c r="F27" s="116">
        <v>22524826</v>
      </c>
      <c r="G27" s="116">
        <v>28021218</v>
      </c>
      <c r="H27" s="116">
        <v>19982953</v>
      </c>
      <c r="I27" s="116">
        <v>19897289</v>
      </c>
      <c r="J27" s="116">
        <v>14288958</v>
      </c>
      <c r="K27" s="200">
        <v>104715244</v>
      </c>
      <c r="L27" s="118">
        <v>108467855</v>
      </c>
      <c r="M27" s="112">
        <v>91477</v>
      </c>
      <c r="N27" s="116">
        <v>441836</v>
      </c>
      <c r="O27" s="115">
        <v>533313</v>
      </c>
      <c r="P27" s="112">
        <v>0</v>
      </c>
      <c r="Q27" s="116">
        <v>4547684</v>
      </c>
      <c r="R27" s="116">
        <v>7094417</v>
      </c>
      <c r="S27" s="116">
        <v>3839149</v>
      </c>
      <c r="T27" s="116">
        <v>6490127</v>
      </c>
      <c r="U27" s="116">
        <v>7273624</v>
      </c>
      <c r="V27" s="115">
        <v>29245001</v>
      </c>
      <c r="W27" s="118">
        <v>29778314</v>
      </c>
      <c r="X27" s="112">
        <v>0</v>
      </c>
      <c r="Y27" s="116">
        <v>0</v>
      </c>
      <c r="Z27" s="115">
        <v>0</v>
      </c>
      <c r="AA27" s="112">
        <v>0</v>
      </c>
      <c r="AB27" s="116">
        <v>2305294</v>
      </c>
      <c r="AC27" s="116">
        <v>3135903</v>
      </c>
      <c r="AD27" s="116">
        <v>1789611</v>
      </c>
      <c r="AE27" s="116">
        <v>3897181</v>
      </c>
      <c r="AF27" s="116">
        <v>3972702</v>
      </c>
      <c r="AG27" s="115">
        <v>15100691</v>
      </c>
      <c r="AH27" s="118">
        <v>15100691</v>
      </c>
      <c r="AI27" s="112">
        <v>0</v>
      </c>
      <c r="AJ27" s="116">
        <v>0</v>
      </c>
      <c r="AK27" s="115">
        <v>0</v>
      </c>
      <c r="AL27" s="112">
        <v>0</v>
      </c>
      <c r="AM27" s="116">
        <v>0</v>
      </c>
      <c r="AN27" s="116">
        <v>60840</v>
      </c>
      <c r="AO27" s="116">
        <v>399040</v>
      </c>
      <c r="AP27" s="116">
        <v>418709</v>
      </c>
      <c r="AQ27" s="116">
        <v>1167715</v>
      </c>
      <c r="AR27" s="115">
        <v>2046304</v>
      </c>
      <c r="AS27" s="118">
        <v>2046304</v>
      </c>
      <c r="AT27" s="112">
        <v>56008</v>
      </c>
      <c r="AU27" s="116">
        <v>276651</v>
      </c>
      <c r="AV27" s="115">
        <v>332659</v>
      </c>
      <c r="AW27" s="112">
        <v>0</v>
      </c>
      <c r="AX27" s="116">
        <v>1258993</v>
      </c>
      <c r="AY27" s="116">
        <v>2548698</v>
      </c>
      <c r="AZ27" s="116">
        <v>783400</v>
      </c>
      <c r="BA27" s="116">
        <v>1450206</v>
      </c>
      <c r="BB27" s="116">
        <v>1736023</v>
      </c>
      <c r="BC27" s="115">
        <v>7777320</v>
      </c>
      <c r="BD27" s="118">
        <v>8109979</v>
      </c>
      <c r="BE27" s="112">
        <v>0</v>
      </c>
      <c r="BF27" s="116">
        <v>56340</v>
      </c>
      <c r="BG27" s="114">
        <v>56340</v>
      </c>
      <c r="BH27" s="113">
        <v>0</v>
      </c>
      <c r="BI27" s="116">
        <v>246501</v>
      </c>
      <c r="BJ27" s="116">
        <v>387856</v>
      </c>
      <c r="BK27" s="116">
        <v>172386</v>
      </c>
      <c r="BL27" s="116">
        <v>67087</v>
      </c>
      <c r="BM27" s="116">
        <v>60153</v>
      </c>
      <c r="BN27" s="115">
        <v>933983</v>
      </c>
      <c r="BO27" s="118">
        <v>990323</v>
      </c>
      <c r="BP27" s="112">
        <v>35469</v>
      </c>
      <c r="BQ27" s="116">
        <v>108845</v>
      </c>
      <c r="BR27" s="115">
        <v>144314</v>
      </c>
      <c r="BS27" s="112">
        <v>0</v>
      </c>
      <c r="BT27" s="116">
        <v>736896</v>
      </c>
      <c r="BU27" s="116">
        <v>961120</v>
      </c>
      <c r="BV27" s="116">
        <v>694712</v>
      </c>
      <c r="BW27" s="116">
        <v>656944</v>
      </c>
      <c r="BX27" s="116">
        <v>337031</v>
      </c>
      <c r="BY27" s="115">
        <v>3386703</v>
      </c>
      <c r="BZ27" s="118">
        <v>3531017</v>
      </c>
      <c r="CA27" s="112">
        <v>21857</v>
      </c>
      <c r="CB27" s="116">
        <v>279746</v>
      </c>
      <c r="CC27" s="115">
        <v>301603</v>
      </c>
      <c r="CD27" s="112">
        <v>0</v>
      </c>
      <c r="CE27" s="116">
        <v>6930013</v>
      </c>
      <c r="CF27" s="116">
        <v>7614900</v>
      </c>
      <c r="CG27" s="116">
        <v>4015232</v>
      </c>
      <c r="CH27" s="116">
        <v>3547425</v>
      </c>
      <c r="CI27" s="116">
        <v>1596931</v>
      </c>
      <c r="CJ27" s="115">
        <v>23704501</v>
      </c>
      <c r="CK27" s="118">
        <v>24006104</v>
      </c>
      <c r="CL27" s="112">
        <v>0</v>
      </c>
      <c r="CM27" s="116">
        <v>0</v>
      </c>
      <c r="CN27" s="115">
        <v>0</v>
      </c>
      <c r="CO27" s="113">
        <v>0</v>
      </c>
      <c r="CP27" s="116">
        <v>6294847</v>
      </c>
      <c r="CQ27" s="116">
        <v>6944026</v>
      </c>
      <c r="CR27" s="116">
        <v>3205731</v>
      </c>
      <c r="CS27" s="116">
        <v>2931764</v>
      </c>
      <c r="CT27" s="116">
        <v>1347573</v>
      </c>
      <c r="CU27" s="115">
        <v>20723941</v>
      </c>
      <c r="CV27" s="118">
        <v>20723941</v>
      </c>
      <c r="CW27" s="112">
        <v>21857</v>
      </c>
      <c r="CX27" s="116">
        <v>279746</v>
      </c>
      <c r="CY27" s="115">
        <v>301603</v>
      </c>
      <c r="CZ27" s="112">
        <v>0</v>
      </c>
      <c r="DA27" s="116">
        <v>635166</v>
      </c>
      <c r="DB27" s="116">
        <v>670874</v>
      </c>
      <c r="DC27" s="116">
        <v>809501</v>
      </c>
      <c r="DD27" s="116">
        <v>615661</v>
      </c>
      <c r="DE27" s="116">
        <v>249358</v>
      </c>
      <c r="DF27" s="115">
        <v>2980560</v>
      </c>
      <c r="DG27" s="118">
        <v>3282163</v>
      </c>
      <c r="DH27" s="112">
        <v>0</v>
      </c>
      <c r="DI27" s="116">
        <v>56610</v>
      </c>
      <c r="DJ27" s="114">
        <v>56610</v>
      </c>
      <c r="DK27" s="113">
        <v>0</v>
      </c>
      <c r="DL27" s="116">
        <v>515923</v>
      </c>
      <c r="DM27" s="116">
        <v>1273931</v>
      </c>
      <c r="DN27" s="116">
        <v>3737982</v>
      </c>
      <c r="DO27" s="116">
        <v>1788085</v>
      </c>
      <c r="DP27" s="116">
        <v>817440</v>
      </c>
      <c r="DQ27" s="115">
        <v>8133361</v>
      </c>
      <c r="DR27" s="118">
        <v>8189971</v>
      </c>
      <c r="DS27" s="112">
        <v>0</v>
      </c>
      <c r="DT27" s="116">
        <v>56610</v>
      </c>
      <c r="DU27" s="115">
        <v>56610</v>
      </c>
      <c r="DV27" s="112">
        <v>0</v>
      </c>
      <c r="DW27" s="116">
        <v>382795</v>
      </c>
      <c r="DX27" s="116">
        <v>1013159</v>
      </c>
      <c r="DY27" s="116">
        <v>3161224</v>
      </c>
      <c r="DZ27" s="116">
        <v>1610623</v>
      </c>
      <c r="EA27" s="116">
        <v>511900</v>
      </c>
      <c r="EB27" s="115">
        <v>6679701</v>
      </c>
      <c r="EC27" s="118">
        <v>6736311</v>
      </c>
      <c r="ED27" s="112">
        <v>0</v>
      </c>
      <c r="EE27" s="114">
        <v>0</v>
      </c>
      <c r="EF27" s="115">
        <v>0</v>
      </c>
      <c r="EG27" s="112">
        <v>0</v>
      </c>
      <c r="EH27" s="116">
        <v>133128</v>
      </c>
      <c r="EI27" s="116">
        <v>260772</v>
      </c>
      <c r="EJ27" s="116">
        <v>576758</v>
      </c>
      <c r="EK27" s="116">
        <v>177462</v>
      </c>
      <c r="EL27" s="116">
        <v>305540</v>
      </c>
      <c r="EM27" s="114">
        <v>1453660</v>
      </c>
      <c r="EN27" s="118">
        <v>1453660</v>
      </c>
      <c r="EO27" s="112">
        <v>0</v>
      </c>
      <c r="EP27" s="116">
        <v>0</v>
      </c>
      <c r="EQ27" s="114">
        <v>0</v>
      </c>
      <c r="ER27" s="113">
        <v>0</v>
      </c>
      <c r="ES27" s="116">
        <v>0</v>
      </c>
      <c r="ET27" s="116">
        <v>0</v>
      </c>
      <c r="EU27" s="116">
        <v>0</v>
      </c>
      <c r="EV27" s="116">
        <v>0</v>
      </c>
      <c r="EW27" s="116">
        <v>0</v>
      </c>
      <c r="EX27" s="115">
        <v>0</v>
      </c>
      <c r="EY27" s="118">
        <v>0</v>
      </c>
      <c r="EZ27" s="112">
        <v>0</v>
      </c>
      <c r="FA27" s="116">
        <v>0</v>
      </c>
      <c r="FB27" s="114">
        <v>0</v>
      </c>
      <c r="FC27" s="390"/>
      <c r="FD27" s="116">
        <v>0</v>
      </c>
      <c r="FE27" s="116">
        <v>0</v>
      </c>
      <c r="FF27" s="116">
        <v>0</v>
      </c>
      <c r="FG27" s="116">
        <v>0</v>
      </c>
      <c r="FH27" s="116">
        <v>0</v>
      </c>
      <c r="FI27" s="115">
        <v>0</v>
      </c>
      <c r="FJ27" s="118">
        <v>0</v>
      </c>
      <c r="FK27" s="112">
        <v>180472</v>
      </c>
      <c r="FL27" s="116">
        <v>1006693</v>
      </c>
      <c r="FM27" s="115">
        <v>1187165</v>
      </c>
      <c r="FN27" s="112">
        <v>0</v>
      </c>
      <c r="FO27" s="116">
        <v>1543818</v>
      </c>
      <c r="FP27" s="116">
        <v>3196161</v>
      </c>
      <c r="FQ27" s="116">
        <v>1796964</v>
      </c>
      <c r="FR27" s="116">
        <v>1974490</v>
      </c>
      <c r="FS27" s="116">
        <v>1342769</v>
      </c>
      <c r="FT27" s="115">
        <v>9854202</v>
      </c>
      <c r="FU27" s="118">
        <v>11041367</v>
      </c>
      <c r="FV27" s="117">
        <v>180472</v>
      </c>
      <c r="FW27" s="116">
        <v>762685</v>
      </c>
      <c r="FX27" s="114">
        <v>943157</v>
      </c>
      <c r="FY27" s="113">
        <v>0</v>
      </c>
      <c r="FZ27" s="116">
        <v>1363622</v>
      </c>
      <c r="GA27" s="116">
        <v>2541275</v>
      </c>
      <c r="GB27" s="116">
        <v>1776264</v>
      </c>
      <c r="GC27" s="116">
        <v>1775266</v>
      </c>
      <c r="GD27" s="116">
        <v>1342769</v>
      </c>
      <c r="GE27" s="115">
        <v>8799196</v>
      </c>
      <c r="GF27" s="354">
        <v>9742353</v>
      </c>
      <c r="GG27" s="117">
        <v>0</v>
      </c>
      <c r="GH27" s="116">
        <v>46008</v>
      </c>
      <c r="GI27" s="114">
        <v>46008</v>
      </c>
      <c r="GJ27" s="113">
        <v>0</v>
      </c>
      <c r="GK27" s="116">
        <v>20196</v>
      </c>
      <c r="GL27" s="116">
        <v>36432</v>
      </c>
      <c r="GM27" s="116">
        <v>20700</v>
      </c>
      <c r="GN27" s="116">
        <v>62424</v>
      </c>
      <c r="GO27" s="116">
        <v>0</v>
      </c>
      <c r="GP27" s="115">
        <v>139752</v>
      </c>
      <c r="GQ27" s="118">
        <v>185760</v>
      </c>
      <c r="GR27" s="112">
        <v>0</v>
      </c>
      <c r="GS27" s="116">
        <v>198000</v>
      </c>
      <c r="GT27" s="115">
        <v>198000</v>
      </c>
      <c r="GU27" s="112">
        <v>0</v>
      </c>
      <c r="GV27" s="116">
        <v>160000</v>
      </c>
      <c r="GW27" s="116">
        <v>618454</v>
      </c>
      <c r="GX27" s="116">
        <v>0</v>
      </c>
      <c r="GY27" s="116">
        <v>136800</v>
      </c>
      <c r="GZ27" s="116">
        <v>0</v>
      </c>
      <c r="HA27" s="114">
        <v>915254</v>
      </c>
      <c r="HB27" s="118">
        <v>1113254</v>
      </c>
      <c r="HC27" s="112">
        <v>304522</v>
      </c>
      <c r="HD27" s="116">
        <v>510255</v>
      </c>
      <c r="HE27" s="114">
        <v>814777</v>
      </c>
      <c r="HF27" s="113">
        <v>0</v>
      </c>
      <c r="HG27" s="116">
        <v>3738221</v>
      </c>
      <c r="HH27" s="116">
        <v>4385486</v>
      </c>
      <c r="HI27" s="116">
        <v>4254588</v>
      </c>
      <c r="HJ27" s="116">
        <v>4205790</v>
      </c>
      <c r="HK27" s="116">
        <v>2244937</v>
      </c>
      <c r="HL27" s="115">
        <v>18829022</v>
      </c>
      <c r="HM27" s="111">
        <v>19643799</v>
      </c>
      <c r="HN27" s="117">
        <v>207480</v>
      </c>
      <c r="HO27" s="116">
        <v>651663</v>
      </c>
      <c r="HP27" s="115">
        <v>859143</v>
      </c>
      <c r="HQ27" s="112">
        <v>0</v>
      </c>
      <c r="HR27" s="116">
        <v>5249167</v>
      </c>
      <c r="HS27" s="116">
        <v>4456323</v>
      </c>
      <c r="HT27" s="116">
        <v>2339038</v>
      </c>
      <c r="HU27" s="116">
        <v>1891372</v>
      </c>
      <c r="HV27" s="116">
        <v>1013257</v>
      </c>
      <c r="HW27" s="114">
        <v>14949157</v>
      </c>
      <c r="HX27" s="118">
        <v>15808300</v>
      </c>
      <c r="HY27" s="148">
        <v>68520</v>
      </c>
      <c r="HZ27" s="149">
        <v>241722</v>
      </c>
      <c r="IA27" s="150">
        <v>310242</v>
      </c>
      <c r="IB27" s="163">
        <v>0</v>
      </c>
      <c r="IC27" s="149">
        <v>11261081</v>
      </c>
      <c r="ID27" s="164">
        <v>11918329</v>
      </c>
      <c r="IE27" s="150">
        <v>11209991</v>
      </c>
      <c r="IF27" s="149">
        <v>11548608</v>
      </c>
      <c r="IG27" s="150">
        <v>4802523</v>
      </c>
      <c r="IH27" s="165">
        <v>50740532</v>
      </c>
      <c r="II27" s="156">
        <v>51050774</v>
      </c>
      <c r="IJ27" s="261">
        <v>0</v>
      </c>
      <c r="IK27" s="268">
        <v>0</v>
      </c>
      <c r="IL27" s="269">
        <v>0</v>
      </c>
      <c r="IM27" s="157"/>
      <c r="IN27" s="122">
        <v>216026</v>
      </c>
      <c r="IO27" s="122">
        <v>520652</v>
      </c>
      <c r="IP27" s="122">
        <v>495383</v>
      </c>
      <c r="IQ27" s="122">
        <v>206802</v>
      </c>
      <c r="IR27" s="122">
        <v>0</v>
      </c>
      <c r="IS27" s="158">
        <v>1438863</v>
      </c>
      <c r="IT27" s="357">
        <v>1438863</v>
      </c>
      <c r="IU27" s="159">
        <v>0</v>
      </c>
      <c r="IV27" s="122">
        <v>0</v>
      </c>
      <c r="IW27" s="123">
        <v>0</v>
      </c>
      <c r="IX27" s="161"/>
      <c r="IY27" s="122">
        <v>0</v>
      </c>
      <c r="IZ27" s="122">
        <v>0</v>
      </c>
      <c r="JA27" s="122">
        <v>0</v>
      </c>
      <c r="JB27" s="122">
        <v>0</v>
      </c>
      <c r="JC27" s="122">
        <v>0</v>
      </c>
      <c r="JD27" s="123">
        <v>0</v>
      </c>
      <c r="JE27" s="124">
        <v>0</v>
      </c>
      <c r="JF27" s="159">
        <v>0</v>
      </c>
      <c r="JG27" s="122">
        <v>0</v>
      </c>
      <c r="JH27" s="158">
        <v>0</v>
      </c>
      <c r="JI27" s="121">
        <v>0</v>
      </c>
      <c r="JJ27" s="122">
        <v>5321723</v>
      </c>
      <c r="JK27" s="122">
        <v>5176653</v>
      </c>
      <c r="JL27" s="122">
        <v>3387507</v>
      </c>
      <c r="JM27" s="122">
        <v>2735008</v>
      </c>
      <c r="JN27" s="122">
        <v>1083573</v>
      </c>
      <c r="JO27" s="123">
        <v>17704464</v>
      </c>
      <c r="JP27" s="357">
        <v>17704464</v>
      </c>
      <c r="JQ27" s="159">
        <v>0</v>
      </c>
      <c r="JR27" s="122">
        <v>0</v>
      </c>
      <c r="JS27" s="158">
        <v>0</v>
      </c>
      <c r="JT27" s="121">
        <v>0</v>
      </c>
      <c r="JU27" s="122">
        <v>620811</v>
      </c>
      <c r="JV27" s="122">
        <v>722484</v>
      </c>
      <c r="JW27" s="122">
        <v>517587</v>
      </c>
      <c r="JX27" s="122">
        <v>239653</v>
      </c>
      <c r="JY27" s="122">
        <v>204921</v>
      </c>
      <c r="JZ27" s="123">
        <v>2305456</v>
      </c>
      <c r="KA27" s="357">
        <v>2305456</v>
      </c>
      <c r="KB27" s="264">
        <v>68520</v>
      </c>
      <c r="KC27" s="258">
        <v>241722</v>
      </c>
      <c r="KD27" s="123">
        <v>310242</v>
      </c>
      <c r="KE27" s="121">
        <v>0</v>
      </c>
      <c r="KF27" s="122">
        <v>2346565</v>
      </c>
      <c r="KG27" s="122">
        <v>1675928</v>
      </c>
      <c r="KH27" s="122">
        <v>2621952</v>
      </c>
      <c r="KI27" s="122">
        <v>1800414</v>
      </c>
      <c r="KJ27" s="122">
        <v>964656</v>
      </c>
      <c r="KK27" s="123">
        <v>9409515</v>
      </c>
      <c r="KL27" s="160">
        <v>9719757</v>
      </c>
      <c r="KM27" s="261">
        <v>0</v>
      </c>
      <c r="KN27" s="268">
        <v>0</v>
      </c>
      <c r="KO27" s="269">
        <v>0</v>
      </c>
      <c r="KP27" s="157"/>
      <c r="KQ27" s="122">
        <v>2755956</v>
      </c>
      <c r="KR27" s="122">
        <v>3822612</v>
      </c>
      <c r="KS27" s="122">
        <v>2804631</v>
      </c>
      <c r="KT27" s="122">
        <v>1682982</v>
      </c>
      <c r="KU27" s="122">
        <v>836065</v>
      </c>
      <c r="KV27" s="123">
        <v>11902246</v>
      </c>
      <c r="KW27" s="357">
        <v>11902246</v>
      </c>
      <c r="KX27" s="159">
        <v>0</v>
      </c>
      <c r="KY27" s="122">
        <v>0</v>
      </c>
      <c r="KZ27" s="123">
        <v>0</v>
      </c>
      <c r="LA27" s="162"/>
      <c r="LB27" s="122">
        <v>0</v>
      </c>
      <c r="LC27" s="122">
        <v>0</v>
      </c>
      <c r="LD27" s="122">
        <v>0</v>
      </c>
      <c r="LE27" s="122">
        <v>0</v>
      </c>
      <c r="LF27" s="122">
        <v>0</v>
      </c>
      <c r="LG27" s="123">
        <v>0</v>
      </c>
      <c r="LH27" s="124">
        <v>0</v>
      </c>
      <c r="LI27" s="159">
        <v>0</v>
      </c>
      <c r="LJ27" s="122">
        <v>0</v>
      </c>
      <c r="LK27" s="123">
        <v>0</v>
      </c>
      <c r="LL27" s="162"/>
      <c r="LM27" s="122">
        <v>0</v>
      </c>
      <c r="LN27" s="122">
        <v>0</v>
      </c>
      <c r="LO27" s="122">
        <v>1382931</v>
      </c>
      <c r="LP27" s="122">
        <v>4883749</v>
      </c>
      <c r="LQ27" s="122">
        <v>1713308</v>
      </c>
      <c r="LR27" s="123">
        <v>7979988</v>
      </c>
      <c r="LS27" s="357">
        <v>7979988</v>
      </c>
      <c r="LT27" s="159">
        <v>0</v>
      </c>
      <c r="LU27" s="122">
        <v>0</v>
      </c>
      <c r="LV27" s="123">
        <v>0</v>
      </c>
      <c r="LW27" s="162"/>
      <c r="LX27" s="122">
        <v>0</v>
      </c>
      <c r="LY27" s="122">
        <v>0</v>
      </c>
      <c r="LZ27" s="122">
        <v>0</v>
      </c>
      <c r="MA27" s="122">
        <v>0</v>
      </c>
      <c r="MB27" s="122">
        <v>0</v>
      </c>
      <c r="MC27" s="123">
        <v>0</v>
      </c>
      <c r="MD27" s="124">
        <v>0</v>
      </c>
      <c r="ME27" s="159">
        <v>0</v>
      </c>
      <c r="MF27" s="122">
        <v>0</v>
      </c>
      <c r="MG27" s="123">
        <v>0</v>
      </c>
      <c r="MH27" s="162"/>
      <c r="MI27" s="122">
        <v>2852888</v>
      </c>
      <c r="MJ27" s="122">
        <v>7366677</v>
      </c>
      <c r="MK27" s="122">
        <v>16609524</v>
      </c>
      <c r="ML27" s="122">
        <v>25739815</v>
      </c>
      <c r="MM27" s="122">
        <v>17435418</v>
      </c>
      <c r="MN27" s="123">
        <v>70004322</v>
      </c>
      <c r="MO27" s="160">
        <v>70004322</v>
      </c>
      <c r="MP27" s="159">
        <v>0</v>
      </c>
      <c r="MQ27" s="122">
        <v>0</v>
      </c>
      <c r="MR27" s="123">
        <v>0</v>
      </c>
      <c r="MS27" s="162"/>
      <c r="MT27" s="122">
        <v>426176</v>
      </c>
      <c r="MU27" s="122">
        <v>1165517</v>
      </c>
      <c r="MV27" s="122">
        <v>9047229</v>
      </c>
      <c r="MW27" s="122">
        <v>14842578</v>
      </c>
      <c r="MX27" s="122">
        <v>8839742</v>
      </c>
      <c r="MY27" s="123">
        <v>34321242</v>
      </c>
      <c r="MZ27" s="160">
        <v>34321242</v>
      </c>
      <c r="NA27" s="159">
        <v>0</v>
      </c>
      <c r="NB27" s="122">
        <v>0</v>
      </c>
      <c r="NC27" s="123">
        <v>0</v>
      </c>
      <c r="ND27" s="162"/>
      <c r="NE27" s="122">
        <v>2426712</v>
      </c>
      <c r="NF27" s="122">
        <v>6201160</v>
      </c>
      <c r="NG27" s="122">
        <v>7286499</v>
      </c>
      <c r="NH27" s="122">
        <v>10009933</v>
      </c>
      <c r="NI27" s="122">
        <v>6059196</v>
      </c>
      <c r="NJ27" s="123">
        <v>31983500</v>
      </c>
      <c r="NK27" s="357">
        <v>31983500</v>
      </c>
      <c r="NL27" s="159">
        <v>0</v>
      </c>
      <c r="NM27" s="122">
        <v>0</v>
      </c>
      <c r="NN27" s="123">
        <v>0</v>
      </c>
      <c r="NO27" s="162"/>
      <c r="NP27" s="122">
        <v>0</v>
      </c>
      <c r="NQ27" s="122">
        <v>0</v>
      </c>
      <c r="NR27" s="122">
        <v>0</v>
      </c>
      <c r="NS27" s="122">
        <v>0</v>
      </c>
      <c r="NT27" s="122">
        <v>1408945</v>
      </c>
      <c r="NU27" s="123">
        <v>1408945</v>
      </c>
      <c r="NV27" s="124">
        <v>1408945</v>
      </c>
      <c r="NW27" s="159">
        <v>0</v>
      </c>
      <c r="NX27" s="122">
        <v>0</v>
      </c>
      <c r="NY27" s="123">
        <v>0</v>
      </c>
      <c r="NZ27" s="162"/>
      <c r="OA27" s="122">
        <v>0</v>
      </c>
      <c r="OB27" s="122">
        <v>0</v>
      </c>
      <c r="OC27" s="122">
        <v>275796</v>
      </c>
      <c r="OD27" s="122">
        <v>887304</v>
      </c>
      <c r="OE27" s="122">
        <v>1127535</v>
      </c>
      <c r="OF27" s="123">
        <v>2290635</v>
      </c>
      <c r="OG27" s="124">
        <v>2290635</v>
      </c>
      <c r="OH27" s="159">
        <v>874328</v>
      </c>
      <c r="OI27" s="122">
        <v>3188525</v>
      </c>
      <c r="OJ27" s="158">
        <v>4062853</v>
      </c>
      <c r="OK27" s="121">
        <v>0</v>
      </c>
      <c r="OL27" s="122">
        <v>36638795</v>
      </c>
      <c r="OM27" s="122">
        <v>47306224</v>
      </c>
      <c r="ON27" s="122">
        <v>47802468</v>
      </c>
      <c r="OO27" s="122">
        <v>57185712</v>
      </c>
      <c r="OP27" s="122">
        <v>36526899</v>
      </c>
      <c r="OQ27" s="123">
        <v>225460098</v>
      </c>
      <c r="OR27" s="160">
        <v>229522951</v>
      </c>
    </row>
    <row r="28" spans="1:408" ht="18.75" customHeight="1" x14ac:dyDescent="0.2">
      <c r="A28" s="62" t="s">
        <v>23</v>
      </c>
      <c r="B28" s="112">
        <v>3137128</v>
      </c>
      <c r="C28" s="116">
        <v>5975508</v>
      </c>
      <c r="D28" s="115">
        <v>9112636</v>
      </c>
      <c r="E28" s="111">
        <v>0</v>
      </c>
      <c r="F28" s="116">
        <v>45096871</v>
      </c>
      <c r="G28" s="116">
        <v>57584087</v>
      </c>
      <c r="H28" s="116">
        <v>41586436</v>
      </c>
      <c r="I28" s="116">
        <v>43914070</v>
      </c>
      <c r="J28" s="116">
        <v>27725691</v>
      </c>
      <c r="K28" s="200">
        <v>215907155</v>
      </c>
      <c r="L28" s="118">
        <v>225019791</v>
      </c>
      <c r="M28" s="112">
        <v>1123806</v>
      </c>
      <c r="N28" s="116">
        <v>2370636</v>
      </c>
      <c r="O28" s="115">
        <v>3494442</v>
      </c>
      <c r="P28" s="112">
        <v>0</v>
      </c>
      <c r="Q28" s="116">
        <v>11200092</v>
      </c>
      <c r="R28" s="116">
        <v>16915130</v>
      </c>
      <c r="S28" s="116">
        <v>12449976</v>
      </c>
      <c r="T28" s="116">
        <v>15185826</v>
      </c>
      <c r="U28" s="116">
        <v>11346570</v>
      </c>
      <c r="V28" s="115">
        <v>67097594</v>
      </c>
      <c r="W28" s="118">
        <v>70592036</v>
      </c>
      <c r="X28" s="112">
        <v>0</v>
      </c>
      <c r="Y28" s="116">
        <v>0</v>
      </c>
      <c r="Z28" s="115">
        <v>0</v>
      </c>
      <c r="AA28" s="112">
        <v>0</v>
      </c>
      <c r="AB28" s="116">
        <v>3998013</v>
      </c>
      <c r="AC28" s="116">
        <v>6543639</v>
      </c>
      <c r="AD28" s="116">
        <v>6023236</v>
      </c>
      <c r="AE28" s="116">
        <v>8518101</v>
      </c>
      <c r="AF28" s="116">
        <v>5761183</v>
      </c>
      <c r="AG28" s="115">
        <v>30844172</v>
      </c>
      <c r="AH28" s="118">
        <v>30844172</v>
      </c>
      <c r="AI28" s="112">
        <v>0</v>
      </c>
      <c r="AJ28" s="116">
        <v>0</v>
      </c>
      <c r="AK28" s="115">
        <v>0</v>
      </c>
      <c r="AL28" s="112">
        <v>0</v>
      </c>
      <c r="AM28" s="116">
        <v>131445</v>
      </c>
      <c r="AN28" s="116">
        <v>41035</v>
      </c>
      <c r="AO28" s="116">
        <v>385438</v>
      </c>
      <c r="AP28" s="116">
        <v>652227</v>
      </c>
      <c r="AQ28" s="116">
        <v>814700</v>
      </c>
      <c r="AR28" s="115">
        <v>2024845</v>
      </c>
      <c r="AS28" s="118">
        <v>2024845</v>
      </c>
      <c r="AT28" s="112">
        <v>976599</v>
      </c>
      <c r="AU28" s="116">
        <v>1842063</v>
      </c>
      <c r="AV28" s="115">
        <v>2818662</v>
      </c>
      <c r="AW28" s="112">
        <v>0</v>
      </c>
      <c r="AX28" s="116">
        <v>4759205</v>
      </c>
      <c r="AY28" s="116">
        <v>7868132</v>
      </c>
      <c r="AZ28" s="116">
        <v>4038429</v>
      </c>
      <c r="BA28" s="116">
        <v>4112323</v>
      </c>
      <c r="BB28" s="116">
        <v>3449655</v>
      </c>
      <c r="BC28" s="115">
        <v>24227744</v>
      </c>
      <c r="BD28" s="118">
        <v>27046406</v>
      </c>
      <c r="BE28" s="112">
        <v>0</v>
      </c>
      <c r="BF28" s="116">
        <v>351564</v>
      </c>
      <c r="BG28" s="114">
        <v>351564</v>
      </c>
      <c r="BH28" s="113">
        <v>0</v>
      </c>
      <c r="BI28" s="116">
        <v>246338</v>
      </c>
      <c r="BJ28" s="116">
        <v>443598</v>
      </c>
      <c r="BK28" s="116">
        <v>260860</v>
      </c>
      <c r="BL28" s="116">
        <v>156570</v>
      </c>
      <c r="BM28" s="116">
        <v>92934</v>
      </c>
      <c r="BN28" s="115">
        <v>1200300</v>
      </c>
      <c r="BO28" s="118">
        <v>1551864</v>
      </c>
      <c r="BP28" s="112">
        <v>147207</v>
      </c>
      <c r="BQ28" s="116">
        <v>177009</v>
      </c>
      <c r="BR28" s="115">
        <v>324216</v>
      </c>
      <c r="BS28" s="112">
        <v>0</v>
      </c>
      <c r="BT28" s="116">
        <v>2065091</v>
      </c>
      <c r="BU28" s="116">
        <v>2018726</v>
      </c>
      <c r="BV28" s="116">
        <v>1742013</v>
      </c>
      <c r="BW28" s="116">
        <v>1746605</v>
      </c>
      <c r="BX28" s="116">
        <v>1228098</v>
      </c>
      <c r="BY28" s="115">
        <v>8800533</v>
      </c>
      <c r="BZ28" s="118">
        <v>9124749</v>
      </c>
      <c r="CA28" s="112">
        <v>95568</v>
      </c>
      <c r="CB28" s="116">
        <v>539356</v>
      </c>
      <c r="CC28" s="115">
        <v>634924</v>
      </c>
      <c r="CD28" s="112">
        <v>0</v>
      </c>
      <c r="CE28" s="116">
        <v>15448469</v>
      </c>
      <c r="CF28" s="116">
        <v>17338489</v>
      </c>
      <c r="CG28" s="116">
        <v>11118902</v>
      </c>
      <c r="CH28" s="116">
        <v>9373019</v>
      </c>
      <c r="CI28" s="116">
        <v>4181150</v>
      </c>
      <c r="CJ28" s="115">
        <v>57460029</v>
      </c>
      <c r="CK28" s="118">
        <v>58094953</v>
      </c>
      <c r="CL28" s="112">
        <v>0</v>
      </c>
      <c r="CM28" s="116">
        <v>0</v>
      </c>
      <c r="CN28" s="115">
        <v>0</v>
      </c>
      <c r="CO28" s="113">
        <v>0</v>
      </c>
      <c r="CP28" s="116">
        <v>13310119</v>
      </c>
      <c r="CQ28" s="116">
        <v>13439334</v>
      </c>
      <c r="CR28" s="116">
        <v>9138481</v>
      </c>
      <c r="CS28" s="116">
        <v>6990859</v>
      </c>
      <c r="CT28" s="116">
        <v>3664805</v>
      </c>
      <c r="CU28" s="115">
        <v>46543598</v>
      </c>
      <c r="CV28" s="118">
        <v>46543598</v>
      </c>
      <c r="CW28" s="112">
        <v>95568</v>
      </c>
      <c r="CX28" s="116">
        <v>539356</v>
      </c>
      <c r="CY28" s="115">
        <v>634924</v>
      </c>
      <c r="CZ28" s="112">
        <v>0</v>
      </c>
      <c r="DA28" s="116">
        <v>2138350</v>
      </c>
      <c r="DB28" s="116">
        <v>3899155</v>
      </c>
      <c r="DC28" s="116">
        <v>1980421</v>
      </c>
      <c r="DD28" s="116">
        <v>2382160</v>
      </c>
      <c r="DE28" s="116">
        <v>516345</v>
      </c>
      <c r="DF28" s="115">
        <v>10916431</v>
      </c>
      <c r="DG28" s="118">
        <v>11551355</v>
      </c>
      <c r="DH28" s="112">
        <v>33327</v>
      </c>
      <c r="DI28" s="116">
        <v>16083</v>
      </c>
      <c r="DJ28" s="114">
        <v>49410</v>
      </c>
      <c r="DK28" s="113">
        <v>0</v>
      </c>
      <c r="DL28" s="116">
        <v>795214</v>
      </c>
      <c r="DM28" s="116">
        <v>2714823</v>
      </c>
      <c r="DN28" s="116">
        <v>4014014</v>
      </c>
      <c r="DO28" s="116">
        <v>4783808</v>
      </c>
      <c r="DP28" s="116">
        <v>1954583</v>
      </c>
      <c r="DQ28" s="115">
        <v>14262442</v>
      </c>
      <c r="DR28" s="118">
        <v>14311852</v>
      </c>
      <c r="DS28" s="112">
        <v>33327</v>
      </c>
      <c r="DT28" s="116">
        <v>16083</v>
      </c>
      <c r="DU28" s="115">
        <v>49410</v>
      </c>
      <c r="DV28" s="112">
        <v>0</v>
      </c>
      <c r="DW28" s="116">
        <v>761716</v>
      </c>
      <c r="DX28" s="116">
        <v>2508627</v>
      </c>
      <c r="DY28" s="116">
        <v>3964206</v>
      </c>
      <c r="DZ28" s="116">
        <v>4751537</v>
      </c>
      <c r="EA28" s="116">
        <v>1387489</v>
      </c>
      <c r="EB28" s="115">
        <v>13373575</v>
      </c>
      <c r="EC28" s="118">
        <v>13422985</v>
      </c>
      <c r="ED28" s="112">
        <v>0</v>
      </c>
      <c r="EE28" s="114">
        <v>0</v>
      </c>
      <c r="EF28" s="115">
        <v>0</v>
      </c>
      <c r="EG28" s="112">
        <v>0</v>
      </c>
      <c r="EH28" s="116">
        <v>33498</v>
      </c>
      <c r="EI28" s="116">
        <v>206196</v>
      </c>
      <c r="EJ28" s="116">
        <v>49808</v>
      </c>
      <c r="EK28" s="116">
        <v>32271</v>
      </c>
      <c r="EL28" s="116">
        <v>567094</v>
      </c>
      <c r="EM28" s="114">
        <v>888867</v>
      </c>
      <c r="EN28" s="118">
        <v>888867</v>
      </c>
      <c r="EO28" s="112">
        <v>0</v>
      </c>
      <c r="EP28" s="116">
        <v>0</v>
      </c>
      <c r="EQ28" s="114">
        <v>0</v>
      </c>
      <c r="ER28" s="113">
        <v>0</v>
      </c>
      <c r="ES28" s="116">
        <v>0</v>
      </c>
      <c r="ET28" s="116">
        <v>0</v>
      </c>
      <c r="EU28" s="116">
        <v>0</v>
      </c>
      <c r="EV28" s="116">
        <v>0</v>
      </c>
      <c r="EW28" s="116">
        <v>0</v>
      </c>
      <c r="EX28" s="115">
        <v>0</v>
      </c>
      <c r="EY28" s="118">
        <v>0</v>
      </c>
      <c r="EZ28" s="112">
        <v>0</v>
      </c>
      <c r="FA28" s="116">
        <v>0</v>
      </c>
      <c r="FB28" s="114">
        <v>0</v>
      </c>
      <c r="FC28" s="390"/>
      <c r="FD28" s="116">
        <v>0</v>
      </c>
      <c r="FE28" s="116">
        <v>0</v>
      </c>
      <c r="FF28" s="116">
        <v>0</v>
      </c>
      <c r="FG28" s="116">
        <v>0</v>
      </c>
      <c r="FH28" s="116">
        <v>0</v>
      </c>
      <c r="FI28" s="115">
        <v>0</v>
      </c>
      <c r="FJ28" s="118">
        <v>0</v>
      </c>
      <c r="FK28" s="112">
        <v>952685</v>
      </c>
      <c r="FL28" s="116">
        <v>1473665</v>
      </c>
      <c r="FM28" s="115">
        <v>2426350</v>
      </c>
      <c r="FN28" s="112">
        <v>0</v>
      </c>
      <c r="FO28" s="116">
        <v>3050793</v>
      </c>
      <c r="FP28" s="116">
        <v>6025588</v>
      </c>
      <c r="FQ28" s="116">
        <v>3053249</v>
      </c>
      <c r="FR28" s="116">
        <v>3134777</v>
      </c>
      <c r="FS28" s="116">
        <v>2573587</v>
      </c>
      <c r="FT28" s="115">
        <v>17837994</v>
      </c>
      <c r="FU28" s="118">
        <v>20264344</v>
      </c>
      <c r="FV28" s="117">
        <v>499653</v>
      </c>
      <c r="FW28" s="116">
        <v>1224795</v>
      </c>
      <c r="FX28" s="114">
        <v>1724448</v>
      </c>
      <c r="FY28" s="113">
        <v>0</v>
      </c>
      <c r="FZ28" s="116">
        <v>2319858</v>
      </c>
      <c r="GA28" s="116">
        <v>4919903</v>
      </c>
      <c r="GB28" s="116">
        <v>2873627</v>
      </c>
      <c r="GC28" s="116">
        <v>2994377</v>
      </c>
      <c r="GD28" s="116">
        <v>2134747</v>
      </c>
      <c r="GE28" s="115">
        <v>15242512</v>
      </c>
      <c r="GF28" s="354">
        <v>16966960</v>
      </c>
      <c r="GG28" s="117">
        <v>48807</v>
      </c>
      <c r="GH28" s="116">
        <v>64870</v>
      </c>
      <c r="GI28" s="114">
        <v>113677</v>
      </c>
      <c r="GJ28" s="113">
        <v>0</v>
      </c>
      <c r="GK28" s="116">
        <v>253863</v>
      </c>
      <c r="GL28" s="116">
        <v>217825</v>
      </c>
      <c r="GM28" s="116">
        <v>91760</v>
      </c>
      <c r="GN28" s="116">
        <v>0</v>
      </c>
      <c r="GO28" s="116">
        <v>78840</v>
      </c>
      <c r="GP28" s="115">
        <v>642288</v>
      </c>
      <c r="GQ28" s="118">
        <v>755965</v>
      </c>
      <c r="GR28" s="112">
        <v>404225</v>
      </c>
      <c r="GS28" s="116">
        <v>184000</v>
      </c>
      <c r="GT28" s="115">
        <v>588225</v>
      </c>
      <c r="GU28" s="112">
        <v>0</v>
      </c>
      <c r="GV28" s="116">
        <v>477072</v>
      </c>
      <c r="GW28" s="116">
        <v>887860</v>
      </c>
      <c r="GX28" s="116">
        <v>87862</v>
      </c>
      <c r="GY28" s="116">
        <v>140400</v>
      </c>
      <c r="GZ28" s="116">
        <v>360000</v>
      </c>
      <c r="HA28" s="114">
        <v>1953194</v>
      </c>
      <c r="HB28" s="118">
        <v>2541419</v>
      </c>
      <c r="HC28" s="112">
        <v>320312</v>
      </c>
      <c r="HD28" s="116">
        <v>535157</v>
      </c>
      <c r="HE28" s="114">
        <v>855469</v>
      </c>
      <c r="HF28" s="113">
        <v>0</v>
      </c>
      <c r="HG28" s="116">
        <v>6716427</v>
      </c>
      <c r="HH28" s="116">
        <v>7466037</v>
      </c>
      <c r="HI28" s="116">
        <v>6564392</v>
      </c>
      <c r="HJ28" s="116">
        <v>7767097</v>
      </c>
      <c r="HK28" s="116">
        <v>5935861</v>
      </c>
      <c r="HL28" s="115">
        <v>34449814</v>
      </c>
      <c r="HM28" s="111">
        <v>35305283</v>
      </c>
      <c r="HN28" s="117">
        <v>611430</v>
      </c>
      <c r="HO28" s="116">
        <v>1040611</v>
      </c>
      <c r="HP28" s="115">
        <v>1652041</v>
      </c>
      <c r="HQ28" s="112">
        <v>0</v>
      </c>
      <c r="HR28" s="116">
        <v>7885876</v>
      </c>
      <c r="HS28" s="116">
        <v>7124020</v>
      </c>
      <c r="HT28" s="116">
        <v>4385903</v>
      </c>
      <c r="HU28" s="116">
        <v>3669543</v>
      </c>
      <c r="HV28" s="116">
        <v>1733940</v>
      </c>
      <c r="HW28" s="114">
        <v>24799282</v>
      </c>
      <c r="HX28" s="118">
        <v>26451323</v>
      </c>
      <c r="HY28" s="167">
        <v>0</v>
      </c>
      <c r="HZ28" s="152">
        <v>225908</v>
      </c>
      <c r="IA28" s="167">
        <v>225908</v>
      </c>
      <c r="IB28" s="151">
        <v>0</v>
      </c>
      <c r="IC28" s="152">
        <v>9551231</v>
      </c>
      <c r="ID28" s="153">
        <v>7252524</v>
      </c>
      <c r="IE28" s="154">
        <v>6918969</v>
      </c>
      <c r="IF28" s="152">
        <v>5410362</v>
      </c>
      <c r="IG28" s="154">
        <v>3114652</v>
      </c>
      <c r="IH28" s="155">
        <v>32247738</v>
      </c>
      <c r="II28" s="167">
        <v>32473646</v>
      </c>
      <c r="IJ28" s="261">
        <v>0</v>
      </c>
      <c r="IK28" s="268">
        <v>0</v>
      </c>
      <c r="IL28" s="269">
        <v>0</v>
      </c>
      <c r="IM28" s="157"/>
      <c r="IN28" s="122">
        <v>97650</v>
      </c>
      <c r="IO28" s="122">
        <v>107874</v>
      </c>
      <c r="IP28" s="122">
        <v>0</v>
      </c>
      <c r="IQ28" s="122">
        <v>0</v>
      </c>
      <c r="IR28" s="122">
        <v>283680</v>
      </c>
      <c r="IS28" s="158">
        <v>489204</v>
      </c>
      <c r="IT28" s="357">
        <v>489204</v>
      </c>
      <c r="IU28" s="159">
        <v>0</v>
      </c>
      <c r="IV28" s="122">
        <v>0</v>
      </c>
      <c r="IW28" s="123">
        <v>0</v>
      </c>
      <c r="IX28" s="161"/>
      <c r="IY28" s="122">
        <v>0</v>
      </c>
      <c r="IZ28" s="122">
        <v>0</v>
      </c>
      <c r="JA28" s="122">
        <v>0</v>
      </c>
      <c r="JB28" s="122">
        <v>0</v>
      </c>
      <c r="JC28" s="122">
        <v>0</v>
      </c>
      <c r="JD28" s="123">
        <v>0</v>
      </c>
      <c r="JE28" s="124">
        <v>0</v>
      </c>
      <c r="JF28" s="159">
        <v>0</v>
      </c>
      <c r="JG28" s="122">
        <v>0</v>
      </c>
      <c r="JH28" s="158">
        <v>0</v>
      </c>
      <c r="JI28" s="121">
        <v>0</v>
      </c>
      <c r="JJ28" s="122">
        <v>2018353</v>
      </c>
      <c r="JK28" s="122">
        <v>2071250</v>
      </c>
      <c r="JL28" s="122">
        <v>1135989</v>
      </c>
      <c r="JM28" s="122">
        <v>1174336</v>
      </c>
      <c r="JN28" s="122">
        <v>675549</v>
      </c>
      <c r="JO28" s="123">
        <v>7075477</v>
      </c>
      <c r="JP28" s="357">
        <v>7075477</v>
      </c>
      <c r="JQ28" s="159">
        <v>0</v>
      </c>
      <c r="JR28" s="122">
        <v>0</v>
      </c>
      <c r="JS28" s="158">
        <v>0</v>
      </c>
      <c r="JT28" s="121">
        <v>0</v>
      </c>
      <c r="JU28" s="122">
        <v>0</v>
      </c>
      <c r="JV28" s="122">
        <v>0</v>
      </c>
      <c r="JW28" s="122">
        <v>98452</v>
      </c>
      <c r="JX28" s="122">
        <v>0</v>
      </c>
      <c r="JY28" s="122">
        <v>0</v>
      </c>
      <c r="JZ28" s="123">
        <v>98452</v>
      </c>
      <c r="KA28" s="357">
        <v>98452</v>
      </c>
      <c r="KB28" s="264">
        <v>0</v>
      </c>
      <c r="KC28" s="258">
        <v>0</v>
      </c>
      <c r="KD28" s="123">
        <v>0</v>
      </c>
      <c r="KE28" s="121">
        <v>0</v>
      </c>
      <c r="KF28" s="122">
        <v>776526</v>
      </c>
      <c r="KG28" s="122">
        <v>374130</v>
      </c>
      <c r="KH28" s="122">
        <v>1260653</v>
      </c>
      <c r="KI28" s="122">
        <v>280163</v>
      </c>
      <c r="KJ28" s="122">
        <v>0</v>
      </c>
      <c r="KK28" s="123">
        <v>2691472</v>
      </c>
      <c r="KL28" s="160">
        <v>2691472</v>
      </c>
      <c r="KM28" s="261">
        <v>0</v>
      </c>
      <c r="KN28" s="268">
        <v>225908</v>
      </c>
      <c r="KO28" s="269">
        <v>225908</v>
      </c>
      <c r="KP28" s="157"/>
      <c r="KQ28" s="122">
        <v>6658702</v>
      </c>
      <c r="KR28" s="122">
        <v>4699270</v>
      </c>
      <c r="KS28" s="122">
        <v>4423875</v>
      </c>
      <c r="KT28" s="122">
        <v>3651378</v>
      </c>
      <c r="KU28" s="122">
        <v>2155423</v>
      </c>
      <c r="KV28" s="123">
        <v>21588648</v>
      </c>
      <c r="KW28" s="357">
        <v>21814556</v>
      </c>
      <c r="KX28" s="159">
        <v>0</v>
      </c>
      <c r="KY28" s="122">
        <v>0</v>
      </c>
      <c r="KZ28" s="123">
        <v>0</v>
      </c>
      <c r="LA28" s="162"/>
      <c r="LB28" s="122">
        <v>0</v>
      </c>
      <c r="LC28" s="122">
        <v>0</v>
      </c>
      <c r="LD28" s="122">
        <v>0</v>
      </c>
      <c r="LE28" s="122">
        <v>0</v>
      </c>
      <c r="LF28" s="122">
        <v>0</v>
      </c>
      <c r="LG28" s="123">
        <v>0</v>
      </c>
      <c r="LH28" s="124">
        <v>0</v>
      </c>
      <c r="LI28" s="159">
        <v>0</v>
      </c>
      <c r="LJ28" s="122">
        <v>0</v>
      </c>
      <c r="LK28" s="123">
        <v>0</v>
      </c>
      <c r="LL28" s="162"/>
      <c r="LM28" s="122">
        <v>0</v>
      </c>
      <c r="LN28" s="122">
        <v>0</v>
      </c>
      <c r="LO28" s="122">
        <v>0</v>
      </c>
      <c r="LP28" s="122">
        <v>0</v>
      </c>
      <c r="LQ28" s="122">
        <v>0</v>
      </c>
      <c r="LR28" s="123">
        <v>0</v>
      </c>
      <c r="LS28" s="357">
        <v>0</v>
      </c>
      <c r="LT28" s="159">
        <v>0</v>
      </c>
      <c r="LU28" s="122">
        <v>0</v>
      </c>
      <c r="LV28" s="123">
        <v>0</v>
      </c>
      <c r="LW28" s="162"/>
      <c r="LX28" s="122">
        <v>0</v>
      </c>
      <c r="LY28" s="122">
        <v>0</v>
      </c>
      <c r="LZ28" s="122">
        <v>0</v>
      </c>
      <c r="MA28" s="122">
        <v>304485</v>
      </c>
      <c r="MB28" s="122">
        <v>0</v>
      </c>
      <c r="MC28" s="123">
        <v>304485</v>
      </c>
      <c r="MD28" s="124">
        <v>304485</v>
      </c>
      <c r="ME28" s="159">
        <v>0</v>
      </c>
      <c r="MF28" s="122">
        <v>0</v>
      </c>
      <c r="MG28" s="123">
        <v>0</v>
      </c>
      <c r="MH28" s="162"/>
      <c r="MI28" s="122">
        <v>4420749</v>
      </c>
      <c r="MJ28" s="122">
        <v>12475533</v>
      </c>
      <c r="MK28" s="122">
        <v>26183890</v>
      </c>
      <c r="ML28" s="122">
        <v>49236426</v>
      </c>
      <c r="MM28" s="122">
        <v>36968600</v>
      </c>
      <c r="MN28" s="123">
        <v>129285198</v>
      </c>
      <c r="MO28" s="160">
        <v>129285198</v>
      </c>
      <c r="MP28" s="159">
        <v>0</v>
      </c>
      <c r="MQ28" s="122">
        <v>0</v>
      </c>
      <c r="MR28" s="123">
        <v>0</v>
      </c>
      <c r="MS28" s="162"/>
      <c r="MT28" s="122">
        <v>808448</v>
      </c>
      <c r="MU28" s="122">
        <v>3574075</v>
      </c>
      <c r="MV28" s="122">
        <v>15931793</v>
      </c>
      <c r="MW28" s="122">
        <v>31016315</v>
      </c>
      <c r="MX28" s="122">
        <v>28200395</v>
      </c>
      <c r="MY28" s="123">
        <v>79531026</v>
      </c>
      <c r="MZ28" s="160">
        <v>79531026</v>
      </c>
      <c r="NA28" s="159">
        <v>0</v>
      </c>
      <c r="NB28" s="122">
        <v>0</v>
      </c>
      <c r="NC28" s="123">
        <v>0</v>
      </c>
      <c r="ND28" s="162"/>
      <c r="NE28" s="122">
        <v>3612301</v>
      </c>
      <c r="NF28" s="122">
        <v>8901458</v>
      </c>
      <c r="NG28" s="122">
        <v>10252097</v>
      </c>
      <c r="NH28" s="122">
        <v>17214113</v>
      </c>
      <c r="NI28" s="122">
        <v>7061773</v>
      </c>
      <c r="NJ28" s="123">
        <v>47041742</v>
      </c>
      <c r="NK28" s="357">
        <v>47041742</v>
      </c>
      <c r="NL28" s="159">
        <v>0</v>
      </c>
      <c r="NM28" s="122">
        <v>0</v>
      </c>
      <c r="NN28" s="123">
        <v>0</v>
      </c>
      <c r="NO28" s="162"/>
      <c r="NP28" s="122">
        <v>0</v>
      </c>
      <c r="NQ28" s="122">
        <v>0</v>
      </c>
      <c r="NR28" s="122">
        <v>0</v>
      </c>
      <c r="NS28" s="122">
        <v>642265</v>
      </c>
      <c r="NT28" s="122">
        <v>887258</v>
      </c>
      <c r="NU28" s="123">
        <v>1529523</v>
      </c>
      <c r="NV28" s="124">
        <v>1529523</v>
      </c>
      <c r="NW28" s="159">
        <v>0</v>
      </c>
      <c r="NX28" s="122">
        <v>0</v>
      </c>
      <c r="NY28" s="123">
        <v>0</v>
      </c>
      <c r="NZ28" s="162"/>
      <c r="OA28" s="122">
        <v>0</v>
      </c>
      <c r="OB28" s="122">
        <v>0</v>
      </c>
      <c r="OC28" s="122">
        <v>0</v>
      </c>
      <c r="OD28" s="122">
        <v>363733</v>
      </c>
      <c r="OE28" s="122">
        <v>819174</v>
      </c>
      <c r="OF28" s="123">
        <v>1182907</v>
      </c>
      <c r="OG28" s="124">
        <v>1182907</v>
      </c>
      <c r="OH28" s="159">
        <v>3137128</v>
      </c>
      <c r="OI28" s="122">
        <v>6201416</v>
      </c>
      <c r="OJ28" s="158">
        <v>9338544</v>
      </c>
      <c r="OK28" s="121">
        <v>0</v>
      </c>
      <c r="OL28" s="122">
        <v>59068851</v>
      </c>
      <c r="OM28" s="122">
        <v>77312144</v>
      </c>
      <c r="ON28" s="122">
        <v>74689295</v>
      </c>
      <c r="OO28" s="122">
        <v>98560858</v>
      </c>
      <c r="OP28" s="122">
        <v>67808943</v>
      </c>
      <c r="OQ28" s="123">
        <v>377440091</v>
      </c>
      <c r="OR28" s="160">
        <v>386778635</v>
      </c>
    </row>
    <row r="29" spans="1:408" ht="18.75" customHeight="1" x14ac:dyDescent="0.2">
      <c r="A29" s="62" t="s">
        <v>24</v>
      </c>
      <c r="B29" s="112">
        <v>2616284</v>
      </c>
      <c r="C29" s="116">
        <v>2865493</v>
      </c>
      <c r="D29" s="115">
        <v>5481777</v>
      </c>
      <c r="E29" s="111">
        <v>0</v>
      </c>
      <c r="F29" s="116">
        <v>23994457</v>
      </c>
      <c r="G29" s="116">
        <v>22763640</v>
      </c>
      <c r="H29" s="116">
        <v>19329100</v>
      </c>
      <c r="I29" s="116">
        <v>20790090</v>
      </c>
      <c r="J29" s="116">
        <v>19711184</v>
      </c>
      <c r="K29" s="200">
        <v>106588471</v>
      </c>
      <c r="L29" s="118">
        <v>112070248</v>
      </c>
      <c r="M29" s="112">
        <v>471917</v>
      </c>
      <c r="N29" s="116">
        <v>631394</v>
      </c>
      <c r="O29" s="115">
        <v>1103311</v>
      </c>
      <c r="P29" s="112">
        <v>0</v>
      </c>
      <c r="Q29" s="116">
        <v>5993601</v>
      </c>
      <c r="R29" s="116">
        <v>4822347</v>
      </c>
      <c r="S29" s="116">
        <v>5321432</v>
      </c>
      <c r="T29" s="116">
        <v>7621051</v>
      </c>
      <c r="U29" s="116">
        <v>8568543</v>
      </c>
      <c r="V29" s="115">
        <v>32326974</v>
      </c>
      <c r="W29" s="118">
        <v>33430285</v>
      </c>
      <c r="X29" s="112">
        <v>0</v>
      </c>
      <c r="Y29" s="116">
        <v>0</v>
      </c>
      <c r="Z29" s="115">
        <v>0</v>
      </c>
      <c r="AA29" s="112">
        <v>0</v>
      </c>
      <c r="AB29" s="116">
        <v>2295555</v>
      </c>
      <c r="AC29" s="116">
        <v>2096928</v>
      </c>
      <c r="AD29" s="116">
        <v>2704751</v>
      </c>
      <c r="AE29" s="116">
        <v>4079986</v>
      </c>
      <c r="AF29" s="116">
        <v>5231552</v>
      </c>
      <c r="AG29" s="115">
        <v>16408772</v>
      </c>
      <c r="AH29" s="118">
        <v>16408772</v>
      </c>
      <c r="AI29" s="112">
        <v>0</v>
      </c>
      <c r="AJ29" s="116">
        <v>0</v>
      </c>
      <c r="AK29" s="115">
        <v>0</v>
      </c>
      <c r="AL29" s="112">
        <v>0</v>
      </c>
      <c r="AM29" s="116">
        <v>52018</v>
      </c>
      <c r="AN29" s="116">
        <v>40201</v>
      </c>
      <c r="AO29" s="116">
        <v>66801</v>
      </c>
      <c r="AP29" s="116">
        <v>617989</v>
      </c>
      <c r="AQ29" s="116">
        <v>881988</v>
      </c>
      <c r="AR29" s="115">
        <v>1658997</v>
      </c>
      <c r="AS29" s="118">
        <v>1658997</v>
      </c>
      <c r="AT29" s="112">
        <v>233597</v>
      </c>
      <c r="AU29" s="116">
        <v>387205</v>
      </c>
      <c r="AV29" s="115">
        <v>620802</v>
      </c>
      <c r="AW29" s="112">
        <v>0</v>
      </c>
      <c r="AX29" s="116">
        <v>2539397</v>
      </c>
      <c r="AY29" s="116">
        <v>1798851</v>
      </c>
      <c r="AZ29" s="116">
        <v>1677403</v>
      </c>
      <c r="BA29" s="116">
        <v>1814583</v>
      </c>
      <c r="BB29" s="116">
        <v>1289316</v>
      </c>
      <c r="BC29" s="115">
        <v>9119550</v>
      </c>
      <c r="BD29" s="118">
        <v>9740352</v>
      </c>
      <c r="BE29" s="112">
        <v>31416</v>
      </c>
      <c r="BF29" s="116">
        <v>68194</v>
      </c>
      <c r="BG29" s="114">
        <v>99610</v>
      </c>
      <c r="BH29" s="113">
        <v>0</v>
      </c>
      <c r="BI29" s="116">
        <v>156958</v>
      </c>
      <c r="BJ29" s="116">
        <v>114229</v>
      </c>
      <c r="BK29" s="116">
        <v>24420</v>
      </c>
      <c r="BL29" s="116">
        <v>204539</v>
      </c>
      <c r="BM29" s="116">
        <v>237458</v>
      </c>
      <c r="BN29" s="115">
        <v>737604</v>
      </c>
      <c r="BO29" s="118">
        <v>837214</v>
      </c>
      <c r="BP29" s="112">
        <v>206904</v>
      </c>
      <c r="BQ29" s="116">
        <v>175995</v>
      </c>
      <c r="BR29" s="115">
        <v>382899</v>
      </c>
      <c r="BS29" s="112">
        <v>0</v>
      </c>
      <c r="BT29" s="116">
        <v>949673</v>
      </c>
      <c r="BU29" s="116">
        <v>772138</v>
      </c>
      <c r="BV29" s="116">
        <v>848057</v>
      </c>
      <c r="BW29" s="116">
        <v>903954</v>
      </c>
      <c r="BX29" s="116">
        <v>928229</v>
      </c>
      <c r="BY29" s="115">
        <v>4402051</v>
      </c>
      <c r="BZ29" s="118">
        <v>4784950</v>
      </c>
      <c r="CA29" s="112">
        <v>260613</v>
      </c>
      <c r="CB29" s="116">
        <v>576795</v>
      </c>
      <c r="CC29" s="115">
        <v>837408</v>
      </c>
      <c r="CD29" s="112">
        <v>0</v>
      </c>
      <c r="CE29" s="116">
        <v>7124503</v>
      </c>
      <c r="CF29" s="116">
        <v>6235187</v>
      </c>
      <c r="CG29" s="116">
        <v>4610661</v>
      </c>
      <c r="CH29" s="116">
        <v>2215671</v>
      </c>
      <c r="CI29" s="116">
        <v>1583487</v>
      </c>
      <c r="CJ29" s="115">
        <v>21769509</v>
      </c>
      <c r="CK29" s="118">
        <v>22606917</v>
      </c>
      <c r="CL29" s="112">
        <v>0</v>
      </c>
      <c r="CM29" s="116">
        <v>0</v>
      </c>
      <c r="CN29" s="115">
        <v>0</v>
      </c>
      <c r="CO29" s="113">
        <v>0</v>
      </c>
      <c r="CP29" s="116">
        <v>4722580</v>
      </c>
      <c r="CQ29" s="116">
        <v>4180327</v>
      </c>
      <c r="CR29" s="116">
        <v>3417588</v>
      </c>
      <c r="CS29" s="116">
        <v>1326717</v>
      </c>
      <c r="CT29" s="116">
        <v>515274</v>
      </c>
      <c r="CU29" s="115">
        <v>14162486</v>
      </c>
      <c r="CV29" s="118">
        <v>14162486</v>
      </c>
      <c r="CW29" s="112">
        <v>260613</v>
      </c>
      <c r="CX29" s="116">
        <v>576795</v>
      </c>
      <c r="CY29" s="115">
        <v>837408</v>
      </c>
      <c r="CZ29" s="112">
        <v>0</v>
      </c>
      <c r="DA29" s="116">
        <v>2401923</v>
      </c>
      <c r="DB29" s="116">
        <v>2054860</v>
      </c>
      <c r="DC29" s="116">
        <v>1193073</v>
      </c>
      <c r="DD29" s="116">
        <v>888954</v>
      </c>
      <c r="DE29" s="116">
        <v>1068213</v>
      </c>
      <c r="DF29" s="115">
        <v>7607023</v>
      </c>
      <c r="DG29" s="118">
        <v>8444431</v>
      </c>
      <c r="DH29" s="112">
        <v>13377</v>
      </c>
      <c r="DI29" s="116">
        <v>21531</v>
      </c>
      <c r="DJ29" s="114">
        <v>34908</v>
      </c>
      <c r="DK29" s="113">
        <v>0</v>
      </c>
      <c r="DL29" s="116">
        <v>837044</v>
      </c>
      <c r="DM29" s="116">
        <v>1523233</v>
      </c>
      <c r="DN29" s="116">
        <v>2224148</v>
      </c>
      <c r="DO29" s="116">
        <v>1589568</v>
      </c>
      <c r="DP29" s="116">
        <v>1838520</v>
      </c>
      <c r="DQ29" s="115">
        <v>8012513</v>
      </c>
      <c r="DR29" s="118">
        <v>8047421</v>
      </c>
      <c r="DS29" s="112">
        <v>13377</v>
      </c>
      <c r="DT29" s="116">
        <v>21531</v>
      </c>
      <c r="DU29" s="115">
        <v>34908</v>
      </c>
      <c r="DV29" s="112">
        <v>0</v>
      </c>
      <c r="DW29" s="116">
        <v>795192</v>
      </c>
      <c r="DX29" s="116">
        <v>1523233</v>
      </c>
      <c r="DY29" s="116">
        <v>2224148</v>
      </c>
      <c r="DZ29" s="116">
        <v>1543818</v>
      </c>
      <c r="EA29" s="116">
        <v>1641439</v>
      </c>
      <c r="EB29" s="115">
        <v>7727830</v>
      </c>
      <c r="EC29" s="118">
        <v>7762738</v>
      </c>
      <c r="ED29" s="112">
        <v>0</v>
      </c>
      <c r="EE29" s="114">
        <v>0</v>
      </c>
      <c r="EF29" s="115">
        <v>0</v>
      </c>
      <c r="EG29" s="112">
        <v>0</v>
      </c>
      <c r="EH29" s="116">
        <v>41852</v>
      </c>
      <c r="EI29" s="116">
        <v>0</v>
      </c>
      <c r="EJ29" s="116">
        <v>0</v>
      </c>
      <c r="EK29" s="116">
        <v>45750</v>
      </c>
      <c r="EL29" s="116">
        <v>197081</v>
      </c>
      <c r="EM29" s="114">
        <v>284683</v>
      </c>
      <c r="EN29" s="118">
        <v>284683</v>
      </c>
      <c r="EO29" s="112">
        <v>0</v>
      </c>
      <c r="EP29" s="116">
        <v>0</v>
      </c>
      <c r="EQ29" s="114">
        <v>0</v>
      </c>
      <c r="ER29" s="113">
        <v>0</v>
      </c>
      <c r="ES29" s="116">
        <v>0</v>
      </c>
      <c r="ET29" s="116">
        <v>0</v>
      </c>
      <c r="EU29" s="116">
        <v>0</v>
      </c>
      <c r="EV29" s="116">
        <v>0</v>
      </c>
      <c r="EW29" s="116">
        <v>0</v>
      </c>
      <c r="EX29" s="115">
        <v>0</v>
      </c>
      <c r="EY29" s="118">
        <v>0</v>
      </c>
      <c r="EZ29" s="112">
        <v>0</v>
      </c>
      <c r="FA29" s="116">
        <v>0</v>
      </c>
      <c r="FB29" s="114">
        <v>0</v>
      </c>
      <c r="FC29" s="390"/>
      <c r="FD29" s="116">
        <v>0</v>
      </c>
      <c r="FE29" s="116">
        <v>0</v>
      </c>
      <c r="FF29" s="116">
        <v>0</v>
      </c>
      <c r="FG29" s="116">
        <v>0</v>
      </c>
      <c r="FH29" s="116">
        <v>0</v>
      </c>
      <c r="FI29" s="115">
        <v>0</v>
      </c>
      <c r="FJ29" s="118">
        <v>0</v>
      </c>
      <c r="FK29" s="112">
        <v>842846</v>
      </c>
      <c r="FL29" s="116">
        <v>608936</v>
      </c>
      <c r="FM29" s="115">
        <v>1451782</v>
      </c>
      <c r="FN29" s="112">
        <v>0</v>
      </c>
      <c r="FO29" s="116">
        <v>1416712</v>
      </c>
      <c r="FP29" s="116">
        <v>2361100</v>
      </c>
      <c r="FQ29" s="116">
        <v>1305404</v>
      </c>
      <c r="FR29" s="116">
        <v>1532730</v>
      </c>
      <c r="FS29" s="116">
        <v>1545700</v>
      </c>
      <c r="FT29" s="115">
        <v>8161646</v>
      </c>
      <c r="FU29" s="118">
        <v>9613428</v>
      </c>
      <c r="FV29" s="117">
        <v>266276</v>
      </c>
      <c r="FW29" s="116">
        <v>354119</v>
      </c>
      <c r="FX29" s="114">
        <v>620395</v>
      </c>
      <c r="FY29" s="113">
        <v>0</v>
      </c>
      <c r="FZ29" s="116">
        <v>1008208</v>
      </c>
      <c r="GA29" s="116">
        <v>2129972</v>
      </c>
      <c r="GB29" s="116">
        <v>1283109</v>
      </c>
      <c r="GC29" s="116">
        <v>1411860</v>
      </c>
      <c r="GD29" s="116">
        <v>1508800</v>
      </c>
      <c r="GE29" s="115">
        <v>7341949</v>
      </c>
      <c r="GF29" s="354">
        <v>7962344</v>
      </c>
      <c r="GG29" s="117">
        <v>80190</v>
      </c>
      <c r="GH29" s="116">
        <v>47817</v>
      </c>
      <c r="GI29" s="114">
        <v>128007</v>
      </c>
      <c r="GJ29" s="113">
        <v>0</v>
      </c>
      <c r="GK29" s="116">
        <v>96134</v>
      </c>
      <c r="GL29" s="116">
        <v>31328</v>
      </c>
      <c r="GM29" s="116">
        <v>22295</v>
      </c>
      <c r="GN29" s="116">
        <v>71280</v>
      </c>
      <c r="GO29" s="116">
        <v>36900</v>
      </c>
      <c r="GP29" s="115">
        <v>257937</v>
      </c>
      <c r="GQ29" s="118">
        <v>385944</v>
      </c>
      <c r="GR29" s="112">
        <v>496380</v>
      </c>
      <c r="GS29" s="116">
        <v>207000</v>
      </c>
      <c r="GT29" s="115">
        <v>703380</v>
      </c>
      <c r="GU29" s="112">
        <v>0</v>
      </c>
      <c r="GV29" s="116">
        <v>312370</v>
      </c>
      <c r="GW29" s="116">
        <v>199800</v>
      </c>
      <c r="GX29" s="116">
        <v>0</v>
      </c>
      <c r="GY29" s="116">
        <v>49590</v>
      </c>
      <c r="GZ29" s="116">
        <v>0</v>
      </c>
      <c r="HA29" s="114">
        <v>561760</v>
      </c>
      <c r="HB29" s="118">
        <v>1265140</v>
      </c>
      <c r="HC29" s="112">
        <v>611862</v>
      </c>
      <c r="HD29" s="116">
        <v>627731</v>
      </c>
      <c r="HE29" s="114">
        <v>1239593</v>
      </c>
      <c r="HF29" s="113">
        <v>0</v>
      </c>
      <c r="HG29" s="116">
        <v>4636049</v>
      </c>
      <c r="HH29" s="116">
        <v>5121891</v>
      </c>
      <c r="HI29" s="116">
        <v>3803630</v>
      </c>
      <c r="HJ29" s="116">
        <v>6512548</v>
      </c>
      <c r="HK29" s="116">
        <v>5188339</v>
      </c>
      <c r="HL29" s="115">
        <v>25262457</v>
      </c>
      <c r="HM29" s="111">
        <v>26502050</v>
      </c>
      <c r="HN29" s="117">
        <v>415669</v>
      </c>
      <c r="HO29" s="116">
        <v>399106</v>
      </c>
      <c r="HP29" s="115">
        <v>814775</v>
      </c>
      <c r="HQ29" s="112">
        <v>0</v>
      </c>
      <c r="HR29" s="116">
        <v>3986548</v>
      </c>
      <c r="HS29" s="116">
        <v>2699882</v>
      </c>
      <c r="HT29" s="116">
        <v>2063825</v>
      </c>
      <c r="HU29" s="116">
        <v>1318522</v>
      </c>
      <c r="HV29" s="116">
        <v>986595</v>
      </c>
      <c r="HW29" s="114">
        <v>11055372</v>
      </c>
      <c r="HX29" s="118">
        <v>11870147</v>
      </c>
      <c r="HY29" s="148">
        <v>310518</v>
      </c>
      <c r="HZ29" s="149">
        <v>387171</v>
      </c>
      <c r="IA29" s="150">
        <v>697689</v>
      </c>
      <c r="IB29" s="163">
        <v>0</v>
      </c>
      <c r="IC29" s="149">
        <v>5654105</v>
      </c>
      <c r="ID29" s="164">
        <v>4439549</v>
      </c>
      <c r="IE29" s="150">
        <v>6283973</v>
      </c>
      <c r="IF29" s="149">
        <v>2913741</v>
      </c>
      <c r="IG29" s="150">
        <v>3496377</v>
      </c>
      <c r="IH29" s="165">
        <v>22787745</v>
      </c>
      <c r="II29" s="156">
        <v>23485434</v>
      </c>
      <c r="IJ29" s="261">
        <v>0</v>
      </c>
      <c r="IK29" s="268">
        <v>0</v>
      </c>
      <c r="IL29" s="269">
        <v>0</v>
      </c>
      <c r="IM29" s="157"/>
      <c r="IN29" s="122">
        <v>131433</v>
      </c>
      <c r="IO29" s="122">
        <v>218027</v>
      </c>
      <c r="IP29" s="122">
        <v>333536</v>
      </c>
      <c r="IQ29" s="122">
        <v>185413</v>
      </c>
      <c r="IR29" s="122">
        <v>329893</v>
      </c>
      <c r="IS29" s="158">
        <v>1198302</v>
      </c>
      <c r="IT29" s="357">
        <v>1198302</v>
      </c>
      <c r="IU29" s="159">
        <v>0</v>
      </c>
      <c r="IV29" s="122">
        <v>0</v>
      </c>
      <c r="IW29" s="123">
        <v>0</v>
      </c>
      <c r="IX29" s="161"/>
      <c r="IY29" s="122">
        <v>0</v>
      </c>
      <c r="IZ29" s="122">
        <v>0</v>
      </c>
      <c r="JA29" s="122">
        <v>0</v>
      </c>
      <c r="JB29" s="122">
        <v>0</v>
      </c>
      <c r="JC29" s="122">
        <v>0</v>
      </c>
      <c r="JD29" s="123">
        <v>0</v>
      </c>
      <c r="JE29" s="124">
        <v>0</v>
      </c>
      <c r="JF29" s="159">
        <v>0</v>
      </c>
      <c r="JG29" s="122">
        <v>0</v>
      </c>
      <c r="JH29" s="158">
        <v>0</v>
      </c>
      <c r="JI29" s="121">
        <v>0</v>
      </c>
      <c r="JJ29" s="122">
        <v>2934475</v>
      </c>
      <c r="JK29" s="122">
        <v>1513794</v>
      </c>
      <c r="JL29" s="122">
        <v>1412122</v>
      </c>
      <c r="JM29" s="122">
        <v>822174</v>
      </c>
      <c r="JN29" s="122">
        <v>817761</v>
      </c>
      <c r="JO29" s="123">
        <v>7500326</v>
      </c>
      <c r="JP29" s="357">
        <v>7500326</v>
      </c>
      <c r="JQ29" s="159">
        <v>0</v>
      </c>
      <c r="JR29" s="122">
        <v>0</v>
      </c>
      <c r="JS29" s="158">
        <v>0</v>
      </c>
      <c r="JT29" s="121">
        <v>0</v>
      </c>
      <c r="JU29" s="122">
        <v>588623</v>
      </c>
      <c r="JV29" s="122">
        <v>513533</v>
      </c>
      <c r="JW29" s="122">
        <v>351743</v>
      </c>
      <c r="JX29" s="122">
        <v>207126</v>
      </c>
      <c r="JY29" s="122">
        <v>231189</v>
      </c>
      <c r="JZ29" s="123">
        <v>1892214</v>
      </c>
      <c r="KA29" s="357">
        <v>1892214</v>
      </c>
      <c r="KB29" s="264">
        <v>310518</v>
      </c>
      <c r="KC29" s="258">
        <v>387171</v>
      </c>
      <c r="KD29" s="123">
        <v>697689</v>
      </c>
      <c r="KE29" s="121">
        <v>0</v>
      </c>
      <c r="KF29" s="122">
        <v>1773278</v>
      </c>
      <c r="KG29" s="122">
        <v>1254387</v>
      </c>
      <c r="KH29" s="122">
        <v>957226</v>
      </c>
      <c r="KI29" s="122">
        <v>550324</v>
      </c>
      <c r="KJ29" s="122">
        <v>1422161</v>
      </c>
      <c r="KK29" s="123">
        <v>5957376</v>
      </c>
      <c r="KL29" s="160">
        <v>6655065</v>
      </c>
      <c r="KM29" s="261">
        <v>0</v>
      </c>
      <c r="KN29" s="268">
        <v>0</v>
      </c>
      <c r="KO29" s="269">
        <v>0</v>
      </c>
      <c r="KP29" s="157"/>
      <c r="KQ29" s="122">
        <v>226296</v>
      </c>
      <c r="KR29" s="122">
        <v>939808</v>
      </c>
      <c r="KS29" s="122">
        <v>3229346</v>
      </c>
      <c r="KT29" s="122">
        <v>1148704</v>
      </c>
      <c r="KU29" s="122">
        <v>695373</v>
      </c>
      <c r="KV29" s="123">
        <v>6239527</v>
      </c>
      <c r="KW29" s="357">
        <v>6239527</v>
      </c>
      <c r="KX29" s="159">
        <v>0</v>
      </c>
      <c r="KY29" s="122">
        <v>0</v>
      </c>
      <c r="KZ29" s="123">
        <v>0</v>
      </c>
      <c r="LA29" s="162"/>
      <c r="LB29" s="122">
        <v>0</v>
      </c>
      <c r="LC29" s="122">
        <v>0</v>
      </c>
      <c r="LD29" s="122">
        <v>0</v>
      </c>
      <c r="LE29" s="122">
        <v>0</v>
      </c>
      <c r="LF29" s="122">
        <v>0</v>
      </c>
      <c r="LG29" s="123">
        <v>0</v>
      </c>
      <c r="LH29" s="124">
        <v>0</v>
      </c>
      <c r="LI29" s="159">
        <v>0</v>
      </c>
      <c r="LJ29" s="122">
        <v>0</v>
      </c>
      <c r="LK29" s="123">
        <v>0</v>
      </c>
      <c r="LL29" s="162"/>
      <c r="LM29" s="122">
        <v>0</v>
      </c>
      <c r="LN29" s="122">
        <v>0</v>
      </c>
      <c r="LO29" s="122">
        <v>0</v>
      </c>
      <c r="LP29" s="122">
        <v>0</v>
      </c>
      <c r="LQ29" s="122">
        <v>0</v>
      </c>
      <c r="LR29" s="123">
        <v>0</v>
      </c>
      <c r="LS29" s="357">
        <v>0</v>
      </c>
      <c r="LT29" s="159">
        <v>0</v>
      </c>
      <c r="LU29" s="122">
        <v>0</v>
      </c>
      <c r="LV29" s="123">
        <v>0</v>
      </c>
      <c r="LW29" s="162"/>
      <c r="LX29" s="122">
        <v>0</v>
      </c>
      <c r="LY29" s="122">
        <v>0</v>
      </c>
      <c r="LZ29" s="122">
        <v>0</v>
      </c>
      <c r="MA29" s="122">
        <v>0</v>
      </c>
      <c r="MB29" s="122">
        <v>0</v>
      </c>
      <c r="MC29" s="123">
        <v>0</v>
      </c>
      <c r="MD29" s="124">
        <v>0</v>
      </c>
      <c r="ME29" s="159">
        <v>0</v>
      </c>
      <c r="MF29" s="122">
        <v>0</v>
      </c>
      <c r="MG29" s="123">
        <v>0</v>
      </c>
      <c r="MH29" s="162"/>
      <c r="MI29" s="122">
        <v>2889231</v>
      </c>
      <c r="MJ29" s="122">
        <v>5961985</v>
      </c>
      <c r="MK29" s="122">
        <v>12980892</v>
      </c>
      <c r="ML29" s="122">
        <v>23631848</v>
      </c>
      <c r="MM29" s="122">
        <v>19402178</v>
      </c>
      <c r="MN29" s="123">
        <v>64866134</v>
      </c>
      <c r="MO29" s="160">
        <v>64866134</v>
      </c>
      <c r="MP29" s="159">
        <v>0</v>
      </c>
      <c r="MQ29" s="122">
        <v>0</v>
      </c>
      <c r="MR29" s="123">
        <v>0</v>
      </c>
      <c r="MS29" s="162"/>
      <c r="MT29" s="122">
        <v>0</v>
      </c>
      <c r="MU29" s="122">
        <v>0</v>
      </c>
      <c r="MV29" s="122">
        <v>7506350</v>
      </c>
      <c r="MW29" s="122">
        <v>16483162</v>
      </c>
      <c r="MX29" s="122">
        <v>15975679</v>
      </c>
      <c r="MY29" s="123">
        <v>39965191</v>
      </c>
      <c r="MZ29" s="160">
        <v>39965191</v>
      </c>
      <c r="NA29" s="159">
        <v>0</v>
      </c>
      <c r="NB29" s="122">
        <v>0</v>
      </c>
      <c r="NC29" s="123">
        <v>0</v>
      </c>
      <c r="ND29" s="162"/>
      <c r="NE29" s="122">
        <v>2889231</v>
      </c>
      <c r="NF29" s="122">
        <v>5961985</v>
      </c>
      <c r="NG29" s="122">
        <v>5474542</v>
      </c>
      <c r="NH29" s="122">
        <v>7148686</v>
      </c>
      <c r="NI29" s="122">
        <v>3176725</v>
      </c>
      <c r="NJ29" s="123">
        <v>24651169</v>
      </c>
      <c r="NK29" s="357">
        <v>24651169</v>
      </c>
      <c r="NL29" s="159">
        <v>0</v>
      </c>
      <c r="NM29" s="122">
        <v>0</v>
      </c>
      <c r="NN29" s="123">
        <v>0</v>
      </c>
      <c r="NO29" s="162"/>
      <c r="NP29" s="122">
        <v>0</v>
      </c>
      <c r="NQ29" s="122">
        <v>0</v>
      </c>
      <c r="NR29" s="122">
        <v>0</v>
      </c>
      <c r="NS29" s="122">
        <v>0</v>
      </c>
      <c r="NT29" s="122">
        <v>249774</v>
      </c>
      <c r="NU29" s="123">
        <v>249774</v>
      </c>
      <c r="NV29" s="124">
        <v>249774</v>
      </c>
      <c r="NW29" s="159">
        <v>0</v>
      </c>
      <c r="NX29" s="122">
        <v>0</v>
      </c>
      <c r="NY29" s="123">
        <v>0</v>
      </c>
      <c r="NZ29" s="162"/>
      <c r="OA29" s="122">
        <v>0</v>
      </c>
      <c r="OB29" s="122">
        <v>0</v>
      </c>
      <c r="OC29" s="122">
        <v>0</v>
      </c>
      <c r="OD29" s="122">
        <v>0</v>
      </c>
      <c r="OE29" s="122">
        <v>0</v>
      </c>
      <c r="OF29" s="123">
        <v>0</v>
      </c>
      <c r="OG29" s="124">
        <v>0</v>
      </c>
      <c r="OH29" s="159">
        <v>2926802</v>
      </c>
      <c r="OI29" s="122">
        <v>3252664</v>
      </c>
      <c r="OJ29" s="158">
        <v>6179466</v>
      </c>
      <c r="OK29" s="121">
        <v>0</v>
      </c>
      <c r="OL29" s="122">
        <v>32537793</v>
      </c>
      <c r="OM29" s="122">
        <v>33165174</v>
      </c>
      <c r="ON29" s="122">
        <v>38593965</v>
      </c>
      <c r="OO29" s="122">
        <v>47335679</v>
      </c>
      <c r="OP29" s="122">
        <v>42609739</v>
      </c>
      <c r="OQ29" s="123">
        <v>194242350</v>
      </c>
      <c r="OR29" s="160">
        <v>200421816</v>
      </c>
    </row>
    <row r="30" spans="1:408" ht="18.75" customHeight="1" x14ac:dyDescent="0.2">
      <c r="A30" s="62" t="s">
        <v>25</v>
      </c>
      <c r="B30" s="112">
        <v>1486871</v>
      </c>
      <c r="C30" s="116">
        <v>3387226</v>
      </c>
      <c r="D30" s="115">
        <v>4874097</v>
      </c>
      <c r="E30" s="111">
        <v>0</v>
      </c>
      <c r="F30" s="116">
        <v>25597950</v>
      </c>
      <c r="G30" s="116">
        <v>23379365</v>
      </c>
      <c r="H30" s="116">
        <v>15935044</v>
      </c>
      <c r="I30" s="116">
        <v>25962134</v>
      </c>
      <c r="J30" s="116">
        <v>15907238</v>
      </c>
      <c r="K30" s="200">
        <v>106781731</v>
      </c>
      <c r="L30" s="118">
        <v>111655828</v>
      </c>
      <c r="M30" s="112">
        <v>336252</v>
      </c>
      <c r="N30" s="116">
        <v>902896</v>
      </c>
      <c r="O30" s="115">
        <v>1239148</v>
      </c>
      <c r="P30" s="112">
        <v>0</v>
      </c>
      <c r="Q30" s="116">
        <v>6579903</v>
      </c>
      <c r="R30" s="116">
        <v>5714755</v>
      </c>
      <c r="S30" s="116">
        <v>5770766</v>
      </c>
      <c r="T30" s="116">
        <v>9739402</v>
      </c>
      <c r="U30" s="116">
        <v>8745780</v>
      </c>
      <c r="V30" s="115">
        <v>36550606</v>
      </c>
      <c r="W30" s="118">
        <v>37789754</v>
      </c>
      <c r="X30" s="112">
        <v>0</v>
      </c>
      <c r="Y30" s="116">
        <v>0</v>
      </c>
      <c r="Z30" s="115">
        <v>0</v>
      </c>
      <c r="AA30" s="112">
        <v>0</v>
      </c>
      <c r="AB30" s="116">
        <v>3365927</v>
      </c>
      <c r="AC30" s="116">
        <v>2845571</v>
      </c>
      <c r="AD30" s="116">
        <v>3598673</v>
      </c>
      <c r="AE30" s="116">
        <v>6553340</v>
      </c>
      <c r="AF30" s="116">
        <v>4998911</v>
      </c>
      <c r="AG30" s="115">
        <v>21362422</v>
      </c>
      <c r="AH30" s="118">
        <v>21362422</v>
      </c>
      <c r="AI30" s="112">
        <v>0</v>
      </c>
      <c r="AJ30" s="116">
        <v>0</v>
      </c>
      <c r="AK30" s="115">
        <v>0</v>
      </c>
      <c r="AL30" s="112">
        <v>0</v>
      </c>
      <c r="AM30" s="116">
        <v>125251</v>
      </c>
      <c r="AN30" s="116">
        <v>248564</v>
      </c>
      <c r="AO30" s="116">
        <v>277795</v>
      </c>
      <c r="AP30" s="116">
        <v>1091898</v>
      </c>
      <c r="AQ30" s="116">
        <v>1279889</v>
      </c>
      <c r="AR30" s="115">
        <v>3023397</v>
      </c>
      <c r="AS30" s="118">
        <v>3023397</v>
      </c>
      <c r="AT30" s="112">
        <v>240145</v>
      </c>
      <c r="AU30" s="116">
        <v>623634</v>
      </c>
      <c r="AV30" s="115">
        <v>863779</v>
      </c>
      <c r="AW30" s="112">
        <v>0</v>
      </c>
      <c r="AX30" s="116">
        <v>2288809</v>
      </c>
      <c r="AY30" s="116">
        <v>1774320</v>
      </c>
      <c r="AZ30" s="116">
        <v>1110354</v>
      </c>
      <c r="BA30" s="116">
        <v>1280769</v>
      </c>
      <c r="BB30" s="116">
        <v>1746109</v>
      </c>
      <c r="BC30" s="115">
        <v>8200361</v>
      </c>
      <c r="BD30" s="118">
        <v>9064140</v>
      </c>
      <c r="BE30" s="112">
        <v>74295</v>
      </c>
      <c r="BF30" s="116">
        <v>122526</v>
      </c>
      <c r="BG30" s="114">
        <v>196821</v>
      </c>
      <c r="BH30" s="113">
        <v>0</v>
      </c>
      <c r="BI30" s="116">
        <v>78010</v>
      </c>
      <c r="BJ30" s="116">
        <v>196013</v>
      </c>
      <c r="BK30" s="116">
        <v>302238</v>
      </c>
      <c r="BL30" s="116">
        <v>97683</v>
      </c>
      <c r="BM30" s="116">
        <v>163491</v>
      </c>
      <c r="BN30" s="115">
        <v>837435</v>
      </c>
      <c r="BO30" s="118">
        <v>1034256</v>
      </c>
      <c r="BP30" s="112">
        <v>21812</v>
      </c>
      <c r="BQ30" s="116">
        <v>156736</v>
      </c>
      <c r="BR30" s="115">
        <v>178548</v>
      </c>
      <c r="BS30" s="112">
        <v>0</v>
      </c>
      <c r="BT30" s="116">
        <v>721906</v>
      </c>
      <c r="BU30" s="116">
        <v>650287</v>
      </c>
      <c r="BV30" s="116">
        <v>481706</v>
      </c>
      <c r="BW30" s="116">
        <v>715712</v>
      </c>
      <c r="BX30" s="116">
        <v>557380</v>
      </c>
      <c r="BY30" s="115">
        <v>3126991</v>
      </c>
      <c r="BZ30" s="118">
        <v>3305539</v>
      </c>
      <c r="CA30" s="112">
        <v>67350</v>
      </c>
      <c r="CB30" s="116">
        <v>488882</v>
      </c>
      <c r="CC30" s="115">
        <v>556232</v>
      </c>
      <c r="CD30" s="112">
        <v>0</v>
      </c>
      <c r="CE30" s="116">
        <v>9323476</v>
      </c>
      <c r="CF30" s="116">
        <v>7693162</v>
      </c>
      <c r="CG30" s="116">
        <v>4089531</v>
      </c>
      <c r="CH30" s="116">
        <v>6329821</v>
      </c>
      <c r="CI30" s="116">
        <v>1586242</v>
      </c>
      <c r="CJ30" s="115">
        <v>29022232</v>
      </c>
      <c r="CK30" s="118">
        <v>29578464</v>
      </c>
      <c r="CL30" s="112">
        <v>0</v>
      </c>
      <c r="CM30" s="116">
        <v>0</v>
      </c>
      <c r="CN30" s="115">
        <v>0</v>
      </c>
      <c r="CO30" s="113">
        <v>0</v>
      </c>
      <c r="CP30" s="116">
        <v>7417818</v>
      </c>
      <c r="CQ30" s="116">
        <v>4688612</v>
      </c>
      <c r="CR30" s="116">
        <v>2729525</v>
      </c>
      <c r="CS30" s="116">
        <v>4911084</v>
      </c>
      <c r="CT30" s="116">
        <v>704752</v>
      </c>
      <c r="CU30" s="115">
        <v>20451791</v>
      </c>
      <c r="CV30" s="118">
        <v>20451791</v>
      </c>
      <c r="CW30" s="112">
        <v>67350</v>
      </c>
      <c r="CX30" s="116">
        <v>488882</v>
      </c>
      <c r="CY30" s="115">
        <v>556232</v>
      </c>
      <c r="CZ30" s="112">
        <v>0</v>
      </c>
      <c r="DA30" s="116">
        <v>1905658</v>
      </c>
      <c r="DB30" s="116">
        <v>3004550</v>
      </c>
      <c r="DC30" s="116">
        <v>1360006</v>
      </c>
      <c r="DD30" s="116">
        <v>1418737</v>
      </c>
      <c r="DE30" s="116">
        <v>881490</v>
      </c>
      <c r="DF30" s="115">
        <v>8570441</v>
      </c>
      <c r="DG30" s="118">
        <v>9126673</v>
      </c>
      <c r="DH30" s="112">
        <v>0</v>
      </c>
      <c r="DI30" s="116">
        <v>87946</v>
      </c>
      <c r="DJ30" s="114">
        <v>87946</v>
      </c>
      <c r="DK30" s="113">
        <v>0</v>
      </c>
      <c r="DL30" s="116">
        <v>710007</v>
      </c>
      <c r="DM30" s="116">
        <v>1425642</v>
      </c>
      <c r="DN30" s="116">
        <v>562290</v>
      </c>
      <c r="DO30" s="116">
        <v>1733829</v>
      </c>
      <c r="DP30" s="116">
        <v>678514</v>
      </c>
      <c r="DQ30" s="115">
        <v>5110282</v>
      </c>
      <c r="DR30" s="118">
        <v>5198228</v>
      </c>
      <c r="DS30" s="112">
        <v>0</v>
      </c>
      <c r="DT30" s="116">
        <v>87946</v>
      </c>
      <c r="DU30" s="115">
        <v>87946</v>
      </c>
      <c r="DV30" s="112">
        <v>0</v>
      </c>
      <c r="DW30" s="116">
        <v>672783</v>
      </c>
      <c r="DX30" s="116">
        <v>1064690</v>
      </c>
      <c r="DY30" s="116">
        <v>523326</v>
      </c>
      <c r="DZ30" s="116">
        <v>1349855</v>
      </c>
      <c r="EA30" s="116">
        <v>527508</v>
      </c>
      <c r="EB30" s="115">
        <v>4138162</v>
      </c>
      <c r="EC30" s="118">
        <v>4226108</v>
      </c>
      <c r="ED30" s="112">
        <v>0</v>
      </c>
      <c r="EE30" s="114">
        <v>0</v>
      </c>
      <c r="EF30" s="115">
        <v>0</v>
      </c>
      <c r="EG30" s="112">
        <v>0</v>
      </c>
      <c r="EH30" s="116">
        <v>37224</v>
      </c>
      <c r="EI30" s="116">
        <v>360952</v>
      </c>
      <c r="EJ30" s="116">
        <v>38964</v>
      </c>
      <c r="EK30" s="116">
        <v>383974</v>
      </c>
      <c r="EL30" s="116">
        <v>151006</v>
      </c>
      <c r="EM30" s="114">
        <v>972120</v>
      </c>
      <c r="EN30" s="118">
        <v>972120</v>
      </c>
      <c r="EO30" s="112">
        <v>0</v>
      </c>
      <c r="EP30" s="116">
        <v>0</v>
      </c>
      <c r="EQ30" s="114">
        <v>0</v>
      </c>
      <c r="ER30" s="113">
        <v>0</v>
      </c>
      <c r="ES30" s="116">
        <v>0</v>
      </c>
      <c r="ET30" s="116">
        <v>0</v>
      </c>
      <c r="EU30" s="116">
        <v>0</v>
      </c>
      <c r="EV30" s="116">
        <v>0</v>
      </c>
      <c r="EW30" s="116">
        <v>0</v>
      </c>
      <c r="EX30" s="115">
        <v>0</v>
      </c>
      <c r="EY30" s="118">
        <v>0</v>
      </c>
      <c r="EZ30" s="112">
        <v>0</v>
      </c>
      <c r="FA30" s="116">
        <v>0</v>
      </c>
      <c r="FB30" s="114">
        <v>0</v>
      </c>
      <c r="FC30" s="390"/>
      <c r="FD30" s="116">
        <v>0</v>
      </c>
      <c r="FE30" s="116">
        <v>0</v>
      </c>
      <c r="FF30" s="116">
        <v>0</v>
      </c>
      <c r="FG30" s="116">
        <v>0</v>
      </c>
      <c r="FH30" s="116">
        <v>0</v>
      </c>
      <c r="FI30" s="115">
        <v>0</v>
      </c>
      <c r="FJ30" s="118">
        <v>0</v>
      </c>
      <c r="FK30" s="112">
        <v>653735</v>
      </c>
      <c r="FL30" s="116">
        <v>752293</v>
      </c>
      <c r="FM30" s="115">
        <v>1406028</v>
      </c>
      <c r="FN30" s="112">
        <v>0</v>
      </c>
      <c r="FO30" s="116">
        <v>1086864</v>
      </c>
      <c r="FP30" s="116">
        <v>2111207</v>
      </c>
      <c r="FQ30" s="116">
        <v>1669265</v>
      </c>
      <c r="FR30" s="116">
        <v>2026197</v>
      </c>
      <c r="FS30" s="116">
        <v>1467862</v>
      </c>
      <c r="FT30" s="115">
        <v>8361395</v>
      </c>
      <c r="FU30" s="118">
        <v>9767423</v>
      </c>
      <c r="FV30" s="117">
        <v>369956</v>
      </c>
      <c r="FW30" s="116">
        <v>640468</v>
      </c>
      <c r="FX30" s="114">
        <v>1010424</v>
      </c>
      <c r="FY30" s="113">
        <v>0</v>
      </c>
      <c r="FZ30" s="116">
        <v>985833</v>
      </c>
      <c r="GA30" s="116">
        <v>1972355</v>
      </c>
      <c r="GB30" s="116">
        <v>1669265</v>
      </c>
      <c r="GC30" s="116">
        <v>2019663</v>
      </c>
      <c r="GD30" s="116">
        <v>1342491</v>
      </c>
      <c r="GE30" s="115">
        <v>7989607</v>
      </c>
      <c r="GF30" s="354">
        <v>9000031</v>
      </c>
      <c r="GG30" s="117">
        <v>9900</v>
      </c>
      <c r="GH30" s="116">
        <v>111825</v>
      </c>
      <c r="GI30" s="114">
        <v>121725</v>
      </c>
      <c r="GJ30" s="113">
        <v>0</v>
      </c>
      <c r="GK30" s="116">
        <v>64998</v>
      </c>
      <c r="GL30" s="116">
        <v>138852</v>
      </c>
      <c r="GM30" s="116">
        <v>0</v>
      </c>
      <c r="GN30" s="116">
        <v>6534</v>
      </c>
      <c r="GO30" s="116">
        <v>30690</v>
      </c>
      <c r="GP30" s="115">
        <v>241074</v>
      </c>
      <c r="GQ30" s="118">
        <v>362799</v>
      </c>
      <c r="GR30" s="112">
        <v>273879</v>
      </c>
      <c r="GS30" s="116">
        <v>0</v>
      </c>
      <c r="GT30" s="115">
        <v>273879</v>
      </c>
      <c r="GU30" s="112">
        <v>0</v>
      </c>
      <c r="GV30" s="116">
        <v>36033</v>
      </c>
      <c r="GW30" s="116">
        <v>0</v>
      </c>
      <c r="GX30" s="116">
        <v>0</v>
      </c>
      <c r="GY30" s="116">
        <v>0</v>
      </c>
      <c r="GZ30" s="116">
        <v>94681</v>
      </c>
      <c r="HA30" s="114">
        <v>130714</v>
      </c>
      <c r="HB30" s="118">
        <v>404593</v>
      </c>
      <c r="HC30" s="112">
        <v>55872</v>
      </c>
      <c r="HD30" s="116">
        <v>452237</v>
      </c>
      <c r="HE30" s="114">
        <v>508109</v>
      </c>
      <c r="HF30" s="113">
        <v>0</v>
      </c>
      <c r="HG30" s="116">
        <v>3142188</v>
      </c>
      <c r="HH30" s="116">
        <v>3346183</v>
      </c>
      <c r="HI30" s="116">
        <v>1885202</v>
      </c>
      <c r="HJ30" s="116">
        <v>3946816</v>
      </c>
      <c r="HK30" s="116">
        <v>2343456</v>
      </c>
      <c r="HL30" s="115">
        <v>14663845</v>
      </c>
      <c r="HM30" s="111">
        <v>15171954</v>
      </c>
      <c r="HN30" s="117">
        <v>373662</v>
      </c>
      <c r="HO30" s="116">
        <v>702972</v>
      </c>
      <c r="HP30" s="115">
        <v>1076634</v>
      </c>
      <c r="HQ30" s="112">
        <v>0</v>
      </c>
      <c r="HR30" s="116">
        <v>4755512</v>
      </c>
      <c r="HS30" s="116">
        <v>3088416</v>
      </c>
      <c r="HT30" s="116">
        <v>1957990</v>
      </c>
      <c r="HU30" s="116">
        <v>2186069</v>
      </c>
      <c r="HV30" s="116">
        <v>1085384</v>
      </c>
      <c r="HW30" s="114">
        <v>13073371</v>
      </c>
      <c r="HX30" s="118">
        <v>14150005</v>
      </c>
      <c r="HY30" s="167">
        <v>0</v>
      </c>
      <c r="HZ30" s="152">
        <v>0</v>
      </c>
      <c r="IA30" s="167">
        <v>0</v>
      </c>
      <c r="IB30" s="151">
        <v>0</v>
      </c>
      <c r="IC30" s="152">
        <v>7244256</v>
      </c>
      <c r="ID30" s="153">
        <v>4269256</v>
      </c>
      <c r="IE30" s="154">
        <v>3738893</v>
      </c>
      <c r="IF30" s="152">
        <v>1838794</v>
      </c>
      <c r="IG30" s="154">
        <v>740496</v>
      </c>
      <c r="IH30" s="155">
        <v>17831695</v>
      </c>
      <c r="II30" s="167">
        <v>17831695</v>
      </c>
      <c r="IJ30" s="261">
        <v>0</v>
      </c>
      <c r="IK30" s="268">
        <v>0</v>
      </c>
      <c r="IL30" s="269">
        <v>0</v>
      </c>
      <c r="IM30" s="157"/>
      <c r="IN30" s="122">
        <v>0</v>
      </c>
      <c r="IO30" s="122">
        <v>0</v>
      </c>
      <c r="IP30" s="122">
        <v>0</v>
      </c>
      <c r="IQ30" s="122">
        <v>0</v>
      </c>
      <c r="IR30" s="122">
        <v>0</v>
      </c>
      <c r="IS30" s="158">
        <v>0</v>
      </c>
      <c r="IT30" s="357">
        <v>0</v>
      </c>
      <c r="IU30" s="159">
        <v>0</v>
      </c>
      <c r="IV30" s="122">
        <v>0</v>
      </c>
      <c r="IW30" s="123">
        <v>0</v>
      </c>
      <c r="IX30" s="161"/>
      <c r="IY30" s="122">
        <v>0</v>
      </c>
      <c r="IZ30" s="122">
        <v>0</v>
      </c>
      <c r="JA30" s="122">
        <v>0</v>
      </c>
      <c r="JB30" s="122">
        <v>0</v>
      </c>
      <c r="JC30" s="122">
        <v>0</v>
      </c>
      <c r="JD30" s="123">
        <v>0</v>
      </c>
      <c r="JE30" s="124">
        <v>0</v>
      </c>
      <c r="JF30" s="159">
        <v>0</v>
      </c>
      <c r="JG30" s="122">
        <v>0</v>
      </c>
      <c r="JH30" s="158">
        <v>0</v>
      </c>
      <c r="JI30" s="121">
        <v>0</v>
      </c>
      <c r="JJ30" s="122">
        <v>4079019</v>
      </c>
      <c r="JK30" s="122">
        <v>2195515</v>
      </c>
      <c r="JL30" s="122">
        <v>1150222</v>
      </c>
      <c r="JM30" s="122">
        <v>791476</v>
      </c>
      <c r="JN30" s="122">
        <v>113357</v>
      </c>
      <c r="JO30" s="123">
        <v>8329589</v>
      </c>
      <c r="JP30" s="357">
        <v>8329589</v>
      </c>
      <c r="JQ30" s="159">
        <v>0</v>
      </c>
      <c r="JR30" s="122">
        <v>0</v>
      </c>
      <c r="JS30" s="158">
        <v>0</v>
      </c>
      <c r="JT30" s="121">
        <v>0</v>
      </c>
      <c r="JU30" s="122">
        <v>371952</v>
      </c>
      <c r="JV30" s="122">
        <v>262060</v>
      </c>
      <c r="JW30" s="122">
        <v>175969</v>
      </c>
      <c r="JX30" s="122">
        <v>0</v>
      </c>
      <c r="JY30" s="122">
        <v>153467</v>
      </c>
      <c r="JZ30" s="123">
        <v>963448</v>
      </c>
      <c r="KA30" s="357">
        <v>963448</v>
      </c>
      <c r="KB30" s="264">
        <v>0</v>
      </c>
      <c r="KC30" s="258">
        <v>0</v>
      </c>
      <c r="KD30" s="123">
        <v>0</v>
      </c>
      <c r="KE30" s="121">
        <v>0</v>
      </c>
      <c r="KF30" s="122">
        <v>239044</v>
      </c>
      <c r="KG30" s="122">
        <v>346709</v>
      </c>
      <c r="KH30" s="122">
        <v>999582</v>
      </c>
      <c r="KI30" s="122">
        <v>0</v>
      </c>
      <c r="KJ30" s="122">
        <v>228823</v>
      </c>
      <c r="KK30" s="123">
        <v>1814158</v>
      </c>
      <c r="KL30" s="160">
        <v>1814158</v>
      </c>
      <c r="KM30" s="261">
        <v>0</v>
      </c>
      <c r="KN30" s="268">
        <v>0</v>
      </c>
      <c r="KO30" s="269">
        <v>0</v>
      </c>
      <c r="KP30" s="157"/>
      <c r="KQ30" s="122">
        <v>2554241</v>
      </c>
      <c r="KR30" s="122">
        <v>1464972</v>
      </c>
      <c r="KS30" s="122">
        <v>1413120</v>
      </c>
      <c r="KT30" s="122">
        <v>1047318</v>
      </c>
      <c r="KU30" s="122">
        <v>244849</v>
      </c>
      <c r="KV30" s="123">
        <v>6724500</v>
      </c>
      <c r="KW30" s="357">
        <v>6724500</v>
      </c>
      <c r="KX30" s="159">
        <v>0</v>
      </c>
      <c r="KY30" s="122">
        <v>0</v>
      </c>
      <c r="KZ30" s="123">
        <v>0</v>
      </c>
      <c r="LA30" s="162"/>
      <c r="LB30" s="122">
        <v>0</v>
      </c>
      <c r="LC30" s="122">
        <v>0</v>
      </c>
      <c r="LD30" s="122">
        <v>0</v>
      </c>
      <c r="LE30" s="122">
        <v>0</v>
      </c>
      <c r="LF30" s="122">
        <v>0</v>
      </c>
      <c r="LG30" s="123">
        <v>0</v>
      </c>
      <c r="LH30" s="124">
        <v>0</v>
      </c>
      <c r="LI30" s="159">
        <v>0</v>
      </c>
      <c r="LJ30" s="122">
        <v>0</v>
      </c>
      <c r="LK30" s="123">
        <v>0</v>
      </c>
      <c r="LL30" s="162"/>
      <c r="LM30" s="122">
        <v>0</v>
      </c>
      <c r="LN30" s="122">
        <v>0</v>
      </c>
      <c r="LO30" s="122">
        <v>0</v>
      </c>
      <c r="LP30" s="122">
        <v>0</v>
      </c>
      <c r="LQ30" s="122">
        <v>0</v>
      </c>
      <c r="LR30" s="123">
        <v>0</v>
      </c>
      <c r="LS30" s="357">
        <v>0</v>
      </c>
      <c r="LT30" s="159">
        <v>0</v>
      </c>
      <c r="LU30" s="122">
        <v>0</v>
      </c>
      <c r="LV30" s="123">
        <v>0</v>
      </c>
      <c r="LW30" s="162"/>
      <c r="LX30" s="122">
        <v>0</v>
      </c>
      <c r="LY30" s="122">
        <v>0</v>
      </c>
      <c r="LZ30" s="122">
        <v>0</v>
      </c>
      <c r="MA30" s="122">
        <v>0</v>
      </c>
      <c r="MB30" s="122">
        <v>0</v>
      </c>
      <c r="MC30" s="123">
        <v>0</v>
      </c>
      <c r="MD30" s="124">
        <v>0</v>
      </c>
      <c r="ME30" s="159">
        <v>0</v>
      </c>
      <c r="MF30" s="122">
        <v>0</v>
      </c>
      <c r="MG30" s="123">
        <v>0</v>
      </c>
      <c r="MH30" s="162"/>
      <c r="MI30" s="122">
        <v>4363190</v>
      </c>
      <c r="MJ30" s="122">
        <v>6366275</v>
      </c>
      <c r="MK30" s="122">
        <v>21556851</v>
      </c>
      <c r="ML30" s="122">
        <v>31191736</v>
      </c>
      <c r="MM30" s="122">
        <v>19480701</v>
      </c>
      <c r="MN30" s="123">
        <v>82958753</v>
      </c>
      <c r="MO30" s="160">
        <v>82958753</v>
      </c>
      <c r="MP30" s="159">
        <v>0</v>
      </c>
      <c r="MQ30" s="122">
        <v>0</v>
      </c>
      <c r="MR30" s="123">
        <v>0</v>
      </c>
      <c r="MS30" s="162"/>
      <c r="MT30" s="122">
        <v>1217323</v>
      </c>
      <c r="MU30" s="122">
        <v>2019952</v>
      </c>
      <c r="MV30" s="122">
        <v>15494607</v>
      </c>
      <c r="MW30" s="122">
        <v>17709617</v>
      </c>
      <c r="MX30" s="122">
        <v>13716537</v>
      </c>
      <c r="MY30" s="123">
        <v>50158036</v>
      </c>
      <c r="MZ30" s="160">
        <v>50158036</v>
      </c>
      <c r="NA30" s="159">
        <v>0</v>
      </c>
      <c r="NB30" s="122">
        <v>0</v>
      </c>
      <c r="NC30" s="123">
        <v>0</v>
      </c>
      <c r="ND30" s="162"/>
      <c r="NE30" s="122">
        <v>3145867</v>
      </c>
      <c r="NF30" s="122">
        <v>4346323</v>
      </c>
      <c r="NG30" s="122">
        <v>6062244</v>
      </c>
      <c r="NH30" s="122">
        <v>13119856</v>
      </c>
      <c r="NI30" s="122">
        <v>5441700</v>
      </c>
      <c r="NJ30" s="123">
        <v>32115990</v>
      </c>
      <c r="NK30" s="357">
        <v>32115990</v>
      </c>
      <c r="NL30" s="159">
        <v>0</v>
      </c>
      <c r="NM30" s="122">
        <v>0</v>
      </c>
      <c r="NN30" s="123">
        <v>0</v>
      </c>
      <c r="NO30" s="162"/>
      <c r="NP30" s="122">
        <v>0</v>
      </c>
      <c r="NQ30" s="122">
        <v>0</v>
      </c>
      <c r="NR30" s="122">
        <v>0</v>
      </c>
      <c r="NS30" s="122">
        <v>0</v>
      </c>
      <c r="NT30" s="122">
        <v>322464</v>
      </c>
      <c r="NU30" s="123">
        <v>322464</v>
      </c>
      <c r="NV30" s="124">
        <v>322464</v>
      </c>
      <c r="NW30" s="159">
        <v>0</v>
      </c>
      <c r="NX30" s="122">
        <v>0</v>
      </c>
      <c r="NY30" s="123">
        <v>0</v>
      </c>
      <c r="NZ30" s="162"/>
      <c r="OA30" s="122">
        <v>0</v>
      </c>
      <c r="OB30" s="122">
        <v>0</v>
      </c>
      <c r="OC30" s="122">
        <v>0</v>
      </c>
      <c r="OD30" s="122">
        <v>362263</v>
      </c>
      <c r="OE30" s="122">
        <v>0</v>
      </c>
      <c r="OF30" s="123">
        <v>362263</v>
      </c>
      <c r="OG30" s="124">
        <v>362263</v>
      </c>
      <c r="OH30" s="159">
        <v>1486871</v>
      </c>
      <c r="OI30" s="122">
        <v>3387226</v>
      </c>
      <c r="OJ30" s="158">
        <v>4874097</v>
      </c>
      <c r="OK30" s="121">
        <v>0</v>
      </c>
      <c r="OL30" s="122">
        <v>37205396</v>
      </c>
      <c r="OM30" s="122">
        <v>34014896</v>
      </c>
      <c r="ON30" s="122">
        <v>41230788</v>
      </c>
      <c r="OO30" s="122">
        <v>58992664</v>
      </c>
      <c r="OP30" s="122">
        <v>36128435</v>
      </c>
      <c r="OQ30" s="123">
        <v>207572179</v>
      </c>
      <c r="OR30" s="160">
        <v>212446276</v>
      </c>
    </row>
    <row r="31" spans="1:408" ht="18.75" customHeight="1" x14ac:dyDescent="0.2">
      <c r="A31" s="62" t="s">
        <v>26</v>
      </c>
      <c r="B31" s="112">
        <v>2087872</v>
      </c>
      <c r="C31" s="116">
        <v>1789151</v>
      </c>
      <c r="D31" s="115">
        <v>3877023</v>
      </c>
      <c r="E31" s="111">
        <v>0</v>
      </c>
      <c r="F31" s="116">
        <v>21915479</v>
      </c>
      <c r="G31" s="116">
        <v>21626952</v>
      </c>
      <c r="H31" s="116">
        <v>18748944</v>
      </c>
      <c r="I31" s="116">
        <v>19269689</v>
      </c>
      <c r="J31" s="116">
        <v>20162703</v>
      </c>
      <c r="K31" s="200">
        <v>101723767</v>
      </c>
      <c r="L31" s="118">
        <v>105600790</v>
      </c>
      <c r="M31" s="112">
        <v>407834</v>
      </c>
      <c r="N31" s="116">
        <v>519079</v>
      </c>
      <c r="O31" s="115">
        <v>926913</v>
      </c>
      <c r="P31" s="112">
        <v>0</v>
      </c>
      <c r="Q31" s="116">
        <v>5691187</v>
      </c>
      <c r="R31" s="116">
        <v>6802697</v>
      </c>
      <c r="S31" s="116">
        <v>5499680</v>
      </c>
      <c r="T31" s="116">
        <v>8039166</v>
      </c>
      <c r="U31" s="116">
        <v>10935093</v>
      </c>
      <c r="V31" s="115">
        <v>36967823</v>
      </c>
      <c r="W31" s="118">
        <v>37894736</v>
      </c>
      <c r="X31" s="112">
        <v>0</v>
      </c>
      <c r="Y31" s="116">
        <v>0</v>
      </c>
      <c r="Z31" s="115">
        <v>0</v>
      </c>
      <c r="AA31" s="112">
        <v>0</v>
      </c>
      <c r="AB31" s="116">
        <v>2618986</v>
      </c>
      <c r="AC31" s="116">
        <v>3909225</v>
      </c>
      <c r="AD31" s="116">
        <v>2874980</v>
      </c>
      <c r="AE31" s="116">
        <v>4772015</v>
      </c>
      <c r="AF31" s="116">
        <v>6553913</v>
      </c>
      <c r="AG31" s="115">
        <v>20729119</v>
      </c>
      <c r="AH31" s="118">
        <v>20729119</v>
      </c>
      <c r="AI31" s="112">
        <v>0</v>
      </c>
      <c r="AJ31" s="116">
        <v>0</v>
      </c>
      <c r="AK31" s="115">
        <v>0</v>
      </c>
      <c r="AL31" s="112">
        <v>0</v>
      </c>
      <c r="AM31" s="116">
        <v>0</v>
      </c>
      <c r="AN31" s="116">
        <v>275914</v>
      </c>
      <c r="AO31" s="116">
        <v>211205</v>
      </c>
      <c r="AP31" s="116">
        <v>708995</v>
      </c>
      <c r="AQ31" s="116">
        <v>1073481</v>
      </c>
      <c r="AR31" s="115">
        <v>2269595</v>
      </c>
      <c r="AS31" s="118">
        <v>2269595</v>
      </c>
      <c r="AT31" s="112">
        <v>214681</v>
      </c>
      <c r="AU31" s="116">
        <v>486546</v>
      </c>
      <c r="AV31" s="115">
        <v>701227</v>
      </c>
      <c r="AW31" s="112">
        <v>0</v>
      </c>
      <c r="AX31" s="116">
        <v>2138804</v>
      </c>
      <c r="AY31" s="116">
        <v>1691432</v>
      </c>
      <c r="AZ31" s="116">
        <v>1436974</v>
      </c>
      <c r="BA31" s="116">
        <v>1800897</v>
      </c>
      <c r="BB31" s="116">
        <v>2588518</v>
      </c>
      <c r="BC31" s="115">
        <v>9656625</v>
      </c>
      <c r="BD31" s="118">
        <v>10357852</v>
      </c>
      <c r="BE31" s="112">
        <v>47550</v>
      </c>
      <c r="BF31" s="116">
        <v>0</v>
      </c>
      <c r="BG31" s="114">
        <v>47550</v>
      </c>
      <c r="BH31" s="113">
        <v>0</v>
      </c>
      <c r="BI31" s="116">
        <v>197292</v>
      </c>
      <c r="BJ31" s="116">
        <v>219459</v>
      </c>
      <c r="BK31" s="116">
        <v>200202</v>
      </c>
      <c r="BL31" s="116">
        <v>11955</v>
      </c>
      <c r="BM31" s="116">
        <v>87809</v>
      </c>
      <c r="BN31" s="115">
        <v>716717</v>
      </c>
      <c r="BO31" s="118">
        <v>764267</v>
      </c>
      <c r="BP31" s="112">
        <v>145603</v>
      </c>
      <c r="BQ31" s="116">
        <v>32533</v>
      </c>
      <c r="BR31" s="115">
        <v>178136</v>
      </c>
      <c r="BS31" s="112">
        <v>0</v>
      </c>
      <c r="BT31" s="116">
        <v>736105</v>
      </c>
      <c r="BU31" s="116">
        <v>706667</v>
      </c>
      <c r="BV31" s="116">
        <v>776319</v>
      </c>
      <c r="BW31" s="116">
        <v>745304</v>
      </c>
      <c r="BX31" s="116">
        <v>631372</v>
      </c>
      <c r="BY31" s="115">
        <v>3595767</v>
      </c>
      <c r="BZ31" s="118">
        <v>3773903</v>
      </c>
      <c r="CA31" s="112">
        <v>66501</v>
      </c>
      <c r="CB31" s="116">
        <v>197598</v>
      </c>
      <c r="CC31" s="115">
        <v>264099</v>
      </c>
      <c r="CD31" s="112">
        <v>0</v>
      </c>
      <c r="CE31" s="116">
        <v>5628241</v>
      </c>
      <c r="CF31" s="116">
        <v>5503791</v>
      </c>
      <c r="CG31" s="116">
        <v>4406181</v>
      </c>
      <c r="CH31" s="116">
        <v>2616748</v>
      </c>
      <c r="CI31" s="116">
        <v>2336074</v>
      </c>
      <c r="CJ31" s="115">
        <v>20491035</v>
      </c>
      <c r="CK31" s="118">
        <v>20755134</v>
      </c>
      <c r="CL31" s="112">
        <v>0</v>
      </c>
      <c r="CM31" s="116">
        <v>0</v>
      </c>
      <c r="CN31" s="115">
        <v>0</v>
      </c>
      <c r="CO31" s="113">
        <v>0</v>
      </c>
      <c r="CP31" s="116">
        <v>4792823</v>
      </c>
      <c r="CQ31" s="116">
        <v>4157755</v>
      </c>
      <c r="CR31" s="116">
        <v>3625550</v>
      </c>
      <c r="CS31" s="116">
        <v>2067950</v>
      </c>
      <c r="CT31" s="116">
        <v>1827489</v>
      </c>
      <c r="CU31" s="115">
        <v>16471567</v>
      </c>
      <c r="CV31" s="118">
        <v>16471567</v>
      </c>
      <c r="CW31" s="112">
        <v>66501</v>
      </c>
      <c r="CX31" s="116">
        <v>197598</v>
      </c>
      <c r="CY31" s="115">
        <v>264099</v>
      </c>
      <c r="CZ31" s="112">
        <v>0</v>
      </c>
      <c r="DA31" s="116">
        <v>835418</v>
      </c>
      <c r="DB31" s="116">
        <v>1346036</v>
      </c>
      <c r="DC31" s="116">
        <v>780631</v>
      </c>
      <c r="DD31" s="116">
        <v>548798</v>
      </c>
      <c r="DE31" s="116">
        <v>508585</v>
      </c>
      <c r="DF31" s="115">
        <v>4019468</v>
      </c>
      <c r="DG31" s="118">
        <v>4283567</v>
      </c>
      <c r="DH31" s="112">
        <v>0</v>
      </c>
      <c r="DI31" s="116">
        <v>158298</v>
      </c>
      <c r="DJ31" s="114">
        <v>158298</v>
      </c>
      <c r="DK31" s="113">
        <v>0</v>
      </c>
      <c r="DL31" s="116">
        <v>514500</v>
      </c>
      <c r="DM31" s="116">
        <v>558668</v>
      </c>
      <c r="DN31" s="116">
        <v>1847487</v>
      </c>
      <c r="DO31" s="116">
        <v>1861456</v>
      </c>
      <c r="DP31" s="116">
        <v>1440268</v>
      </c>
      <c r="DQ31" s="115">
        <v>6222379</v>
      </c>
      <c r="DR31" s="118">
        <v>6380677</v>
      </c>
      <c r="DS31" s="112">
        <v>0</v>
      </c>
      <c r="DT31" s="116">
        <v>158298</v>
      </c>
      <c r="DU31" s="115">
        <v>158298</v>
      </c>
      <c r="DV31" s="112">
        <v>0</v>
      </c>
      <c r="DW31" s="116">
        <v>425021</v>
      </c>
      <c r="DX31" s="116">
        <v>542328</v>
      </c>
      <c r="DY31" s="116">
        <v>1659363</v>
      </c>
      <c r="DZ31" s="116">
        <v>1535800</v>
      </c>
      <c r="EA31" s="116">
        <v>1292411</v>
      </c>
      <c r="EB31" s="115">
        <v>5454923</v>
      </c>
      <c r="EC31" s="118">
        <v>5613221</v>
      </c>
      <c r="ED31" s="112">
        <v>0</v>
      </c>
      <c r="EE31" s="114">
        <v>0</v>
      </c>
      <c r="EF31" s="115">
        <v>0</v>
      </c>
      <c r="EG31" s="112">
        <v>0</v>
      </c>
      <c r="EH31" s="116">
        <v>89479</v>
      </c>
      <c r="EI31" s="116">
        <v>16340</v>
      </c>
      <c r="EJ31" s="116">
        <v>188124</v>
      </c>
      <c r="EK31" s="116">
        <v>325656</v>
      </c>
      <c r="EL31" s="116">
        <v>147857</v>
      </c>
      <c r="EM31" s="114">
        <v>767456</v>
      </c>
      <c r="EN31" s="118">
        <v>767456</v>
      </c>
      <c r="EO31" s="112">
        <v>0</v>
      </c>
      <c r="EP31" s="116">
        <v>0</v>
      </c>
      <c r="EQ31" s="114">
        <v>0</v>
      </c>
      <c r="ER31" s="113">
        <v>0</v>
      </c>
      <c r="ES31" s="116">
        <v>0</v>
      </c>
      <c r="ET31" s="116">
        <v>0</v>
      </c>
      <c r="EU31" s="116">
        <v>0</v>
      </c>
      <c r="EV31" s="116">
        <v>0</v>
      </c>
      <c r="EW31" s="116">
        <v>0</v>
      </c>
      <c r="EX31" s="115">
        <v>0</v>
      </c>
      <c r="EY31" s="118">
        <v>0</v>
      </c>
      <c r="EZ31" s="112">
        <v>0</v>
      </c>
      <c r="FA31" s="116">
        <v>0</v>
      </c>
      <c r="FB31" s="114">
        <v>0</v>
      </c>
      <c r="FC31" s="390"/>
      <c r="FD31" s="116">
        <v>0</v>
      </c>
      <c r="FE31" s="116">
        <v>0</v>
      </c>
      <c r="FF31" s="116">
        <v>0</v>
      </c>
      <c r="FG31" s="116">
        <v>0</v>
      </c>
      <c r="FH31" s="116">
        <v>0</v>
      </c>
      <c r="FI31" s="115">
        <v>0</v>
      </c>
      <c r="FJ31" s="118">
        <v>0</v>
      </c>
      <c r="FK31" s="112">
        <v>665300</v>
      </c>
      <c r="FL31" s="116">
        <v>402090</v>
      </c>
      <c r="FM31" s="115">
        <v>1067390</v>
      </c>
      <c r="FN31" s="112">
        <v>0</v>
      </c>
      <c r="FO31" s="116">
        <v>1868038</v>
      </c>
      <c r="FP31" s="116">
        <v>2373792</v>
      </c>
      <c r="FQ31" s="116">
        <v>1525802</v>
      </c>
      <c r="FR31" s="116">
        <v>1621919</v>
      </c>
      <c r="FS31" s="116">
        <v>1826286</v>
      </c>
      <c r="FT31" s="115">
        <v>9215837</v>
      </c>
      <c r="FU31" s="118">
        <v>10283227</v>
      </c>
      <c r="FV31" s="117">
        <v>220610</v>
      </c>
      <c r="FW31" s="116">
        <v>402090</v>
      </c>
      <c r="FX31" s="114">
        <v>622700</v>
      </c>
      <c r="FY31" s="113">
        <v>0</v>
      </c>
      <c r="FZ31" s="116">
        <v>1103982</v>
      </c>
      <c r="GA31" s="116">
        <v>2081292</v>
      </c>
      <c r="GB31" s="116">
        <v>1422842</v>
      </c>
      <c r="GC31" s="116">
        <v>1621919</v>
      </c>
      <c r="GD31" s="116">
        <v>1646286</v>
      </c>
      <c r="GE31" s="115">
        <v>7876321</v>
      </c>
      <c r="GF31" s="354">
        <v>8499021</v>
      </c>
      <c r="GG31" s="117">
        <v>10890</v>
      </c>
      <c r="GH31" s="116">
        <v>0</v>
      </c>
      <c r="GI31" s="114">
        <v>10890</v>
      </c>
      <c r="GJ31" s="113">
        <v>0</v>
      </c>
      <c r="GK31" s="116">
        <v>135696</v>
      </c>
      <c r="GL31" s="116">
        <v>13320</v>
      </c>
      <c r="GM31" s="116">
        <v>0</v>
      </c>
      <c r="GN31" s="116">
        <v>0</v>
      </c>
      <c r="GO31" s="116">
        <v>0</v>
      </c>
      <c r="GP31" s="115">
        <v>149016</v>
      </c>
      <c r="GQ31" s="118">
        <v>159906</v>
      </c>
      <c r="GR31" s="112">
        <v>433800</v>
      </c>
      <c r="GS31" s="116">
        <v>0</v>
      </c>
      <c r="GT31" s="115">
        <v>433800</v>
      </c>
      <c r="GU31" s="112">
        <v>0</v>
      </c>
      <c r="GV31" s="116">
        <v>628360</v>
      </c>
      <c r="GW31" s="116">
        <v>279180</v>
      </c>
      <c r="GX31" s="116">
        <v>102960</v>
      </c>
      <c r="GY31" s="116">
        <v>0</v>
      </c>
      <c r="GZ31" s="116">
        <v>180000</v>
      </c>
      <c r="HA31" s="114">
        <v>1190500</v>
      </c>
      <c r="HB31" s="118">
        <v>1624300</v>
      </c>
      <c r="HC31" s="112">
        <v>596634</v>
      </c>
      <c r="HD31" s="116">
        <v>70430</v>
      </c>
      <c r="HE31" s="114">
        <v>667064</v>
      </c>
      <c r="HF31" s="113">
        <v>0</v>
      </c>
      <c r="HG31" s="116">
        <v>4094154</v>
      </c>
      <c r="HH31" s="116">
        <v>3381794</v>
      </c>
      <c r="HI31" s="116">
        <v>3322456</v>
      </c>
      <c r="HJ31" s="116">
        <v>3484214</v>
      </c>
      <c r="HK31" s="116">
        <v>2222831</v>
      </c>
      <c r="HL31" s="115">
        <v>16505449</v>
      </c>
      <c r="HM31" s="111">
        <v>17172513</v>
      </c>
      <c r="HN31" s="117">
        <v>351603</v>
      </c>
      <c r="HO31" s="116">
        <v>441656</v>
      </c>
      <c r="HP31" s="115">
        <v>793259</v>
      </c>
      <c r="HQ31" s="112">
        <v>0</v>
      </c>
      <c r="HR31" s="116">
        <v>4119359</v>
      </c>
      <c r="HS31" s="116">
        <v>3006210</v>
      </c>
      <c r="HT31" s="116">
        <v>2147338</v>
      </c>
      <c r="HU31" s="116">
        <v>1646186</v>
      </c>
      <c r="HV31" s="116">
        <v>1402151</v>
      </c>
      <c r="HW31" s="114">
        <v>12321244</v>
      </c>
      <c r="HX31" s="118">
        <v>13114503</v>
      </c>
      <c r="HY31" s="148">
        <v>105462</v>
      </c>
      <c r="HZ31" s="149">
        <v>0</v>
      </c>
      <c r="IA31" s="150">
        <v>105462</v>
      </c>
      <c r="IB31" s="163">
        <v>0</v>
      </c>
      <c r="IC31" s="149">
        <v>5553046</v>
      </c>
      <c r="ID31" s="164">
        <v>5873038</v>
      </c>
      <c r="IE31" s="150">
        <v>7713095</v>
      </c>
      <c r="IF31" s="149">
        <v>3476640</v>
      </c>
      <c r="IG31" s="150">
        <v>3909938</v>
      </c>
      <c r="IH31" s="165">
        <v>26525757</v>
      </c>
      <c r="II31" s="156">
        <v>26631219</v>
      </c>
      <c r="IJ31" s="261">
        <v>0</v>
      </c>
      <c r="IK31" s="268">
        <v>0</v>
      </c>
      <c r="IL31" s="269">
        <v>0</v>
      </c>
      <c r="IM31" s="157"/>
      <c r="IN31" s="122">
        <v>0</v>
      </c>
      <c r="IO31" s="122">
        <v>0</v>
      </c>
      <c r="IP31" s="122">
        <v>0</v>
      </c>
      <c r="IQ31" s="122">
        <v>0</v>
      </c>
      <c r="IR31" s="122">
        <v>0</v>
      </c>
      <c r="IS31" s="158">
        <v>0</v>
      </c>
      <c r="IT31" s="357">
        <v>0</v>
      </c>
      <c r="IU31" s="159">
        <v>0</v>
      </c>
      <c r="IV31" s="122">
        <v>0</v>
      </c>
      <c r="IW31" s="123">
        <v>0</v>
      </c>
      <c r="IX31" s="161"/>
      <c r="IY31" s="122">
        <v>0</v>
      </c>
      <c r="IZ31" s="122">
        <v>0</v>
      </c>
      <c r="JA31" s="122">
        <v>0</v>
      </c>
      <c r="JB31" s="122">
        <v>0</v>
      </c>
      <c r="JC31" s="122">
        <v>0</v>
      </c>
      <c r="JD31" s="123">
        <v>0</v>
      </c>
      <c r="JE31" s="124">
        <v>0</v>
      </c>
      <c r="JF31" s="159">
        <v>0</v>
      </c>
      <c r="JG31" s="122">
        <v>0</v>
      </c>
      <c r="JH31" s="158">
        <v>0</v>
      </c>
      <c r="JI31" s="121">
        <v>0</v>
      </c>
      <c r="JJ31" s="122">
        <v>2044127</v>
      </c>
      <c r="JK31" s="122">
        <v>2357155</v>
      </c>
      <c r="JL31" s="122">
        <v>1592040</v>
      </c>
      <c r="JM31" s="122">
        <v>961903</v>
      </c>
      <c r="JN31" s="122">
        <v>1193895</v>
      </c>
      <c r="JO31" s="123">
        <v>8149120</v>
      </c>
      <c r="JP31" s="357">
        <v>8149120</v>
      </c>
      <c r="JQ31" s="159">
        <v>0</v>
      </c>
      <c r="JR31" s="122">
        <v>0</v>
      </c>
      <c r="JS31" s="158">
        <v>0</v>
      </c>
      <c r="JT31" s="121">
        <v>0</v>
      </c>
      <c r="JU31" s="122">
        <v>73678</v>
      </c>
      <c r="JV31" s="122">
        <v>236355</v>
      </c>
      <c r="JW31" s="122">
        <v>1070511</v>
      </c>
      <c r="JX31" s="122">
        <v>76830</v>
      </c>
      <c r="JY31" s="122">
        <v>591257</v>
      </c>
      <c r="JZ31" s="123">
        <v>2048631</v>
      </c>
      <c r="KA31" s="357">
        <v>2048631</v>
      </c>
      <c r="KB31" s="264">
        <v>105462</v>
      </c>
      <c r="KC31" s="258">
        <v>0</v>
      </c>
      <c r="KD31" s="123">
        <v>105462</v>
      </c>
      <c r="KE31" s="121">
        <v>0</v>
      </c>
      <c r="KF31" s="122">
        <v>1179949</v>
      </c>
      <c r="KG31" s="122">
        <v>1042272</v>
      </c>
      <c r="KH31" s="122">
        <v>534258</v>
      </c>
      <c r="KI31" s="122">
        <v>478152</v>
      </c>
      <c r="KJ31" s="122">
        <v>951972</v>
      </c>
      <c r="KK31" s="123">
        <v>4186603</v>
      </c>
      <c r="KL31" s="160">
        <v>4292065</v>
      </c>
      <c r="KM31" s="261">
        <v>0</v>
      </c>
      <c r="KN31" s="268">
        <v>0</v>
      </c>
      <c r="KO31" s="269">
        <v>0</v>
      </c>
      <c r="KP31" s="157"/>
      <c r="KQ31" s="122">
        <v>2255292</v>
      </c>
      <c r="KR31" s="122">
        <v>2028301</v>
      </c>
      <c r="KS31" s="122">
        <v>4516286</v>
      </c>
      <c r="KT31" s="122">
        <v>1959755</v>
      </c>
      <c r="KU31" s="122">
        <v>1172814</v>
      </c>
      <c r="KV31" s="123">
        <v>11932448</v>
      </c>
      <c r="KW31" s="357">
        <v>11932448</v>
      </c>
      <c r="KX31" s="159">
        <v>0</v>
      </c>
      <c r="KY31" s="122">
        <v>0</v>
      </c>
      <c r="KZ31" s="123">
        <v>0</v>
      </c>
      <c r="LA31" s="162"/>
      <c r="LB31" s="122">
        <v>0</v>
      </c>
      <c r="LC31" s="122">
        <v>0</v>
      </c>
      <c r="LD31" s="122">
        <v>0</v>
      </c>
      <c r="LE31" s="122">
        <v>0</v>
      </c>
      <c r="LF31" s="122">
        <v>0</v>
      </c>
      <c r="LG31" s="123">
        <v>0</v>
      </c>
      <c r="LH31" s="124">
        <v>0</v>
      </c>
      <c r="LI31" s="159">
        <v>0</v>
      </c>
      <c r="LJ31" s="122">
        <v>0</v>
      </c>
      <c r="LK31" s="123">
        <v>0</v>
      </c>
      <c r="LL31" s="162"/>
      <c r="LM31" s="122">
        <v>0</v>
      </c>
      <c r="LN31" s="122">
        <v>208955</v>
      </c>
      <c r="LO31" s="122">
        <v>0</v>
      </c>
      <c r="LP31" s="122">
        <v>0</v>
      </c>
      <c r="LQ31" s="122">
        <v>0</v>
      </c>
      <c r="LR31" s="123">
        <v>208955</v>
      </c>
      <c r="LS31" s="357">
        <v>208955</v>
      </c>
      <c r="LT31" s="159">
        <v>0</v>
      </c>
      <c r="LU31" s="122">
        <v>0</v>
      </c>
      <c r="LV31" s="123">
        <v>0</v>
      </c>
      <c r="LW31" s="162"/>
      <c r="LX31" s="122">
        <v>0</v>
      </c>
      <c r="LY31" s="122">
        <v>0</v>
      </c>
      <c r="LZ31" s="122">
        <v>0</v>
      </c>
      <c r="MA31" s="122">
        <v>0</v>
      </c>
      <c r="MB31" s="122">
        <v>0</v>
      </c>
      <c r="MC31" s="123">
        <v>0</v>
      </c>
      <c r="MD31" s="124">
        <v>0</v>
      </c>
      <c r="ME31" s="159">
        <v>0</v>
      </c>
      <c r="MF31" s="122">
        <v>0</v>
      </c>
      <c r="MG31" s="123">
        <v>0</v>
      </c>
      <c r="MH31" s="162"/>
      <c r="MI31" s="122">
        <v>2693706</v>
      </c>
      <c r="MJ31" s="122">
        <v>6443681</v>
      </c>
      <c r="MK31" s="122">
        <v>15459318</v>
      </c>
      <c r="ML31" s="122">
        <v>21794790</v>
      </c>
      <c r="MM31" s="122">
        <v>9968798</v>
      </c>
      <c r="MN31" s="123">
        <v>56360293</v>
      </c>
      <c r="MO31" s="160">
        <v>56360293</v>
      </c>
      <c r="MP31" s="159">
        <v>0</v>
      </c>
      <c r="MQ31" s="122">
        <v>0</v>
      </c>
      <c r="MR31" s="123">
        <v>0</v>
      </c>
      <c r="MS31" s="162"/>
      <c r="MT31" s="122">
        <v>191080</v>
      </c>
      <c r="MU31" s="122">
        <v>902489</v>
      </c>
      <c r="MV31" s="122">
        <v>9670310</v>
      </c>
      <c r="MW31" s="122">
        <v>15834175</v>
      </c>
      <c r="MX31" s="122">
        <v>14929635</v>
      </c>
      <c r="MY31" s="123">
        <v>41527689</v>
      </c>
      <c r="MZ31" s="160">
        <v>41527689</v>
      </c>
      <c r="NA31" s="159">
        <v>0</v>
      </c>
      <c r="NB31" s="122">
        <v>0</v>
      </c>
      <c r="NC31" s="123">
        <v>0</v>
      </c>
      <c r="ND31" s="162"/>
      <c r="NE31" s="122">
        <v>2502626</v>
      </c>
      <c r="NF31" s="122">
        <v>5541192</v>
      </c>
      <c r="NG31" s="122">
        <v>5789008</v>
      </c>
      <c r="NH31" s="122">
        <v>5660171</v>
      </c>
      <c r="NI31" s="122">
        <v>2319937</v>
      </c>
      <c r="NJ31" s="123">
        <v>21812934</v>
      </c>
      <c r="NK31" s="357">
        <v>21812934</v>
      </c>
      <c r="NL31" s="159">
        <v>0</v>
      </c>
      <c r="NM31" s="122">
        <v>0</v>
      </c>
      <c r="NN31" s="123">
        <v>0</v>
      </c>
      <c r="NO31" s="162"/>
      <c r="NP31" s="122">
        <v>0</v>
      </c>
      <c r="NQ31" s="122">
        <v>0</v>
      </c>
      <c r="NR31" s="122">
        <v>0</v>
      </c>
      <c r="NS31" s="122">
        <v>300444</v>
      </c>
      <c r="NT31" s="122">
        <v>0</v>
      </c>
      <c r="NU31" s="123">
        <v>300444</v>
      </c>
      <c r="NV31" s="124">
        <v>300444</v>
      </c>
      <c r="NW31" s="159">
        <v>0</v>
      </c>
      <c r="NX31" s="122">
        <v>0</v>
      </c>
      <c r="NY31" s="123">
        <v>0</v>
      </c>
      <c r="NZ31" s="162"/>
      <c r="OA31" s="122">
        <v>0</v>
      </c>
      <c r="OB31" s="122">
        <v>0</v>
      </c>
      <c r="OC31" s="122">
        <v>0</v>
      </c>
      <c r="OD31" s="122">
        <v>0</v>
      </c>
      <c r="OE31" s="122">
        <v>-7280774</v>
      </c>
      <c r="OF31" s="123">
        <v>-7280774</v>
      </c>
      <c r="OG31" s="124">
        <v>-7280774</v>
      </c>
      <c r="OH31" s="159">
        <v>2193334</v>
      </c>
      <c r="OI31" s="122">
        <v>1789151</v>
      </c>
      <c r="OJ31" s="158">
        <v>3982485</v>
      </c>
      <c r="OK31" s="121">
        <v>0</v>
      </c>
      <c r="OL31" s="122">
        <v>30162231</v>
      </c>
      <c r="OM31" s="122">
        <v>33943671</v>
      </c>
      <c r="ON31" s="122">
        <v>41921357</v>
      </c>
      <c r="OO31" s="122">
        <v>44541119</v>
      </c>
      <c r="OP31" s="122">
        <v>34041439</v>
      </c>
      <c r="OQ31" s="123">
        <v>184609817</v>
      </c>
      <c r="OR31" s="160">
        <v>188592302</v>
      </c>
    </row>
    <row r="32" spans="1:408" ht="18.75" customHeight="1" x14ac:dyDescent="0.2">
      <c r="A32" s="62" t="s">
        <v>27</v>
      </c>
      <c r="B32" s="112">
        <v>2492101</v>
      </c>
      <c r="C32" s="116">
        <v>5656862</v>
      </c>
      <c r="D32" s="115">
        <v>8148963</v>
      </c>
      <c r="E32" s="111">
        <v>0</v>
      </c>
      <c r="F32" s="116">
        <v>18587155</v>
      </c>
      <c r="G32" s="116">
        <v>20767531</v>
      </c>
      <c r="H32" s="116">
        <v>20784557</v>
      </c>
      <c r="I32" s="116">
        <v>21576551</v>
      </c>
      <c r="J32" s="116">
        <v>14564099</v>
      </c>
      <c r="K32" s="200">
        <v>96279893</v>
      </c>
      <c r="L32" s="118">
        <v>104428856</v>
      </c>
      <c r="M32" s="112">
        <v>596614</v>
      </c>
      <c r="N32" s="116">
        <v>1201930</v>
      </c>
      <c r="O32" s="115">
        <v>1798544</v>
      </c>
      <c r="P32" s="112">
        <v>0</v>
      </c>
      <c r="Q32" s="116">
        <v>4466234</v>
      </c>
      <c r="R32" s="116">
        <v>4690617</v>
      </c>
      <c r="S32" s="116">
        <v>6233997</v>
      </c>
      <c r="T32" s="116">
        <v>6655594</v>
      </c>
      <c r="U32" s="116">
        <v>7245066</v>
      </c>
      <c r="V32" s="115">
        <v>29291508</v>
      </c>
      <c r="W32" s="118">
        <v>31090052</v>
      </c>
      <c r="X32" s="112">
        <v>0</v>
      </c>
      <c r="Y32" s="116">
        <v>0</v>
      </c>
      <c r="Z32" s="115">
        <v>0</v>
      </c>
      <c r="AA32" s="112">
        <v>0</v>
      </c>
      <c r="AB32" s="116">
        <v>2591777</v>
      </c>
      <c r="AC32" s="116">
        <v>2315600</v>
      </c>
      <c r="AD32" s="116">
        <v>3754244</v>
      </c>
      <c r="AE32" s="116">
        <v>3287359</v>
      </c>
      <c r="AF32" s="116">
        <v>4327703</v>
      </c>
      <c r="AG32" s="115">
        <v>16276683</v>
      </c>
      <c r="AH32" s="118">
        <v>16276683</v>
      </c>
      <c r="AI32" s="112">
        <v>0</v>
      </c>
      <c r="AJ32" s="116">
        <v>0</v>
      </c>
      <c r="AK32" s="115">
        <v>0</v>
      </c>
      <c r="AL32" s="112">
        <v>0</v>
      </c>
      <c r="AM32" s="116">
        <v>13412</v>
      </c>
      <c r="AN32" s="116">
        <v>154089</v>
      </c>
      <c r="AO32" s="116">
        <v>187944</v>
      </c>
      <c r="AP32" s="116">
        <v>715187</v>
      </c>
      <c r="AQ32" s="116">
        <v>609874</v>
      </c>
      <c r="AR32" s="115">
        <v>1680506</v>
      </c>
      <c r="AS32" s="118">
        <v>1680506</v>
      </c>
      <c r="AT32" s="112">
        <v>488512</v>
      </c>
      <c r="AU32" s="116">
        <v>908962</v>
      </c>
      <c r="AV32" s="115">
        <v>1397474</v>
      </c>
      <c r="AW32" s="112">
        <v>0</v>
      </c>
      <c r="AX32" s="116">
        <v>1027148</v>
      </c>
      <c r="AY32" s="116">
        <v>1535840</v>
      </c>
      <c r="AZ32" s="116">
        <v>1207094</v>
      </c>
      <c r="BA32" s="116">
        <v>1746143</v>
      </c>
      <c r="BB32" s="116">
        <v>1744399</v>
      </c>
      <c r="BC32" s="115">
        <v>7260624</v>
      </c>
      <c r="BD32" s="118">
        <v>8658098</v>
      </c>
      <c r="BE32" s="112">
        <v>26189</v>
      </c>
      <c r="BF32" s="116">
        <v>93117</v>
      </c>
      <c r="BG32" s="114">
        <v>119306</v>
      </c>
      <c r="BH32" s="113">
        <v>0</v>
      </c>
      <c r="BI32" s="116">
        <v>0</v>
      </c>
      <c r="BJ32" s="116">
        <v>35550</v>
      </c>
      <c r="BK32" s="116">
        <v>26663</v>
      </c>
      <c r="BL32" s="116">
        <v>0</v>
      </c>
      <c r="BM32" s="116">
        <v>35550</v>
      </c>
      <c r="BN32" s="115">
        <v>97763</v>
      </c>
      <c r="BO32" s="118">
        <v>217069</v>
      </c>
      <c r="BP32" s="112">
        <v>81913</v>
      </c>
      <c r="BQ32" s="116">
        <v>199851</v>
      </c>
      <c r="BR32" s="115">
        <v>281764</v>
      </c>
      <c r="BS32" s="112">
        <v>0</v>
      </c>
      <c r="BT32" s="116">
        <v>833897</v>
      </c>
      <c r="BU32" s="116">
        <v>649538</v>
      </c>
      <c r="BV32" s="116">
        <v>1058052</v>
      </c>
      <c r="BW32" s="116">
        <v>906905</v>
      </c>
      <c r="BX32" s="116">
        <v>527540</v>
      </c>
      <c r="BY32" s="115">
        <v>3975932</v>
      </c>
      <c r="BZ32" s="118">
        <v>4257696</v>
      </c>
      <c r="CA32" s="112">
        <v>186081</v>
      </c>
      <c r="CB32" s="116">
        <v>1058277</v>
      </c>
      <c r="CC32" s="115">
        <v>1244358</v>
      </c>
      <c r="CD32" s="112">
        <v>0</v>
      </c>
      <c r="CE32" s="116">
        <v>5279286</v>
      </c>
      <c r="CF32" s="116">
        <v>5453635</v>
      </c>
      <c r="CG32" s="116">
        <v>3518292</v>
      </c>
      <c r="CH32" s="116">
        <v>3034406</v>
      </c>
      <c r="CI32" s="116">
        <v>1713684</v>
      </c>
      <c r="CJ32" s="115">
        <v>18999303</v>
      </c>
      <c r="CK32" s="118">
        <v>20243661</v>
      </c>
      <c r="CL32" s="112">
        <v>0</v>
      </c>
      <c r="CM32" s="116">
        <v>0</v>
      </c>
      <c r="CN32" s="115">
        <v>0</v>
      </c>
      <c r="CO32" s="113">
        <v>0</v>
      </c>
      <c r="CP32" s="116">
        <v>4531748</v>
      </c>
      <c r="CQ32" s="116">
        <v>4271632</v>
      </c>
      <c r="CR32" s="116">
        <v>2790777</v>
      </c>
      <c r="CS32" s="116">
        <v>2539504</v>
      </c>
      <c r="CT32" s="116">
        <v>1415915</v>
      </c>
      <c r="CU32" s="115">
        <v>15549576</v>
      </c>
      <c r="CV32" s="118">
        <v>15549576</v>
      </c>
      <c r="CW32" s="112">
        <v>186081</v>
      </c>
      <c r="CX32" s="116">
        <v>1058277</v>
      </c>
      <c r="CY32" s="115">
        <v>1244358</v>
      </c>
      <c r="CZ32" s="112">
        <v>0</v>
      </c>
      <c r="DA32" s="116">
        <v>747538</v>
      </c>
      <c r="DB32" s="116">
        <v>1182003</v>
      </c>
      <c r="DC32" s="116">
        <v>727515</v>
      </c>
      <c r="DD32" s="116">
        <v>494902</v>
      </c>
      <c r="DE32" s="116">
        <v>297769</v>
      </c>
      <c r="DF32" s="115">
        <v>3449727</v>
      </c>
      <c r="DG32" s="118">
        <v>4694085</v>
      </c>
      <c r="DH32" s="112">
        <v>0</v>
      </c>
      <c r="DI32" s="116">
        <v>0</v>
      </c>
      <c r="DJ32" s="114">
        <v>0</v>
      </c>
      <c r="DK32" s="113">
        <v>0</v>
      </c>
      <c r="DL32" s="116">
        <v>827592</v>
      </c>
      <c r="DM32" s="116">
        <v>922691</v>
      </c>
      <c r="DN32" s="116">
        <v>1051256</v>
      </c>
      <c r="DO32" s="116">
        <v>1348190</v>
      </c>
      <c r="DP32" s="116">
        <v>532630</v>
      </c>
      <c r="DQ32" s="115">
        <v>4682359</v>
      </c>
      <c r="DR32" s="118">
        <v>4682359</v>
      </c>
      <c r="DS32" s="112">
        <v>0</v>
      </c>
      <c r="DT32" s="116">
        <v>0</v>
      </c>
      <c r="DU32" s="115">
        <v>0</v>
      </c>
      <c r="DV32" s="112">
        <v>0</v>
      </c>
      <c r="DW32" s="116">
        <v>748224</v>
      </c>
      <c r="DX32" s="116">
        <v>922691</v>
      </c>
      <c r="DY32" s="116">
        <v>1010811</v>
      </c>
      <c r="DZ32" s="116">
        <v>1157768</v>
      </c>
      <c r="EA32" s="116">
        <v>255555</v>
      </c>
      <c r="EB32" s="115">
        <v>4095049</v>
      </c>
      <c r="EC32" s="118">
        <v>4095049</v>
      </c>
      <c r="ED32" s="112">
        <v>0</v>
      </c>
      <c r="EE32" s="114">
        <v>0</v>
      </c>
      <c r="EF32" s="115">
        <v>0</v>
      </c>
      <c r="EG32" s="112">
        <v>0</v>
      </c>
      <c r="EH32" s="116">
        <v>79368</v>
      </c>
      <c r="EI32" s="116">
        <v>0</v>
      </c>
      <c r="EJ32" s="116">
        <v>40445</v>
      </c>
      <c r="EK32" s="116">
        <v>190422</v>
      </c>
      <c r="EL32" s="116">
        <v>277075</v>
      </c>
      <c r="EM32" s="114">
        <v>587310</v>
      </c>
      <c r="EN32" s="118">
        <v>587310</v>
      </c>
      <c r="EO32" s="112">
        <v>0</v>
      </c>
      <c r="EP32" s="116">
        <v>0</v>
      </c>
      <c r="EQ32" s="114">
        <v>0</v>
      </c>
      <c r="ER32" s="113">
        <v>0</v>
      </c>
      <c r="ES32" s="116">
        <v>0</v>
      </c>
      <c r="ET32" s="116">
        <v>0</v>
      </c>
      <c r="EU32" s="116">
        <v>0</v>
      </c>
      <c r="EV32" s="116">
        <v>0</v>
      </c>
      <c r="EW32" s="116">
        <v>0</v>
      </c>
      <c r="EX32" s="115">
        <v>0</v>
      </c>
      <c r="EY32" s="118">
        <v>0</v>
      </c>
      <c r="EZ32" s="112">
        <v>0</v>
      </c>
      <c r="FA32" s="116">
        <v>0</v>
      </c>
      <c r="FB32" s="114">
        <v>0</v>
      </c>
      <c r="FC32" s="390"/>
      <c r="FD32" s="116">
        <v>0</v>
      </c>
      <c r="FE32" s="116">
        <v>0</v>
      </c>
      <c r="FF32" s="116">
        <v>0</v>
      </c>
      <c r="FG32" s="116">
        <v>0</v>
      </c>
      <c r="FH32" s="116">
        <v>0</v>
      </c>
      <c r="FI32" s="115">
        <v>0</v>
      </c>
      <c r="FJ32" s="118">
        <v>0</v>
      </c>
      <c r="FK32" s="112">
        <v>639798</v>
      </c>
      <c r="FL32" s="116">
        <v>1468034</v>
      </c>
      <c r="FM32" s="115">
        <v>2107832</v>
      </c>
      <c r="FN32" s="112">
        <v>0</v>
      </c>
      <c r="FO32" s="116">
        <v>460962</v>
      </c>
      <c r="FP32" s="116">
        <v>2115730</v>
      </c>
      <c r="FQ32" s="116">
        <v>1692713</v>
      </c>
      <c r="FR32" s="116">
        <v>1211415</v>
      </c>
      <c r="FS32" s="116">
        <v>1139910</v>
      </c>
      <c r="FT32" s="115">
        <v>6620730</v>
      </c>
      <c r="FU32" s="118">
        <v>8728562</v>
      </c>
      <c r="FV32" s="117">
        <v>357198</v>
      </c>
      <c r="FW32" s="116">
        <v>755260</v>
      </c>
      <c r="FX32" s="114">
        <v>1112458</v>
      </c>
      <c r="FY32" s="113">
        <v>0</v>
      </c>
      <c r="FZ32" s="116">
        <v>361548</v>
      </c>
      <c r="GA32" s="116">
        <v>1824937</v>
      </c>
      <c r="GB32" s="116">
        <v>1373678</v>
      </c>
      <c r="GC32" s="116">
        <v>1198095</v>
      </c>
      <c r="GD32" s="116">
        <v>1139910</v>
      </c>
      <c r="GE32" s="115">
        <v>5898168</v>
      </c>
      <c r="GF32" s="354">
        <v>7010626</v>
      </c>
      <c r="GG32" s="117">
        <v>0</v>
      </c>
      <c r="GH32" s="116">
        <v>78402</v>
      </c>
      <c r="GI32" s="114">
        <v>78402</v>
      </c>
      <c r="GJ32" s="113">
        <v>0</v>
      </c>
      <c r="GK32" s="116">
        <v>21384</v>
      </c>
      <c r="GL32" s="116">
        <v>102297</v>
      </c>
      <c r="GM32" s="116">
        <v>70725</v>
      </c>
      <c r="GN32" s="116">
        <v>13320</v>
      </c>
      <c r="GO32" s="116">
        <v>0</v>
      </c>
      <c r="GP32" s="115">
        <v>207726</v>
      </c>
      <c r="GQ32" s="118">
        <v>286128</v>
      </c>
      <c r="GR32" s="112">
        <v>282600</v>
      </c>
      <c r="GS32" s="116">
        <v>634372</v>
      </c>
      <c r="GT32" s="115">
        <v>916972</v>
      </c>
      <c r="GU32" s="112">
        <v>0</v>
      </c>
      <c r="GV32" s="116">
        <v>78030</v>
      </c>
      <c r="GW32" s="116">
        <v>188496</v>
      </c>
      <c r="GX32" s="116">
        <v>248310</v>
      </c>
      <c r="GY32" s="116">
        <v>0</v>
      </c>
      <c r="GZ32" s="116">
        <v>0</v>
      </c>
      <c r="HA32" s="114">
        <v>514836</v>
      </c>
      <c r="HB32" s="118">
        <v>1431808</v>
      </c>
      <c r="HC32" s="112">
        <v>582300</v>
      </c>
      <c r="HD32" s="116">
        <v>1247603</v>
      </c>
      <c r="HE32" s="114">
        <v>1829903</v>
      </c>
      <c r="HF32" s="113">
        <v>0</v>
      </c>
      <c r="HG32" s="116">
        <v>4603377</v>
      </c>
      <c r="HH32" s="116">
        <v>5032858</v>
      </c>
      <c r="HI32" s="116">
        <v>6340879</v>
      </c>
      <c r="HJ32" s="116">
        <v>8148287</v>
      </c>
      <c r="HK32" s="116">
        <v>3068957</v>
      </c>
      <c r="HL32" s="115">
        <v>27194358</v>
      </c>
      <c r="HM32" s="111">
        <v>29024261</v>
      </c>
      <c r="HN32" s="117">
        <v>487308</v>
      </c>
      <c r="HO32" s="116">
        <v>681018</v>
      </c>
      <c r="HP32" s="115">
        <v>1168326</v>
      </c>
      <c r="HQ32" s="112">
        <v>0</v>
      </c>
      <c r="HR32" s="116">
        <v>2949704</v>
      </c>
      <c r="HS32" s="116">
        <v>2552000</v>
      </c>
      <c r="HT32" s="116">
        <v>1947420</v>
      </c>
      <c r="HU32" s="116">
        <v>1178659</v>
      </c>
      <c r="HV32" s="116">
        <v>863852</v>
      </c>
      <c r="HW32" s="114">
        <v>9491635</v>
      </c>
      <c r="HX32" s="118">
        <v>10659961</v>
      </c>
      <c r="HY32" s="167">
        <v>0</v>
      </c>
      <c r="HZ32" s="152">
        <v>0</v>
      </c>
      <c r="IA32" s="167">
        <v>0</v>
      </c>
      <c r="IB32" s="151">
        <v>0</v>
      </c>
      <c r="IC32" s="152">
        <v>5829338</v>
      </c>
      <c r="ID32" s="153">
        <v>2398264</v>
      </c>
      <c r="IE32" s="154">
        <v>4955728</v>
      </c>
      <c r="IF32" s="152">
        <v>2155424</v>
      </c>
      <c r="IG32" s="154">
        <v>1919987</v>
      </c>
      <c r="IH32" s="155">
        <v>17258741</v>
      </c>
      <c r="II32" s="167">
        <v>17258741</v>
      </c>
      <c r="IJ32" s="261">
        <v>0</v>
      </c>
      <c r="IK32" s="268">
        <v>0</v>
      </c>
      <c r="IL32" s="269">
        <v>0</v>
      </c>
      <c r="IM32" s="157"/>
      <c r="IN32" s="122">
        <v>0</v>
      </c>
      <c r="IO32" s="122">
        <v>107592</v>
      </c>
      <c r="IP32" s="122">
        <v>169722</v>
      </c>
      <c r="IQ32" s="122">
        <v>0</v>
      </c>
      <c r="IR32" s="122">
        <v>0</v>
      </c>
      <c r="IS32" s="158">
        <v>277314</v>
      </c>
      <c r="IT32" s="357">
        <v>277314</v>
      </c>
      <c r="IU32" s="159">
        <v>0</v>
      </c>
      <c r="IV32" s="122">
        <v>0</v>
      </c>
      <c r="IW32" s="123">
        <v>0</v>
      </c>
      <c r="IX32" s="161"/>
      <c r="IY32" s="122">
        <v>0</v>
      </c>
      <c r="IZ32" s="122">
        <v>0</v>
      </c>
      <c r="JA32" s="122">
        <v>0</v>
      </c>
      <c r="JB32" s="122">
        <v>0</v>
      </c>
      <c r="JC32" s="122">
        <v>0</v>
      </c>
      <c r="JD32" s="123">
        <v>0</v>
      </c>
      <c r="JE32" s="124">
        <v>0</v>
      </c>
      <c r="JF32" s="159">
        <v>0</v>
      </c>
      <c r="JG32" s="122">
        <v>0</v>
      </c>
      <c r="JH32" s="158">
        <v>0</v>
      </c>
      <c r="JI32" s="121">
        <v>0</v>
      </c>
      <c r="JJ32" s="122">
        <v>1198852</v>
      </c>
      <c r="JK32" s="122">
        <v>1068721</v>
      </c>
      <c r="JL32" s="122">
        <v>578080</v>
      </c>
      <c r="JM32" s="122">
        <v>27589</v>
      </c>
      <c r="JN32" s="122">
        <v>0</v>
      </c>
      <c r="JO32" s="123">
        <v>2873242</v>
      </c>
      <c r="JP32" s="357">
        <v>2873242</v>
      </c>
      <c r="JQ32" s="159">
        <v>0</v>
      </c>
      <c r="JR32" s="122">
        <v>0</v>
      </c>
      <c r="JS32" s="158">
        <v>0</v>
      </c>
      <c r="JT32" s="121">
        <v>0</v>
      </c>
      <c r="JU32" s="122">
        <v>250273</v>
      </c>
      <c r="JV32" s="122">
        <v>106043</v>
      </c>
      <c r="JW32" s="122">
        <v>77832</v>
      </c>
      <c r="JX32" s="122">
        <v>232884</v>
      </c>
      <c r="JY32" s="122">
        <v>45540</v>
      </c>
      <c r="JZ32" s="123">
        <v>712572</v>
      </c>
      <c r="KA32" s="357">
        <v>712572</v>
      </c>
      <c r="KB32" s="264">
        <v>0</v>
      </c>
      <c r="KC32" s="258">
        <v>0</v>
      </c>
      <c r="KD32" s="123">
        <v>0</v>
      </c>
      <c r="KE32" s="121">
        <v>0</v>
      </c>
      <c r="KF32" s="122">
        <v>0</v>
      </c>
      <c r="KG32" s="122">
        <v>194790</v>
      </c>
      <c r="KH32" s="122">
        <v>0</v>
      </c>
      <c r="KI32" s="122">
        <v>0</v>
      </c>
      <c r="KJ32" s="122">
        <v>0</v>
      </c>
      <c r="KK32" s="123">
        <v>194790</v>
      </c>
      <c r="KL32" s="160">
        <v>194790</v>
      </c>
      <c r="KM32" s="261">
        <v>0</v>
      </c>
      <c r="KN32" s="268">
        <v>0</v>
      </c>
      <c r="KO32" s="269">
        <v>0</v>
      </c>
      <c r="KP32" s="157"/>
      <c r="KQ32" s="122">
        <v>4380213</v>
      </c>
      <c r="KR32" s="122">
        <v>921118</v>
      </c>
      <c r="KS32" s="122">
        <v>1225363</v>
      </c>
      <c r="KT32" s="122">
        <v>446589</v>
      </c>
      <c r="KU32" s="122">
        <v>1013310</v>
      </c>
      <c r="KV32" s="123">
        <v>7986593</v>
      </c>
      <c r="KW32" s="357">
        <v>7986593</v>
      </c>
      <c r="KX32" s="159">
        <v>0</v>
      </c>
      <c r="KY32" s="122">
        <v>0</v>
      </c>
      <c r="KZ32" s="123">
        <v>0</v>
      </c>
      <c r="LA32" s="162"/>
      <c r="LB32" s="122">
        <v>0</v>
      </c>
      <c r="LC32" s="122">
        <v>0</v>
      </c>
      <c r="LD32" s="122">
        <v>0</v>
      </c>
      <c r="LE32" s="122">
        <v>0</v>
      </c>
      <c r="LF32" s="122">
        <v>0</v>
      </c>
      <c r="LG32" s="123">
        <v>0</v>
      </c>
      <c r="LH32" s="124">
        <v>0</v>
      </c>
      <c r="LI32" s="159">
        <v>0</v>
      </c>
      <c r="LJ32" s="122">
        <v>0</v>
      </c>
      <c r="LK32" s="123">
        <v>0</v>
      </c>
      <c r="LL32" s="162"/>
      <c r="LM32" s="122">
        <v>0</v>
      </c>
      <c r="LN32" s="122">
        <v>0</v>
      </c>
      <c r="LO32" s="122">
        <v>2624328</v>
      </c>
      <c r="LP32" s="122">
        <v>1448362</v>
      </c>
      <c r="LQ32" s="122">
        <v>861137</v>
      </c>
      <c r="LR32" s="123">
        <v>4933827</v>
      </c>
      <c r="LS32" s="357">
        <v>4933827</v>
      </c>
      <c r="LT32" s="159">
        <v>0</v>
      </c>
      <c r="LU32" s="122">
        <v>0</v>
      </c>
      <c r="LV32" s="123">
        <v>0</v>
      </c>
      <c r="LW32" s="162"/>
      <c r="LX32" s="122">
        <v>0</v>
      </c>
      <c r="LY32" s="122">
        <v>0</v>
      </c>
      <c r="LZ32" s="122">
        <v>280403</v>
      </c>
      <c r="MA32" s="122">
        <v>0</v>
      </c>
      <c r="MB32" s="122">
        <v>0</v>
      </c>
      <c r="MC32" s="123">
        <v>280403</v>
      </c>
      <c r="MD32" s="124">
        <v>280403</v>
      </c>
      <c r="ME32" s="159">
        <v>0</v>
      </c>
      <c r="MF32" s="122">
        <v>0</v>
      </c>
      <c r="MG32" s="123">
        <v>0</v>
      </c>
      <c r="MH32" s="162"/>
      <c r="MI32" s="122">
        <v>2062607</v>
      </c>
      <c r="MJ32" s="122">
        <v>3303463</v>
      </c>
      <c r="MK32" s="122">
        <v>15213448</v>
      </c>
      <c r="ML32" s="122">
        <v>18927482</v>
      </c>
      <c r="MM32" s="122">
        <v>14175946</v>
      </c>
      <c r="MN32" s="123">
        <v>53682946</v>
      </c>
      <c r="MO32" s="160">
        <v>53682946</v>
      </c>
      <c r="MP32" s="159">
        <v>0</v>
      </c>
      <c r="MQ32" s="122">
        <v>0</v>
      </c>
      <c r="MR32" s="123">
        <v>0</v>
      </c>
      <c r="MS32" s="162"/>
      <c r="MT32" s="122">
        <v>374746</v>
      </c>
      <c r="MU32" s="122">
        <v>415812</v>
      </c>
      <c r="MV32" s="122">
        <v>8651793</v>
      </c>
      <c r="MW32" s="122">
        <v>14047502</v>
      </c>
      <c r="MX32" s="122">
        <v>10363675</v>
      </c>
      <c r="MY32" s="123">
        <v>33853528</v>
      </c>
      <c r="MZ32" s="160">
        <v>33853528</v>
      </c>
      <c r="NA32" s="159">
        <v>0</v>
      </c>
      <c r="NB32" s="122">
        <v>0</v>
      </c>
      <c r="NC32" s="123">
        <v>0</v>
      </c>
      <c r="ND32" s="162"/>
      <c r="NE32" s="122">
        <v>1687861</v>
      </c>
      <c r="NF32" s="122">
        <v>2887651</v>
      </c>
      <c r="NG32" s="122">
        <v>6201162</v>
      </c>
      <c r="NH32" s="122">
        <v>4237031</v>
      </c>
      <c r="NI32" s="122">
        <v>3392942</v>
      </c>
      <c r="NJ32" s="123">
        <v>18406647</v>
      </c>
      <c r="NK32" s="357">
        <v>18406647</v>
      </c>
      <c r="NL32" s="159">
        <v>0</v>
      </c>
      <c r="NM32" s="122">
        <v>0</v>
      </c>
      <c r="NN32" s="123">
        <v>0</v>
      </c>
      <c r="NO32" s="162"/>
      <c r="NP32" s="122">
        <v>0</v>
      </c>
      <c r="NQ32" s="122">
        <v>0</v>
      </c>
      <c r="NR32" s="122">
        <v>0</v>
      </c>
      <c r="NS32" s="122">
        <v>0</v>
      </c>
      <c r="NT32" s="122">
        <v>0</v>
      </c>
      <c r="NU32" s="123">
        <v>0</v>
      </c>
      <c r="NV32" s="124">
        <v>0</v>
      </c>
      <c r="NW32" s="159">
        <v>0</v>
      </c>
      <c r="NX32" s="122">
        <v>0</v>
      </c>
      <c r="NY32" s="123">
        <v>0</v>
      </c>
      <c r="NZ32" s="162"/>
      <c r="OA32" s="122">
        <v>0</v>
      </c>
      <c r="OB32" s="122">
        <v>0</v>
      </c>
      <c r="OC32" s="122">
        <v>360493</v>
      </c>
      <c r="OD32" s="122">
        <v>642949</v>
      </c>
      <c r="OE32" s="122">
        <v>419329</v>
      </c>
      <c r="OF32" s="123">
        <v>1422771</v>
      </c>
      <c r="OG32" s="124">
        <v>1422771</v>
      </c>
      <c r="OH32" s="159">
        <v>2492101</v>
      </c>
      <c r="OI32" s="122">
        <v>5656862</v>
      </c>
      <c r="OJ32" s="158">
        <v>8148963</v>
      </c>
      <c r="OK32" s="121">
        <v>0</v>
      </c>
      <c r="OL32" s="122">
        <v>26479100</v>
      </c>
      <c r="OM32" s="122">
        <v>26469258</v>
      </c>
      <c r="ON32" s="122">
        <v>40953733</v>
      </c>
      <c r="OO32" s="122">
        <v>42659457</v>
      </c>
      <c r="OP32" s="122">
        <v>30660032</v>
      </c>
      <c r="OQ32" s="123">
        <v>167221580</v>
      </c>
      <c r="OR32" s="160">
        <v>175370543</v>
      </c>
    </row>
    <row r="33" spans="1:408" ht="18.75" customHeight="1" x14ac:dyDescent="0.2">
      <c r="A33" s="62" t="s">
        <v>28</v>
      </c>
      <c r="B33" s="112">
        <v>118321</v>
      </c>
      <c r="C33" s="116">
        <v>332191</v>
      </c>
      <c r="D33" s="115">
        <v>450512</v>
      </c>
      <c r="E33" s="111">
        <v>0</v>
      </c>
      <c r="F33" s="116">
        <v>4730039</v>
      </c>
      <c r="G33" s="116">
        <v>7578509</v>
      </c>
      <c r="H33" s="116">
        <v>5534622</v>
      </c>
      <c r="I33" s="116">
        <v>4588266</v>
      </c>
      <c r="J33" s="116">
        <v>5450152</v>
      </c>
      <c r="K33" s="200">
        <v>27881588</v>
      </c>
      <c r="L33" s="118">
        <v>28332100</v>
      </c>
      <c r="M33" s="112">
        <v>43398</v>
      </c>
      <c r="N33" s="116">
        <v>68092</v>
      </c>
      <c r="O33" s="115">
        <v>111490</v>
      </c>
      <c r="P33" s="112">
        <v>0</v>
      </c>
      <c r="Q33" s="116">
        <v>1150642</v>
      </c>
      <c r="R33" s="116">
        <v>1442088</v>
      </c>
      <c r="S33" s="116">
        <v>886009</v>
      </c>
      <c r="T33" s="116">
        <v>915258</v>
      </c>
      <c r="U33" s="116">
        <v>2413300</v>
      </c>
      <c r="V33" s="115">
        <v>6807297</v>
      </c>
      <c r="W33" s="118">
        <v>6918787</v>
      </c>
      <c r="X33" s="112">
        <v>0</v>
      </c>
      <c r="Y33" s="116">
        <v>0</v>
      </c>
      <c r="Z33" s="115">
        <v>0</v>
      </c>
      <c r="AA33" s="112">
        <v>0</v>
      </c>
      <c r="AB33" s="116">
        <v>635371</v>
      </c>
      <c r="AC33" s="116">
        <v>419767</v>
      </c>
      <c r="AD33" s="116">
        <v>397504</v>
      </c>
      <c r="AE33" s="116">
        <v>244759</v>
      </c>
      <c r="AF33" s="116">
        <v>1140018</v>
      </c>
      <c r="AG33" s="115">
        <v>2837419</v>
      </c>
      <c r="AH33" s="118">
        <v>2837419</v>
      </c>
      <c r="AI33" s="112">
        <v>0</v>
      </c>
      <c r="AJ33" s="116">
        <v>0</v>
      </c>
      <c r="AK33" s="115">
        <v>0</v>
      </c>
      <c r="AL33" s="112">
        <v>0</v>
      </c>
      <c r="AM33" s="116">
        <v>0</v>
      </c>
      <c r="AN33" s="116">
        <v>0</v>
      </c>
      <c r="AO33" s="116">
        <v>50715</v>
      </c>
      <c r="AP33" s="116">
        <v>50715</v>
      </c>
      <c r="AQ33" s="116">
        <v>202571</v>
      </c>
      <c r="AR33" s="115">
        <v>304001</v>
      </c>
      <c r="AS33" s="118">
        <v>304001</v>
      </c>
      <c r="AT33" s="112">
        <v>40716</v>
      </c>
      <c r="AU33" s="116">
        <v>62728</v>
      </c>
      <c r="AV33" s="115">
        <v>103444</v>
      </c>
      <c r="AW33" s="112">
        <v>0</v>
      </c>
      <c r="AX33" s="116">
        <v>214196</v>
      </c>
      <c r="AY33" s="116">
        <v>780636</v>
      </c>
      <c r="AZ33" s="116">
        <v>225066</v>
      </c>
      <c r="BA33" s="116">
        <v>382215</v>
      </c>
      <c r="BB33" s="116">
        <v>831961</v>
      </c>
      <c r="BC33" s="115">
        <v>2434074</v>
      </c>
      <c r="BD33" s="118">
        <v>2537518</v>
      </c>
      <c r="BE33" s="112">
        <v>0</v>
      </c>
      <c r="BF33" s="116">
        <v>0</v>
      </c>
      <c r="BG33" s="114">
        <v>0</v>
      </c>
      <c r="BH33" s="113">
        <v>0</v>
      </c>
      <c r="BI33" s="116">
        <v>151615</v>
      </c>
      <c r="BJ33" s="116">
        <v>0</v>
      </c>
      <c r="BK33" s="116">
        <v>0</v>
      </c>
      <c r="BL33" s="116">
        <v>37410</v>
      </c>
      <c r="BM33" s="116">
        <v>62212</v>
      </c>
      <c r="BN33" s="115">
        <v>251237</v>
      </c>
      <c r="BO33" s="118">
        <v>251237</v>
      </c>
      <c r="BP33" s="112">
        <v>2682</v>
      </c>
      <c r="BQ33" s="116">
        <v>5364</v>
      </c>
      <c r="BR33" s="115">
        <v>8046</v>
      </c>
      <c r="BS33" s="112">
        <v>0</v>
      </c>
      <c r="BT33" s="116">
        <v>149460</v>
      </c>
      <c r="BU33" s="116">
        <v>241685</v>
      </c>
      <c r="BV33" s="116">
        <v>212724</v>
      </c>
      <c r="BW33" s="116">
        <v>200159</v>
      </c>
      <c r="BX33" s="116">
        <v>176538</v>
      </c>
      <c r="BY33" s="115">
        <v>980566</v>
      </c>
      <c r="BZ33" s="118">
        <v>988612</v>
      </c>
      <c r="CA33" s="112">
        <v>0</v>
      </c>
      <c r="CB33" s="116">
        <v>138439</v>
      </c>
      <c r="CC33" s="115">
        <v>138439</v>
      </c>
      <c r="CD33" s="112">
        <v>0</v>
      </c>
      <c r="CE33" s="116">
        <v>1681451</v>
      </c>
      <c r="CF33" s="116">
        <v>2784693</v>
      </c>
      <c r="CG33" s="116">
        <v>2029198</v>
      </c>
      <c r="CH33" s="116">
        <v>1622243</v>
      </c>
      <c r="CI33" s="116">
        <v>1100531</v>
      </c>
      <c r="CJ33" s="115">
        <v>9218116</v>
      </c>
      <c r="CK33" s="118">
        <v>9356555</v>
      </c>
      <c r="CL33" s="112">
        <v>0</v>
      </c>
      <c r="CM33" s="116">
        <v>0</v>
      </c>
      <c r="CN33" s="115">
        <v>0</v>
      </c>
      <c r="CO33" s="113">
        <v>0</v>
      </c>
      <c r="CP33" s="116">
        <v>1636035</v>
      </c>
      <c r="CQ33" s="116">
        <v>2340021</v>
      </c>
      <c r="CR33" s="116">
        <v>1634060</v>
      </c>
      <c r="CS33" s="116">
        <v>1283124</v>
      </c>
      <c r="CT33" s="116">
        <v>897276</v>
      </c>
      <c r="CU33" s="115">
        <v>7790516</v>
      </c>
      <c r="CV33" s="118">
        <v>7790516</v>
      </c>
      <c r="CW33" s="112">
        <v>0</v>
      </c>
      <c r="CX33" s="116">
        <v>138439</v>
      </c>
      <c r="CY33" s="115">
        <v>138439</v>
      </c>
      <c r="CZ33" s="112">
        <v>0</v>
      </c>
      <c r="DA33" s="116">
        <v>45416</v>
      </c>
      <c r="DB33" s="116">
        <v>444672</v>
      </c>
      <c r="DC33" s="116">
        <v>395138</v>
      </c>
      <c r="DD33" s="116">
        <v>339119</v>
      </c>
      <c r="DE33" s="116">
        <v>203255</v>
      </c>
      <c r="DF33" s="115">
        <v>1427600</v>
      </c>
      <c r="DG33" s="118">
        <v>1566039</v>
      </c>
      <c r="DH33" s="112">
        <v>0</v>
      </c>
      <c r="DI33" s="116">
        <v>0</v>
      </c>
      <c r="DJ33" s="114">
        <v>0</v>
      </c>
      <c r="DK33" s="113">
        <v>0</v>
      </c>
      <c r="DL33" s="116">
        <v>56892</v>
      </c>
      <c r="DM33" s="116">
        <v>375023</v>
      </c>
      <c r="DN33" s="116">
        <v>643520</v>
      </c>
      <c r="DO33" s="116">
        <v>215528</v>
      </c>
      <c r="DP33" s="116">
        <v>362527</v>
      </c>
      <c r="DQ33" s="115">
        <v>1653490</v>
      </c>
      <c r="DR33" s="118">
        <v>1653490</v>
      </c>
      <c r="DS33" s="112">
        <v>0</v>
      </c>
      <c r="DT33" s="116">
        <v>0</v>
      </c>
      <c r="DU33" s="115">
        <v>0</v>
      </c>
      <c r="DV33" s="112">
        <v>0</v>
      </c>
      <c r="DW33" s="116">
        <v>13192</v>
      </c>
      <c r="DX33" s="116">
        <v>151122</v>
      </c>
      <c r="DY33" s="116">
        <v>500753</v>
      </c>
      <c r="DZ33" s="116">
        <v>148208</v>
      </c>
      <c r="EA33" s="116">
        <v>362527</v>
      </c>
      <c r="EB33" s="115">
        <v>1175802</v>
      </c>
      <c r="EC33" s="118">
        <v>1175802</v>
      </c>
      <c r="ED33" s="112">
        <v>0</v>
      </c>
      <c r="EE33" s="114">
        <v>0</v>
      </c>
      <c r="EF33" s="115">
        <v>0</v>
      </c>
      <c r="EG33" s="112">
        <v>0</v>
      </c>
      <c r="EH33" s="116">
        <v>43700</v>
      </c>
      <c r="EI33" s="116">
        <v>223901</v>
      </c>
      <c r="EJ33" s="116">
        <v>142767</v>
      </c>
      <c r="EK33" s="116">
        <v>67320</v>
      </c>
      <c r="EL33" s="116">
        <v>0</v>
      </c>
      <c r="EM33" s="114">
        <v>477688</v>
      </c>
      <c r="EN33" s="118">
        <v>477688</v>
      </c>
      <c r="EO33" s="112">
        <v>0</v>
      </c>
      <c r="EP33" s="116">
        <v>0</v>
      </c>
      <c r="EQ33" s="114">
        <v>0</v>
      </c>
      <c r="ER33" s="113">
        <v>0</v>
      </c>
      <c r="ES33" s="116">
        <v>0</v>
      </c>
      <c r="ET33" s="116">
        <v>0</v>
      </c>
      <c r="EU33" s="116">
        <v>0</v>
      </c>
      <c r="EV33" s="116">
        <v>0</v>
      </c>
      <c r="EW33" s="116">
        <v>0</v>
      </c>
      <c r="EX33" s="115">
        <v>0</v>
      </c>
      <c r="EY33" s="118">
        <v>0</v>
      </c>
      <c r="EZ33" s="112">
        <v>0</v>
      </c>
      <c r="FA33" s="116">
        <v>0</v>
      </c>
      <c r="FB33" s="114">
        <v>0</v>
      </c>
      <c r="FC33" s="390"/>
      <c r="FD33" s="116">
        <v>0</v>
      </c>
      <c r="FE33" s="116">
        <v>0</v>
      </c>
      <c r="FF33" s="116">
        <v>0</v>
      </c>
      <c r="FG33" s="116">
        <v>0</v>
      </c>
      <c r="FH33" s="116">
        <v>0</v>
      </c>
      <c r="FI33" s="115">
        <v>0</v>
      </c>
      <c r="FJ33" s="118">
        <v>0</v>
      </c>
      <c r="FK33" s="112">
        <v>32503</v>
      </c>
      <c r="FL33" s="116">
        <v>59960</v>
      </c>
      <c r="FM33" s="115">
        <v>92463</v>
      </c>
      <c r="FN33" s="112">
        <v>0</v>
      </c>
      <c r="FO33" s="116">
        <v>167476</v>
      </c>
      <c r="FP33" s="116">
        <v>936201</v>
      </c>
      <c r="FQ33" s="116">
        <v>424833</v>
      </c>
      <c r="FR33" s="116">
        <v>360448</v>
      </c>
      <c r="FS33" s="116">
        <v>546819</v>
      </c>
      <c r="FT33" s="115">
        <v>2435777</v>
      </c>
      <c r="FU33" s="118">
        <v>2528240</v>
      </c>
      <c r="FV33" s="117">
        <v>32503</v>
      </c>
      <c r="FW33" s="116">
        <v>59960</v>
      </c>
      <c r="FX33" s="114">
        <v>92463</v>
      </c>
      <c r="FY33" s="113">
        <v>0</v>
      </c>
      <c r="FZ33" s="116">
        <v>150052</v>
      </c>
      <c r="GA33" s="116">
        <v>790297</v>
      </c>
      <c r="GB33" s="116">
        <v>424833</v>
      </c>
      <c r="GC33" s="116">
        <v>360448</v>
      </c>
      <c r="GD33" s="116">
        <v>546819</v>
      </c>
      <c r="GE33" s="115">
        <v>2272449</v>
      </c>
      <c r="GF33" s="354">
        <v>2364912</v>
      </c>
      <c r="GG33" s="117">
        <v>0</v>
      </c>
      <c r="GH33" s="116">
        <v>0</v>
      </c>
      <c r="GI33" s="114">
        <v>0</v>
      </c>
      <c r="GJ33" s="113">
        <v>0</v>
      </c>
      <c r="GK33" s="116">
        <v>17424</v>
      </c>
      <c r="GL33" s="116">
        <v>21384</v>
      </c>
      <c r="GM33" s="116">
        <v>0</v>
      </c>
      <c r="GN33" s="116">
        <v>0</v>
      </c>
      <c r="GO33" s="116">
        <v>0</v>
      </c>
      <c r="GP33" s="115">
        <v>38808</v>
      </c>
      <c r="GQ33" s="118">
        <v>38808</v>
      </c>
      <c r="GR33" s="112">
        <v>0</v>
      </c>
      <c r="GS33" s="116">
        <v>0</v>
      </c>
      <c r="GT33" s="115">
        <v>0</v>
      </c>
      <c r="GU33" s="112">
        <v>0</v>
      </c>
      <c r="GV33" s="116">
        <v>0</v>
      </c>
      <c r="GW33" s="116">
        <v>124520</v>
      </c>
      <c r="GX33" s="116">
        <v>0</v>
      </c>
      <c r="GY33" s="116">
        <v>0</v>
      </c>
      <c r="GZ33" s="116">
        <v>0</v>
      </c>
      <c r="HA33" s="114">
        <v>124520</v>
      </c>
      <c r="HB33" s="118">
        <v>124520</v>
      </c>
      <c r="HC33" s="112">
        <v>0</v>
      </c>
      <c r="HD33" s="116">
        <v>0</v>
      </c>
      <c r="HE33" s="114">
        <v>0</v>
      </c>
      <c r="HF33" s="113">
        <v>0</v>
      </c>
      <c r="HG33" s="116">
        <v>746898</v>
      </c>
      <c r="HH33" s="116">
        <v>894463</v>
      </c>
      <c r="HI33" s="116">
        <v>930757</v>
      </c>
      <c r="HJ33" s="116">
        <v>1084182</v>
      </c>
      <c r="HK33" s="116">
        <v>658150</v>
      </c>
      <c r="HL33" s="115">
        <v>4314450</v>
      </c>
      <c r="HM33" s="111">
        <v>4314450</v>
      </c>
      <c r="HN33" s="117">
        <v>42420</v>
      </c>
      <c r="HO33" s="116">
        <v>65700</v>
      </c>
      <c r="HP33" s="115">
        <v>108120</v>
      </c>
      <c r="HQ33" s="112">
        <v>0</v>
      </c>
      <c r="HR33" s="116">
        <v>926680</v>
      </c>
      <c r="HS33" s="116">
        <v>1146041</v>
      </c>
      <c r="HT33" s="116">
        <v>620305</v>
      </c>
      <c r="HU33" s="116">
        <v>390607</v>
      </c>
      <c r="HV33" s="116">
        <v>368825</v>
      </c>
      <c r="HW33" s="114">
        <v>3452458</v>
      </c>
      <c r="HX33" s="118">
        <v>3560578</v>
      </c>
      <c r="HY33" s="148">
        <v>0</v>
      </c>
      <c r="HZ33" s="149">
        <v>0</v>
      </c>
      <c r="IA33" s="150">
        <v>0</v>
      </c>
      <c r="IB33" s="163">
        <v>0</v>
      </c>
      <c r="IC33" s="149">
        <v>704485</v>
      </c>
      <c r="ID33" s="164">
        <v>1341377</v>
      </c>
      <c r="IE33" s="150">
        <v>2058660</v>
      </c>
      <c r="IF33" s="149">
        <v>369801</v>
      </c>
      <c r="IG33" s="150">
        <v>1002198</v>
      </c>
      <c r="IH33" s="165">
        <v>5476521</v>
      </c>
      <c r="II33" s="156">
        <v>5476521</v>
      </c>
      <c r="IJ33" s="261">
        <v>0</v>
      </c>
      <c r="IK33" s="268">
        <v>0</v>
      </c>
      <c r="IL33" s="269">
        <v>0</v>
      </c>
      <c r="IM33" s="157"/>
      <c r="IN33" s="122">
        <v>0</v>
      </c>
      <c r="IO33" s="122">
        <v>0</v>
      </c>
      <c r="IP33" s="122">
        <v>0</v>
      </c>
      <c r="IQ33" s="122">
        <v>0</v>
      </c>
      <c r="IR33" s="122">
        <v>0</v>
      </c>
      <c r="IS33" s="158">
        <v>0</v>
      </c>
      <c r="IT33" s="357">
        <v>0</v>
      </c>
      <c r="IU33" s="159">
        <v>0</v>
      </c>
      <c r="IV33" s="122">
        <v>0</v>
      </c>
      <c r="IW33" s="123">
        <v>0</v>
      </c>
      <c r="IX33" s="161"/>
      <c r="IY33" s="122">
        <v>0</v>
      </c>
      <c r="IZ33" s="122">
        <v>0</v>
      </c>
      <c r="JA33" s="122">
        <v>0</v>
      </c>
      <c r="JB33" s="122">
        <v>0</v>
      </c>
      <c r="JC33" s="122">
        <v>0</v>
      </c>
      <c r="JD33" s="123">
        <v>0</v>
      </c>
      <c r="JE33" s="124">
        <v>0</v>
      </c>
      <c r="JF33" s="159">
        <v>0</v>
      </c>
      <c r="JG33" s="122">
        <v>0</v>
      </c>
      <c r="JH33" s="158">
        <v>0</v>
      </c>
      <c r="JI33" s="121">
        <v>0</v>
      </c>
      <c r="JJ33" s="122">
        <v>596818</v>
      </c>
      <c r="JK33" s="122">
        <v>581633</v>
      </c>
      <c r="JL33" s="122">
        <v>63144</v>
      </c>
      <c r="JM33" s="122">
        <v>114246</v>
      </c>
      <c r="JN33" s="122">
        <v>13104</v>
      </c>
      <c r="JO33" s="123">
        <v>1368945</v>
      </c>
      <c r="JP33" s="357">
        <v>1368945</v>
      </c>
      <c r="JQ33" s="159">
        <v>0</v>
      </c>
      <c r="JR33" s="122">
        <v>0</v>
      </c>
      <c r="JS33" s="158">
        <v>0</v>
      </c>
      <c r="JT33" s="121">
        <v>0</v>
      </c>
      <c r="JU33" s="122">
        <v>107667</v>
      </c>
      <c r="JV33" s="122">
        <v>35613</v>
      </c>
      <c r="JW33" s="122">
        <v>253737</v>
      </c>
      <c r="JX33" s="122">
        <v>0</v>
      </c>
      <c r="JY33" s="122">
        <v>39200</v>
      </c>
      <c r="JZ33" s="123">
        <v>436217</v>
      </c>
      <c r="KA33" s="357">
        <v>436217</v>
      </c>
      <c r="KB33" s="264">
        <v>0</v>
      </c>
      <c r="KC33" s="258">
        <v>0</v>
      </c>
      <c r="KD33" s="123">
        <v>0</v>
      </c>
      <c r="KE33" s="121">
        <v>0</v>
      </c>
      <c r="KF33" s="122">
        <v>0</v>
      </c>
      <c r="KG33" s="122">
        <v>0</v>
      </c>
      <c r="KH33" s="122">
        <v>0</v>
      </c>
      <c r="KI33" s="122">
        <v>0</v>
      </c>
      <c r="KJ33" s="122">
        <v>0</v>
      </c>
      <c r="KK33" s="123">
        <v>0</v>
      </c>
      <c r="KL33" s="160">
        <v>0</v>
      </c>
      <c r="KM33" s="261">
        <v>0</v>
      </c>
      <c r="KN33" s="268">
        <v>0</v>
      </c>
      <c r="KO33" s="269">
        <v>0</v>
      </c>
      <c r="KP33" s="157"/>
      <c r="KQ33" s="122">
        <v>0</v>
      </c>
      <c r="KR33" s="122">
        <v>724131</v>
      </c>
      <c r="KS33" s="122">
        <v>1514628</v>
      </c>
      <c r="KT33" s="122">
        <v>255555</v>
      </c>
      <c r="KU33" s="122">
        <v>949894</v>
      </c>
      <c r="KV33" s="123">
        <v>3444208</v>
      </c>
      <c r="KW33" s="357">
        <v>3444208</v>
      </c>
      <c r="KX33" s="159">
        <v>0</v>
      </c>
      <c r="KY33" s="122">
        <v>0</v>
      </c>
      <c r="KZ33" s="123">
        <v>0</v>
      </c>
      <c r="LA33" s="162"/>
      <c r="LB33" s="122">
        <v>0</v>
      </c>
      <c r="LC33" s="122">
        <v>0</v>
      </c>
      <c r="LD33" s="122">
        <v>0</v>
      </c>
      <c r="LE33" s="122">
        <v>0</v>
      </c>
      <c r="LF33" s="122">
        <v>0</v>
      </c>
      <c r="LG33" s="123">
        <v>0</v>
      </c>
      <c r="LH33" s="124">
        <v>0</v>
      </c>
      <c r="LI33" s="159">
        <v>0</v>
      </c>
      <c r="LJ33" s="122">
        <v>0</v>
      </c>
      <c r="LK33" s="123">
        <v>0</v>
      </c>
      <c r="LL33" s="162"/>
      <c r="LM33" s="122">
        <v>0</v>
      </c>
      <c r="LN33" s="122">
        <v>0</v>
      </c>
      <c r="LO33" s="122">
        <v>227151</v>
      </c>
      <c r="LP33" s="122">
        <v>0</v>
      </c>
      <c r="LQ33" s="122">
        <v>0</v>
      </c>
      <c r="LR33" s="123">
        <v>227151</v>
      </c>
      <c r="LS33" s="357">
        <v>227151</v>
      </c>
      <c r="LT33" s="159">
        <v>0</v>
      </c>
      <c r="LU33" s="122">
        <v>0</v>
      </c>
      <c r="LV33" s="123">
        <v>0</v>
      </c>
      <c r="LW33" s="162"/>
      <c r="LX33" s="122">
        <v>0</v>
      </c>
      <c r="LY33" s="122">
        <v>0</v>
      </c>
      <c r="LZ33" s="122">
        <v>0</v>
      </c>
      <c r="MA33" s="122">
        <v>0</v>
      </c>
      <c r="MB33" s="122">
        <v>0</v>
      </c>
      <c r="MC33" s="123">
        <v>0</v>
      </c>
      <c r="MD33" s="124">
        <v>0</v>
      </c>
      <c r="ME33" s="159">
        <v>0</v>
      </c>
      <c r="MF33" s="122">
        <v>0</v>
      </c>
      <c r="MG33" s="123">
        <v>0</v>
      </c>
      <c r="MH33" s="162"/>
      <c r="MI33" s="122">
        <v>321665</v>
      </c>
      <c r="MJ33" s="122">
        <v>2483014</v>
      </c>
      <c r="MK33" s="122">
        <v>4451399</v>
      </c>
      <c r="ML33" s="122">
        <v>6980667</v>
      </c>
      <c r="MM33" s="122">
        <v>4095336</v>
      </c>
      <c r="MN33" s="123">
        <v>18332081</v>
      </c>
      <c r="MO33" s="160">
        <v>18332081</v>
      </c>
      <c r="MP33" s="159">
        <v>0</v>
      </c>
      <c r="MQ33" s="122">
        <v>0</v>
      </c>
      <c r="MR33" s="123">
        <v>0</v>
      </c>
      <c r="MS33" s="162"/>
      <c r="MT33" s="122">
        <v>0</v>
      </c>
      <c r="MU33" s="122">
        <v>381528</v>
      </c>
      <c r="MV33" s="122">
        <v>2836438</v>
      </c>
      <c r="MW33" s="122">
        <v>3788136</v>
      </c>
      <c r="MX33" s="122">
        <v>3082997</v>
      </c>
      <c r="MY33" s="123">
        <v>10089099</v>
      </c>
      <c r="MZ33" s="160">
        <v>10089099</v>
      </c>
      <c r="NA33" s="159">
        <v>0</v>
      </c>
      <c r="NB33" s="122">
        <v>0</v>
      </c>
      <c r="NC33" s="123">
        <v>0</v>
      </c>
      <c r="ND33" s="162"/>
      <c r="NE33" s="122">
        <v>321665</v>
      </c>
      <c r="NF33" s="122">
        <v>2101486</v>
      </c>
      <c r="NG33" s="122">
        <v>1614961</v>
      </c>
      <c r="NH33" s="122">
        <v>3192531</v>
      </c>
      <c r="NI33" s="122">
        <v>1012339</v>
      </c>
      <c r="NJ33" s="123">
        <v>8242982</v>
      </c>
      <c r="NK33" s="357">
        <v>8242982</v>
      </c>
      <c r="NL33" s="159">
        <v>0</v>
      </c>
      <c r="NM33" s="122">
        <v>0</v>
      </c>
      <c r="NN33" s="123">
        <v>0</v>
      </c>
      <c r="NO33" s="162"/>
      <c r="NP33" s="122">
        <v>0</v>
      </c>
      <c r="NQ33" s="122">
        <v>0</v>
      </c>
      <c r="NR33" s="122">
        <v>0</v>
      </c>
      <c r="NS33" s="122">
        <v>0</v>
      </c>
      <c r="NT33" s="122">
        <v>0</v>
      </c>
      <c r="NU33" s="123">
        <v>0</v>
      </c>
      <c r="NV33" s="124">
        <v>0</v>
      </c>
      <c r="NW33" s="159">
        <v>0</v>
      </c>
      <c r="NX33" s="122">
        <v>0</v>
      </c>
      <c r="NY33" s="123">
        <v>0</v>
      </c>
      <c r="NZ33" s="162"/>
      <c r="OA33" s="122">
        <v>0</v>
      </c>
      <c r="OB33" s="122">
        <v>0</v>
      </c>
      <c r="OC33" s="122">
        <v>0</v>
      </c>
      <c r="OD33" s="122">
        <v>0</v>
      </c>
      <c r="OE33" s="122">
        <v>0</v>
      </c>
      <c r="OF33" s="123">
        <v>0</v>
      </c>
      <c r="OG33" s="124">
        <v>0</v>
      </c>
      <c r="OH33" s="159">
        <v>118321</v>
      </c>
      <c r="OI33" s="122">
        <v>332191</v>
      </c>
      <c r="OJ33" s="158">
        <v>450512</v>
      </c>
      <c r="OK33" s="121">
        <v>0</v>
      </c>
      <c r="OL33" s="122">
        <v>5756189</v>
      </c>
      <c r="OM33" s="122">
        <v>11402900</v>
      </c>
      <c r="ON33" s="122">
        <v>12044681</v>
      </c>
      <c r="OO33" s="122">
        <v>11938734</v>
      </c>
      <c r="OP33" s="122">
        <v>10547686</v>
      </c>
      <c r="OQ33" s="123">
        <v>51690190</v>
      </c>
      <c r="OR33" s="160">
        <v>52140702</v>
      </c>
    </row>
    <row r="34" spans="1:408" ht="18.75" customHeight="1" x14ac:dyDescent="0.2">
      <c r="A34" s="62" t="s">
        <v>29</v>
      </c>
      <c r="B34" s="112">
        <v>308516</v>
      </c>
      <c r="C34" s="116">
        <v>726966</v>
      </c>
      <c r="D34" s="115">
        <v>1035482</v>
      </c>
      <c r="E34" s="111">
        <v>0</v>
      </c>
      <c r="F34" s="116">
        <v>6090670</v>
      </c>
      <c r="G34" s="116">
        <v>9239822</v>
      </c>
      <c r="H34" s="116">
        <v>7375699</v>
      </c>
      <c r="I34" s="116">
        <v>9200410</v>
      </c>
      <c r="J34" s="116">
        <v>5490795</v>
      </c>
      <c r="K34" s="200">
        <v>37397396</v>
      </c>
      <c r="L34" s="118">
        <v>38432878</v>
      </c>
      <c r="M34" s="112">
        <v>82782</v>
      </c>
      <c r="N34" s="116">
        <v>260870</v>
      </c>
      <c r="O34" s="115">
        <v>343652</v>
      </c>
      <c r="P34" s="112">
        <v>0</v>
      </c>
      <c r="Q34" s="116">
        <v>1643078</v>
      </c>
      <c r="R34" s="116">
        <v>2240031</v>
      </c>
      <c r="S34" s="116">
        <v>1775687</v>
      </c>
      <c r="T34" s="116">
        <v>3576959</v>
      </c>
      <c r="U34" s="116">
        <v>1813581</v>
      </c>
      <c r="V34" s="115">
        <v>11049336</v>
      </c>
      <c r="W34" s="118">
        <v>11392988</v>
      </c>
      <c r="X34" s="112">
        <v>0</v>
      </c>
      <c r="Y34" s="116">
        <v>0</v>
      </c>
      <c r="Z34" s="115">
        <v>0</v>
      </c>
      <c r="AA34" s="112">
        <v>0</v>
      </c>
      <c r="AB34" s="116">
        <v>893710</v>
      </c>
      <c r="AC34" s="116">
        <v>1118899</v>
      </c>
      <c r="AD34" s="116">
        <v>1034819</v>
      </c>
      <c r="AE34" s="116">
        <v>2410889</v>
      </c>
      <c r="AF34" s="116">
        <v>1165275</v>
      </c>
      <c r="AG34" s="115">
        <v>6623592</v>
      </c>
      <c r="AH34" s="118">
        <v>6623592</v>
      </c>
      <c r="AI34" s="112">
        <v>0</v>
      </c>
      <c r="AJ34" s="116">
        <v>0</v>
      </c>
      <c r="AK34" s="115">
        <v>0</v>
      </c>
      <c r="AL34" s="112">
        <v>0</v>
      </c>
      <c r="AM34" s="116">
        <v>0</v>
      </c>
      <c r="AN34" s="116">
        <v>135783</v>
      </c>
      <c r="AO34" s="116">
        <v>28392</v>
      </c>
      <c r="AP34" s="116">
        <v>264894</v>
      </c>
      <c r="AQ34" s="116">
        <v>178464</v>
      </c>
      <c r="AR34" s="115">
        <v>607533</v>
      </c>
      <c r="AS34" s="118">
        <v>607533</v>
      </c>
      <c r="AT34" s="112">
        <v>54117</v>
      </c>
      <c r="AU34" s="116">
        <v>224384</v>
      </c>
      <c r="AV34" s="115">
        <v>278501</v>
      </c>
      <c r="AW34" s="112">
        <v>0</v>
      </c>
      <c r="AX34" s="116">
        <v>558277</v>
      </c>
      <c r="AY34" s="116">
        <v>630520</v>
      </c>
      <c r="AZ34" s="116">
        <v>570886</v>
      </c>
      <c r="BA34" s="116">
        <v>519970</v>
      </c>
      <c r="BB34" s="116">
        <v>313758</v>
      </c>
      <c r="BC34" s="115">
        <v>2593411</v>
      </c>
      <c r="BD34" s="118">
        <v>2871912</v>
      </c>
      <c r="BE34" s="112">
        <v>0</v>
      </c>
      <c r="BF34" s="116">
        <v>33804</v>
      </c>
      <c r="BG34" s="114">
        <v>33804</v>
      </c>
      <c r="BH34" s="113">
        <v>0</v>
      </c>
      <c r="BI34" s="116">
        <v>68832</v>
      </c>
      <c r="BJ34" s="116">
        <v>99335</v>
      </c>
      <c r="BK34" s="116">
        <v>0</v>
      </c>
      <c r="BL34" s="116">
        <v>94005</v>
      </c>
      <c r="BM34" s="116">
        <v>0</v>
      </c>
      <c r="BN34" s="115">
        <v>262172</v>
      </c>
      <c r="BO34" s="118">
        <v>295976</v>
      </c>
      <c r="BP34" s="112">
        <v>28665</v>
      </c>
      <c r="BQ34" s="116">
        <v>2682</v>
      </c>
      <c r="BR34" s="115">
        <v>31347</v>
      </c>
      <c r="BS34" s="112">
        <v>0</v>
      </c>
      <c r="BT34" s="116">
        <v>122259</v>
      </c>
      <c r="BU34" s="116">
        <v>255494</v>
      </c>
      <c r="BV34" s="116">
        <v>141590</v>
      </c>
      <c r="BW34" s="116">
        <v>287201</v>
      </c>
      <c r="BX34" s="116">
        <v>156084</v>
      </c>
      <c r="BY34" s="115">
        <v>962628</v>
      </c>
      <c r="BZ34" s="118">
        <v>993975</v>
      </c>
      <c r="CA34" s="112">
        <v>16794</v>
      </c>
      <c r="CB34" s="116">
        <v>79567</v>
      </c>
      <c r="CC34" s="115">
        <v>96361</v>
      </c>
      <c r="CD34" s="112">
        <v>0</v>
      </c>
      <c r="CE34" s="116">
        <v>1972814</v>
      </c>
      <c r="CF34" s="116">
        <v>2585831</v>
      </c>
      <c r="CG34" s="116">
        <v>2112384</v>
      </c>
      <c r="CH34" s="116">
        <v>1901222</v>
      </c>
      <c r="CI34" s="116">
        <v>1048726</v>
      </c>
      <c r="CJ34" s="115">
        <v>9620977</v>
      </c>
      <c r="CK34" s="118">
        <v>9717338</v>
      </c>
      <c r="CL34" s="112">
        <v>0</v>
      </c>
      <c r="CM34" s="116">
        <v>0</v>
      </c>
      <c r="CN34" s="115">
        <v>0</v>
      </c>
      <c r="CO34" s="113">
        <v>0</v>
      </c>
      <c r="CP34" s="116">
        <v>1536124</v>
      </c>
      <c r="CQ34" s="116">
        <v>2294045</v>
      </c>
      <c r="CR34" s="116">
        <v>1888802</v>
      </c>
      <c r="CS34" s="116">
        <v>1644248</v>
      </c>
      <c r="CT34" s="116">
        <v>914851</v>
      </c>
      <c r="CU34" s="115">
        <v>8278070</v>
      </c>
      <c r="CV34" s="118">
        <v>8278070</v>
      </c>
      <c r="CW34" s="112">
        <v>16794</v>
      </c>
      <c r="CX34" s="116">
        <v>79567</v>
      </c>
      <c r="CY34" s="115">
        <v>96361</v>
      </c>
      <c r="CZ34" s="112">
        <v>0</v>
      </c>
      <c r="DA34" s="116">
        <v>436690</v>
      </c>
      <c r="DB34" s="116">
        <v>291786</v>
      </c>
      <c r="DC34" s="116">
        <v>223582</v>
      </c>
      <c r="DD34" s="116">
        <v>256974</v>
      </c>
      <c r="DE34" s="116">
        <v>133875</v>
      </c>
      <c r="DF34" s="115">
        <v>1342907</v>
      </c>
      <c r="DG34" s="118">
        <v>1439268</v>
      </c>
      <c r="DH34" s="112">
        <v>0</v>
      </c>
      <c r="DI34" s="116">
        <v>0</v>
      </c>
      <c r="DJ34" s="114">
        <v>0</v>
      </c>
      <c r="DK34" s="113">
        <v>0</v>
      </c>
      <c r="DL34" s="116">
        <v>93010</v>
      </c>
      <c r="DM34" s="116">
        <v>758247</v>
      </c>
      <c r="DN34" s="116">
        <v>1521446</v>
      </c>
      <c r="DO34" s="116">
        <v>1110987</v>
      </c>
      <c r="DP34" s="116">
        <v>565310</v>
      </c>
      <c r="DQ34" s="115">
        <v>4049000</v>
      </c>
      <c r="DR34" s="118">
        <v>4049000</v>
      </c>
      <c r="DS34" s="112">
        <v>0</v>
      </c>
      <c r="DT34" s="116">
        <v>0</v>
      </c>
      <c r="DU34" s="115">
        <v>0</v>
      </c>
      <c r="DV34" s="112">
        <v>0</v>
      </c>
      <c r="DW34" s="116">
        <v>93010</v>
      </c>
      <c r="DX34" s="116">
        <v>448140</v>
      </c>
      <c r="DY34" s="116">
        <v>1466564</v>
      </c>
      <c r="DZ34" s="116">
        <v>1026409</v>
      </c>
      <c r="EA34" s="116">
        <v>540731</v>
      </c>
      <c r="EB34" s="115">
        <v>3574854</v>
      </c>
      <c r="EC34" s="118">
        <v>3574854</v>
      </c>
      <c r="ED34" s="112">
        <v>0</v>
      </c>
      <c r="EE34" s="114">
        <v>0</v>
      </c>
      <c r="EF34" s="115">
        <v>0</v>
      </c>
      <c r="EG34" s="112">
        <v>0</v>
      </c>
      <c r="EH34" s="116">
        <v>0</v>
      </c>
      <c r="EI34" s="116">
        <v>310107</v>
      </c>
      <c r="EJ34" s="116">
        <v>54882</v>
      </c>
      <c r="EK34" s="116">
        <v>84578</v>
      </c>
      <c r="EL34" s="116">
        <v>24579</v>
      </c>
      <c r="EM34" s="114">
        <v>474146</v>
      </c>
      <c r="EN34" s="118">
        <v>474146</v>
      </c>
      <c r="EO34" s="112">
        <v>0</v>
      </c>
      <c r="EP34" s="116">
        <v>0</v>
      </c>
      <c r="EQ34" s="114">
        <v>0</v>
      </c>
      <c r="ER34" s="113">
        <v>0</v>
      </c>
      <c r="ES34" s="116">
        <v>0</v>
      </c>
      <c r="ET34" s="116">
        <v>0</v>
      </c>
      <c r="EU34" s="116">
        <v>0</v>
      </c>
      <c r="EV34" s="116">
        <v>0</v>
      </c>
      <c r="EW34" s="116">
        <v>0</v>
      </c>
      <c r="EX34" s="115">
        <v>0</v>
      </c>
      <c r="EY34" s="118">
        <v>0</v>
      </c>
      <c r="EZ34" s="112">
        <v>0</v>
      </c>
      <c r="FA34" s="116">
        <v>0</v>
      </c>
      <c r="FB34" s="114">
        <v>0</v>
      </c>
      <c r="FC34" s="390"/>
      <c r="FD34" s="116">
        <v>0</v>
      </c>
      <c r="FE34" s="116">
        <v>0</v>
      </c>
      <c r="FF34" s="116">
        <v>0</v>
      </c>
      <c r="FG34" s="116">
        <v>0</v>
      </c>
      <c r="FH34" s="116">
        <v>0</v>
      </c>
      <c r="FI34" s="115">
        <v>0</v>
      </c>
      <c r="FJ34" s="118">
        <v>0</v>
      </c>
      <c r="FK34" s="112">
        <v>112580</v>
      </c>
      <c r="FL34" s="116">
        <v>228849</v>
      </c>
      <c r="FM34" s="115">
        <v>341429</v>
      </c>
      <c r="FN34" s="112">
        <v>0</v>
      </c>
      <c r="FO34" s="116">
        <v>320134</v>
      </c>
      <c r="FP34" s="116">
        <v>885405</v>
      </c>
      <c r="FQ34" s="116">
        <v>542058</v>
      </c>
      <c r="FR34" s="116">
        <v>842468</v>
      </c>
      <c r="FS34" s="116">
        <v>549607</v>
      </c>
      <c r="FT34" s="115">
        <v>3139672</v>
      </c>
      <c r="FU34" s="118">
        <v>3481101</v>
      </c>
      <c r="FV34" s="117">
        <v>112580</v>
      </c>
      <c r="FW34" s="116">
        <v>207465</v>
      </c>
      <c r="FX34" s="114">
        <v>320045</v>
      </c>
      <c r="FY34" s="113">
        <v>0</v>
      </c>
      <c r="FZ34" s="116">
        <v>257450</v>
      </c>
      <c r="GA34" s="116">
        <v>824050</v>
      </c>
      <c r="GB34" s="116">
        <v>489044</v>
      </c>
      <c r="GC34" s="116">
        <v>821480</v>
      </c>
      <c r="GD34" s="116">
        <v>549607</v>
      </c>
      <c r="GE34" s="115">
        <v>2941631</v>
      </c>
      <c r="GF34" s="354">
        <v>3261676</v>
      </c>
      <c r="GG34" s="117">
        <v>0</v>
      </c>
      <c r="GH34" s="116">
        <v>21384</v>
      </c>
      <c r="GI34" s="114">
        <v>21384</v>
      </c>
      <c r="GJ34" s="113">
        <v>0</v>
      </c>
      <c r="GK34" s="116">
        <v>43164</v>
      </c>
      <c r="GL34" s="116">
        <v>61355</v>
      </c>
      <c r="GM34" s="116">
        <v>53014</v>
      </c>
      <c r="GN34" s="116">
        <v>20988</v>
      </c>
      <c r="GO34" s="116">
        <v>0</v>
      </c>
      <c r="GP34" s="115">
        <v>178521</v>
      </c>
      <c r="GQ34" s="118">
        <v>199905</v>
      </c>
      <c r="GR34" s="112">
        <v>0</v>
      </c>
      <c r="GS34" s="116">
        <v>0</v>
      </c>
      <c r="GT34" s="115">
        <v>0</v>
      </c>
      <c r="GU34" s="112">
        <v>0</v>
      </c>
      <c r="GV34" s="116">
        <v>19520</v>
      </c>
      <c r="GW34" s="116">
        <v>0</v>
      </c>
      <c r="GX34" s="116">
        <v>0</v>
      </c>
      <c r="GY34" s="116">
        <v>0</v>
      </c>
      <c r="GZ34" s="116">
        <v>0</v>
      </c>
      <c r="HA34" s="114">
        <v>19520</v>
      </c>
      <c r="HB34" s="118">
        <v>19520</v>
      </c>
      <c r="HC34" s="112">
        <v>0</v>
      </c>
      <c r="HD34" s="116">
        <v>0</v>
      </c>
      <c r="HE34" s="114">
        <v>0</v>
      </c>
      <c r="HF34" s="113">
        <v>0</v>
      </c>
      <c r="HG34" s="116">
        <v>913194</v>
      </c>
      <c r="HH34" s="116">
        <v>1444944</v>
      </c>
      <c r="HI34" s="116">
        <v>550515</v>
      </c>
      <c r="HJ34" s="116">
        <v>1024476</v>
      </c>
      <c r="HK34" s="116">
        <v>1150794</v>
      </c>
      <c r="HL34" s="115">
        <v>5083923</v>
      </c>
      <c r="HM34" s="111">
        <v>5083923</v>
      </c>
      <c r="HN34" s="117">
        <v>96360</v>
      </c>
      <c r="HO34" s="116">
        <v>157680</v>
      </c>
      <c r="HP34" s="115">
        <v>254040</v>
      </c>
      <c r="HQ34" s="112">
        <v>0</v>
      </c>
      <c r="HR34" s="116">
        <v>1148440</v>
      </c>
      <c r="HS34" s="116">
        <v>1325364</v>
      </c>
      <c r="HT34" s="116">
        <v>873609</v>
      </c>
      <c r="HU34" s="116">
        <v>744298</v>
      </c>
      <c r="HV34" s="116">
        <v>362777</v>
      </c>
      <c r="HW34" s="114">
        <v>4454488</v>
      </c>
      <c r="HX34" s="118">
        <v>4708528</v>
      </c>
      <c r="HY34" s="167">
        <v>98217</v>
      </c>
      <c r="HZ34" s="152">
        <v>390960</v>
      </c>
      <c r="IA34" s="167">
        <v>489177</v>
      </c>
      <c r="IB34" s="151">
        <v>0</v>
      </c>
      <c r="IC34" s="152">
        <v>1794353</v>
      </c>
      <c r="ID34" s="153">
        <v>2218894</v>
      </c>
      <c r="IE34" s="154">
        <v>3068227</v>
      </c>
      <c r="IF34" s="152">
        <v>3424620</v>
      </c>
      <c r="IG34" s="154">
        <v>1611198</v>
      </c>
      <c r="IH34" s="155">
        <v>12117292</v>
      </c>
      <c r="II34" s="167">
        <v>12606469</v>
      </c>
      <c r="IJ34" s="261">
        <v>0</v>
      </c>
      <c r="IK34" s="268">
        <v>0</v>
      </c>
      <c r="IL34" s="269">
        <v>0</v>
      </c>
      <c r="IM34" s="157"/>
      <c r="IN34" s="122">
        <v>0</v>
      </c>
      <c r="IO34" s="122">
        <v>0</v>
      </c>
      <c r="IP34" s="122">
        <v>0</v>
      </c>
      <c r="IQ34" s="122">
        <v>0</v>
      </c>
      <c r="IR34" s="122">
        <v>0</v>
      </c>
      <c r="IS34" s="158">
        <v>0</v>
      </c>
      <c r="IT34" s="357">
        <v>0</v>
      </c>
      <c r="IU34" s="159">
        <v>0</v>
      </c>
      <c r="IV34" s="122">
        <v>0</v>
      </c>
      <c r="IW34" s="123">
        <v>0</v>
      </c>
      <c r="IX34" s="161"/>
      <c r="IY34" s="122">
        <v>0</v>
      </c>
      <c r="IZ34" s="122">
        <v>0</v>
      </c>
      <c r="JA34" s="122">
        <v>0</v>
      </c>
      <c r="JB34" s="122">
        <v>0</v>
      </c>
      <c r="JC34" s="122">
        <v>0</v>
      </c>
      <c r="JD34" s="123">
        <v>0</v>
      </c>
      <c r="JE34" s="124">
        <v>0</v>
      </c>
      <c r="JF34" s="159">
        <v>0</v>
      </c>
      <c r="JG34" s="122">
        <v>0</v>
      </c>
      <c r="JH34" s="158">
        <v>0</v>
      </c>
      <c r="JI34" s="121">
        <v>0</v>
      </c>
      <c r="JJ34" s="122">
        <v>920996</v>
      </c>
      <c r="JK34" s="122">
        <v>850813</v>
      </c>
      <c r="JL34" s="122">
        <v>341001</v>
      </c>
      <c r="JM34" s="122">
        <v>95751</v>
      </c>
      <c r="JN34" s="122">
        <v>0</v>
      </c>
      <c r="JO34" s="123">
        <v>2208561</v>
      </c>
      <c r="JP34" s="357">
        <v>2208561</v>
      </c>
      <c r="JQ34" s="159">
        <v>0</v>
      </c>
      <c r="JR34" s="122">
        <v>0</v>
      </c>
      <c r="JS34" s="158">
        <v>0</v>
      </c>
      <c r="JT34" s="121">
        <v>0</v>
      </c>
      <c r="JU34" s="122">
        <v>43065</v>
      </c>
      <c r="JV34" s="122">
        <v>83088</v>
      </c>
      <c r="JW34" s="122">
        <v>325598</v>
      </c>
      <c r="JX34" s="122">
        <v>42228</v>
      </c>
      <c r="JY34" s="122">
        <v>0</v>
      </c>
      <c r="JZ34" s="123">
        <v>493979</v>
      </c>
      <c r="KA34" s="357">
        <v>493979</v>
      </c>
      <c r="KB34" s="264">
        <v>98217</v>
      </c>
      <c r="KC34" s="258">
        <v>390960</v>
      </c>
      <c r="KD34" s="123">
        <v>489177</v>
      </c>
      <c r="KE34" s="121">
        <v>0</v>
      </c>
      <c r="KF34" s="122">
        <v>366198</v>
      </c>
      <c r="KG34" s="122">
        <v>350073</v>
      </c>
      <c r="KH34" s="122">
        <v>730575</v>
      </c>
      <c r="KI34" s="122">
        <v>1342440</v>
      </c>
      <c r="KJ34" s="122">
        <v>289314</v>
      </c>
      <c r="KK34" s="123">
        <v>3078600</v>
      </c>
      <c r="KL34" s="160">
        <v>3567777</v>
      </c>
      <c r="KM34" s="261">
        <v>0</v>
      </c>
      <c r="KN34" s="268">
        <v>0</v>
      </c>
      <c r="KO34" s="269">
        <v>0</v>
      </c>
      <c r="KP34" s="157"/>
      <c r="KQ34" s="122">
        <v>464094</v>
      </c>
      <c r="KR34" s="122">
        <v>728118</v>
      </c>
      <c r="KS34" s="122">
        <v>497808</v>
      </c>
      <c r="KT34" s="122">
        <v>253476</v>
      </c>
      <c r="KU34" s="122">
        <v>258336</v>
      </c>
      <c r="KV34" s="123">
        <v>2201832</v>
      </c>
      <c r="KW34" s="357">
        <v>2201832</v>
      </c>
      <c r="KX34" s="159">
        <v>0</v>
      </c>
      <c r="KY34" s="122">
        <v>0</v>
      </c>
      <c r="KZ34" s="123">
        <v>0</v>
      </c>
      <c r="LA34" s="162"/>
      <c r="LB34" s="122">
        <v>0</v>
      </c>
      <c r="LC34" s="122">
        <v>0</v>
      </c>
      <c r="LD34" s="122">
        <v>0</v>
      </c>
      <c r="LE34" s="122">
        <v>0</v>
      </c>
      <c r="LF34" s="122">
        <v>0</v>
      </c>
      <c r="LG34" s="123">
        <v>0</v>
      </c>
      <c r="LH34" s="124">
        <v>0</v>
      </c>
      <c r="LI34" s="159">
        <v>0</v>
      </c>
      <c r="LJ34" s="122">
        <v>0</v>
      </c>
      <c r="LK34" s="123">
        <v>0</v>
      </c>
      <c r="LL34" s="162"/>
      <c r="LM34" s="122">
        <v>0</v>
      </c>
      <c r="LN34" s="122">
        <v>206802</v>
      </c>
      <c r="LO34" s="122">
        <v>1173245</v>
      </c>
      <c r="LP34" s="122">
        <v>1690725</v>
      </c>
      <c r="LQ34" s="122">
        <v>1063548</v>
      </c>
      <c r="LR34" s="123">
        <v>4134320</v>
      </c>
      <c r="LS34" s="357">
        <v>4134320</v>
      </c>
      <c r="LT34" s="159">
        <v>0</v>
      </c>
      <c r="LU34" s="122">
        <v>0</v>
      </c>
      <c r="LV34" s="123">
        <v>0</v>
      </c>
      <c r="LW34" s="162"/>
      <c r="LX34" s="122">
        <v>0</v>
      </c>
      <c r="LY34" s="122">
        <v>0</v>
      </c>
      <c r="LZ34" s="122">
        <v>0</v>
      </c>
      <c r="MA34" s="122">
        <v>0</v>
      </c>
      <c r="MB34" s="122">
        <v>0</v>
      </c>
      <c r="MC34" s="123">
        <v>0</v>
      </c>
      <c r="MD34" s="124">
        <v>0</v>
      </c>
      <c r="ME34" s="159">
        <v>0</v>
      </c>
      <c r="MF34" s="122">
        <v>0</v>
      </c>
      <c r="MG34" s="123">
        <v>0</v>
      </c>
      <c r="MH34" s="162"/>
      <c r="MI34" s="122">
        <v>662169</v>
      </c>
      <c r="MJ34" s="122">
        <v>2470580</v>
      </c>
      <c r="MK34" s="122">
        <v>6397102</v>
      </c>
      <c r="ML34" s="122">
        <v>10483526</v>
      </c>
      <c r="MM34" s="122">
        <v>8695391</v>
      </c>
      <c r="MN34" s="123">
        <v>28708768</v>
      </c>
      <c r="MO34" s="160">
        <v>28708768</v>
      </c>
      <c r="MP34" s="159">
        <v>0</v>
      </c>
      <c r="MQ34" s="122">
        <v>0</v>
      </c>
      <c r="MR34" s="123">
        <v>0</v>
      </c>
      <c r="MS34" s="162"/>
      <c r="MT34" s="122">
        <v>0</v>
      </c>
      <c r="MU34" s="122">
        <v>426975</v>
      </c>
      <c r="MV34" s="122">
        <v>4442212</v>
      </c>
      <c r="MW34" s="122">
        <v>7698099</v>
      </c>
      <c r="MX34" s="122">
        <v>5221075</v>
      </c>
      <c r="MY34" s="123">
        <v>17788361</v>
      </c>
      <c r="MZ34" s="160">
        <v>17788361</v>
      </c>
      <c r="NA34" s="159">
        <v>0</v>
      </c>
      <c r="NB34" s="122">
        <v>0</v>
      </c>
      <c r="NC34" s="123">
        <v>0</v>
      </c>
      <c r="ND34" s="162"/>
      <c r="NE34" s="122">
        <v>662169</v>
      </c>
      <c r="NF34" s="122">
        <v>2043605</v>
      </c>
      <c r="NG34" s="122">
        <v>1954890</v>
      </c>
      <c r="NH34" s="122">
        <v>2785427</v>
      </c>
      <c r="NI34" s="122">
        <v>2775205</v>
      </c>
      <c r="NJ34" s="123">
        <v>10221296</v>
      </c>
      <c r="NK34" s="357">
        <v>10221296</v>
      </c>
      <c r="NL34" s="159">
        <v>0</v>
      </c>
      <c r="NM34" s="122">
        <v>0</v>
      </c>
      <c r="NN34" s="123">
        <v>0</v>
      </c>
      <c r="NO34" s="162"/>
      <c r="NP34" s="122">
        <v>0</v>
      </c>
      <c r="NQ34" s="122">
        <v>0</v>
      </c>
      <c r="NR34" s="122">
        <v>0</v>
      </c>
      <c r="NS34" s="122">
        <v>0</v>
      </c>
      <c r="NT34" s="122">
        <v>333366</v>
      </c>
      <c r="NU34" s="123">
        <v>333366</v>
      </c>
      <c r="NV34" s="124">
        <v>333366</v>
      </c>
      <c r="NW34" s="159">
        <v>0</v>
      </c>
      <c r="NX34" s="122">
        <v>0</v>
      </c>
      <c r="NY34" s="123">
        <v>0</v>
      </c>
      <c r="NZ34" s="162"/>
      <c r="OA34" s="122">
        <v>0</v>
      </c>
      <c r="OB34" s="122">
        <v>0</v>
      </c>
      <c r="OC34" s="122">
        <v>0</v>
      </c>
      <c r="OD34" s="122">
        <v>0</v>
      </c>
      <c r="OE34" s="122">
        <v>365745</v>
      </c>
      <c r="OF34" s="123">
        <v>365745</v>
      </c>
      <c r="OG34" s="124">
        <v>365745</v>
      </c>
      <c r="OH34" s="159">
        <v>406733</v>
      </c>
      <c r="OI34" s="122">
        <v>1117926</v>
      </c>
      <c r="OJ34" s="158">
        <v>1524659</v>
      </c>
      <c r="OK34" s="121">
        <v>0</v>
      </c>
      <c r="OL34" s="122">
        <v>8547192</v>
      </c>
      <c r="OM34" s="122">
        <v>13929296</v>
      </c>
      <c r="ON34" s="122">
        <v>16841028</v>
      </c>
      <c r="OO34" s="122">
        <v>23108556</v>
      </c>
      <c r="OP34" s="122">
        <v>15797384</v>
      </c>
      <c r="OQ34" s="123">
        <v>78223456</v>
      </c>
      <c r="OR34" s="160">
        <v>79748115</v>
      </c>
    </row>
    <row r="35" spans="1:408" ht="18.75" customHeight="1" x14ac:dyDescent="0.2">
      <c r="A35" s="62" t="s">
        <v>30</v>
      </c>
      <c r="B35" s="112">
        <v>541743</v>
      </c>
      <c r="C35" s="116">
        <v>711044</v>
      </c>
      <c r="D35" s="201">
        <v>1252787</v>
      </c>
      <c r="E35" s="202">
        <v>0</v>
      </c>
      <c r="F35" s="203">
        <v>5338482</v>
      </c>
      <c r="G35" s="203">
        <v>6756372</v>
      </c>
      <c r="H35" s="203">
        <v>8619437</v>
      </c>
      <c r="I35" s="203">
        <v>6547043</v>
      </c>
      <c r="J35" s="203">
        <v>3550766</v>
      </c>
      <c r="K35" s="204">
        <v>30812100</v>
      </c>
      <c r="L35" s="118">
        <v>32064887</v>
      </c>
      <c r="M35" s="112">
        <v>141970</v>
      </c>
      <c r="N35" s="116">
        <v>260527</v>
      </c>
      <c r="O35" s="115">
        <v>402497</v>
      </c>
      <c r="P35" s="112">
        <v>0</v>
      </c>
      <c r="Q35" s="116">
        <v>1332897</v>
      </c>
      <c r="R35" s="116">
        <v>1975201</v>
      </c>
      <c r="S35" s="116">
        <v>2844082</v>
      </c>
      <c r="T35" s="116">
        <v>2391700</v>
      </c>
      <c r="U35" s="116">
        <v>1710508</v>
      </c>
      <c r="V35" s="115">
        <v>10254388</v>
      </c>
      <c r="W35" s="118">
        <v>10656885</v>
      </c>
      <c r="X35" s="112">
        <v>0</v>
      </c>
      <c r="Y35" s="116">
        <v>0</v>
      </c>
      <c r="Z35" s="115">
        <v>0</v>
      </c>
      <c r="AA35" s="112">
        <v>0</v>
      </c>
      <c r="AB35" s="116">
        <v>415129</v>
      </c>
      <c r="AC35" s="116">
        <v>956474</v>
      </c>
      <c r="AD35" s="116">
        <v>1527364</v>
      </c>
      <c r="AE35" s="116">
        <v>1128792</v>
      </c>
      <c r="AF35" s="116">
        <v>1055549</v>
      </c>
      <c r="AG35" s="115">
        <v>5083308</v>
      </c>
      <c r="AH35" s="118">
        <v>5083308</v>
      </c>
      <c r="AI35" s="112">
        <v>0</v>
      </c>
      <c r="AJ35" s="116">
        <v>0</v>
      </c>
      <c r="AK35" s="115">
        <v>0</v>
      </c>
      <c r="AL35" s="112">
        <v>0</v>
      </c>
      <c r="AM35" s="116">
        <v>25357</v>
      </c>
      <c r="AN35" s="116">
        <v>97344</v>
      </c>
      <c r="AO35" s="116">
        <v>175835</v>
      </c>
      <c r="AP35" s="116">
        <v>364181</v>
      </c>
      <c r="AQ35" s="116">
        <v>308797</v>
      </c>
      <c r="AR35" s="115">
        <v>971514</v>
      </c>
      <c r="AS35" s="118">
        <v>971514</v>
      </c>
      <c r="AT35" s="112">
        <v>101794</v>
      </c>
      <c r="AU35" s="116">
        <v>245857</v>
      </c>
      <c r="AV35" s="115">
        <v>347651</v>
      </c>
      <c r="AW35" s="112">
        <v>0</v>
      </c>
      <c r="AX35" s="116">
        <v>596270</v>
      </c>
      <c r="AY35" s="116">
        <v>675503</v>
      </c>
      <c r="AZ35" s="116">
        <v>738076</v>
      </c>
      <c r="BA35" s="116">
        <v>627460</v>
      </c>
      <c r="BB35" s="116">
        <v>207589</v>
      </c>
      <c r="BC35" s="115">
        <v>2844898</v>
      </c>
      <c r="BD35" s="118">
        <v>3192549</v>
      </c>
      <c r="BE35" s="112">
        <v>0</v>
      </c>
      <c r="BF35" s="116">
        <v>0</v>
      </c>
      <c r="BG35" s="114">
        <v>0</v>
      </c>
      <c r="BH35" s="113">
        <v>0</v>
      </c>
      <c r="BI35" s="116">
        <v>70020</v>
      </c>
      <c r="BJ35" s="116">
        <v>34416</v>
      </c>
      <c r="BK35" s="116">
        <v>34416</v>
      </c>
      <c r="BL35" s="116">
        <v>26768</v>
      </c>
      <c r="BM35" s="116">
        <v>0</v>
      </c>
      <c r="BN35" s="115">
        <v>165620</v>
      </c>
      <c r="BO35" s="118">
        <v>165620</v>
      </c>
      <c r="BP35" s="112">
        <v>40176</v>
      </c>
      <c r="BQ35" s="116">
        <v>14670</v>
      </c>
      <c r="BR35" s="115">
        <v>54846</v>
      </c>
      <c r="BS35" s="112">
        <v>0</v>
      </c>
      <c r="BT35" s="116">
        <v>226121</v>
      </c>
      <c r="BU35" s="116">
        <v>211464</v>
      </c>
      <c r="BV35" s="116">
        <v>368391</v>
      </c>
      <c r="BW35" s="116">
        <v>244499</v>
      </c>
      <c r="BX35" s="116">
        <v>138573</v>
      </c>
      <c r="BY35" s="115">
        <v>1189048</v>
      </c>
      <c r="BZ35" s="118">
        <v>1243894</v>
      </c>
      <c r="CA35" s="112">
        <v>0</v>
      </c>
      <c r="CB35" s="116">
        <v>43649</v>
      </c>
      <c r="CC35" s="115">
        <v>43649</v>
      </c>
      <c r="CD35" s="112">
        <v>0</v>
      </c>
      <c r="CE35" s="116">
        <v>1505271</v>
      </c>
      <c r="CF35" s="116">
        <v>1566346</v>
      </c>
      <c r="CG35" s="116">
        <v>2233075</v>
      </c>
      <c r="CH35" s="116">
        <v>1107404</v>
      </c>
      <c r="CI35" s="116">
        <v>33678</v>
      </c>
      <c r="CJ35" s="115">
        <v>6445774</v>
      </c>
      <c r="CK35" s="118">
        <v>6489423</v>
      </c>
      <c r="CL35" s="112">
        <v>0</v>
      </c>
      <c r="CM35" s="116">
        <v>0</v>
      </c>
      <c r="CN35" s="115">
        <v>0</v>
      </c>
      <c r="CO35" s="113">
        <v>0</v>
      </c>
      <c r="CP35" s="116">
        <v>1426028</v>
      </c>
      <c r="CQ35" s="116">
        <v>1200267</v>
      </c>
      <c r="CR35" s="116">
        <v>2222752</v>
      </c>
      <c r="CS35" s="116">
        <v>818156</v>
      </c>
      <c r="CT35" s="116">
        <v>33678</v>
      </c>
      <c r="CU35" s="115">
        <v>5700881</v>
      </c>
      <c r="CV35" s="118">
        <v>5700881</v>
      </c>
      <c r="CW35" s="112">
        <v>0</v>
      </c>
      <c r="CX35" s="116">
        <v>43649</v>
      </c>
      <c r="CY35" s="115">
        <v>43649</v>
      </c>
      <c r="CZ35" s="112">
        <v>0</v>
      </c>
      <c r="DA35" s="116">
        <v>79243</v>
      </c>
      <c r="DB35" s="116">
        <v>366079</v>
      </c>
      <c r="DC35" s="116">
        <v>10323</v>
      </c>
      <c r="DD35" s="116">
        <v>289248</v>
      </c>
      <c r="DE35" s="116">
        <v>0</v>
      </c>
      <c r="DF35" s="115">
        <v>744893</v>
      </c>
      <c r="DG35" s="118">
        <v>788542</v>
      </c>
      <c r="DH35" s="112">
        <v>0</v>
      </c>
      <c r="DI35" s="116">
        <v>0</v>
      </c>
      <c r="DJ35" s="114">
        <v>0</v>
      </c>
      <c r="DK35" s="113">
        <v>0</v>
      </c>
      <c r="DL35" s="116">
        <v>168571</v>
      </c>
      <c r="DM35" s="116">
        <v>244830</v>
      </c>
      <c r="DN35" s="116">
        <v>994042</v>
      </c>
      <c r="DO35" s="116">
        <v>967270</v>
      </c>
      <c r="DP35" s="116">
        <v>836079</v>
      </c>
      <c r="DQ35" s="115">
        <v>3210792</v>
      </c>
      <c r="DR35" s="118">
        <v>3210792</v>
      </c>
      <c r="DS35" s="112">
        <v>0</v>
      </c>
      <c r="DT35" s="116">
        <v>0</v>
      </c>
      <c r="DU35" s="115">
        <v>0</v>
      </c>
      <c r="DV35" s="112">
        <v>0</v>
      </c>
      <c r="DW35" s="116">
        <v>168571</v>
      </c>
      <c r="DX35" s="116">
        <v>228072</v>
      </c>
      <c r="DY35" s="116">
        <v>946632</v>
      </c>
      <c r="DZ35" s="116">
        <v>967270</v>
      </c>
      <c r="EA35" s="116">
        <v>825245</v>
      </c>
      <c r="EB35" s="115">
        <v>3135790</v>
      </c>
      <c r="EC35" s="118">
        <v>3135790</v>
      </c>
      <c r="ED35" s="112">
        <v>0</v>
      </c>
      <c r="EE35" s="114">
        <v>0</v>
      </c>
      <c r="EF35" s="115">
        <v>0</v>
      </c>
      <c r="EG35" s="112">
        <v>0</v>
      </c>
      <c r="EH35" s="116">
        <v>0</v>
      </c>
      <c r="EI35" s="116">
        <v>16758</v>
      </c>
      <c r="EJ35" s="116">
        <v>47410</v>
      </c>
      <c r="EK35" s="116">
        <v>0</v>
      </c>
      <c r="EL35" s="116">
        <v>10834</v>
      </c>
      <c r="EM35" s="114">
        <v>75002</v>
      </c>
      <c r="EN35" s="118">
        <v>75002</v>
      </c>
      <c r="EO35" s="112">
        <v>0</v>
      </c>
      <c r="EP35" s="116">
        <v>0</v>
      </c>
      <c r="EQ35" s="114">
        <v>0</v>
      </c>
      <c r="ER35" s="113">
        <v>0</v>
      </c>
      <c r="ES35" s="116">
        <v>0</v>
      </c>
      <c r="ET35" s="116">
        <v>0</v>
      </c>
      <c r="EU35" s="116">
        <v>0</v>
      </c>
      <c r="EV35" s="116">
        <v>0</v>
      </c>
      <c r="EW35" s="116">
        <v>0</v>
      </c>
      <c r="EX35" s="115">
        <v>0</v>
      </c>
      <c r="EY35" s="118">
        <v>0</v>
      </c>
      <c r="EZ35" s="112">
        <v>0</v>
      </c>
      <c r="FA35" s="116">
        <v>0</v>
      </c>
      <c r="FB35" s="114">
        <v>0</v>
      </c>
      <c r="FC35" s="390"/>
      <c r="FD35" s="116">
        <v>0</v>
      </c>
      <c r="FE35" s="116">
        <v>0</v>
      </c>
      <c r="FF35" s="116">
        <v>0</v>
      </c>
      <c r="FG35" s="116">
        <v>0</v>
      </c>
      <c r="FH35" s="116">
        <v>0</v>
      </c>
      <c r="FI35" s="115">
        <v>0</v>
      </c>
      <c r="FJ35" s="118">
        <v>0</v>
      </c>
      <c r="FK35" s="112">
        <v>189290</v>
      </c>
      <c r="FL35" s="116">
        <v>259328</v>
      </c>
      <c r="FM35" s="115">
        <v>448618</v>
      </c>
      <c r="FN35" s="112">
        <v>0</v>
      </c>
      <c r="FO35" s="116">
        <v>496600</v>
      </c>
      <c r="FP35" s="116">
        <v>934496</v>
      </c>
      <c r="FQ35" s="116">
        <v>1070553</v>
      </c>
      <c r="FR35" s="116">
        <v>698431</v>
      </c>
      <c r="FS35" s="116">
        <v>251037</v>
      </c>
      <c r="FT35" s="115">
        <v>3451117</v>
      </c>
      <c r="FU35" s="118">
        <v>3899735</v>
      </c>
      <c r="FV35" s="117">
        <v>111710</v>
      </c>
      <c r="FW35" s="116">
        <v>136640</v>
      </c>
      <c r="FX35" s="114">
        <v>248350</v>
      </c>
      <c r="FY35" s="113">
        <v>0</v>
      </c>
      <c r="FZ35" s="116">
        <v>338736</v>
      </c>
      <c r="GA35" s="116">
        <v>733112</v>
      </c>
      <c r="GB35" s="116">
        <v>911136</v>
      </c>
      <c r="GC35" s="116">
        <v>698431</v>
      </c>
      <c r="GD35" s="116">
        <v>251037</v>
      </c>
      <c r="GE35" s="115">
        <v>2932452</v>
      </c>
      <c r="GF35" s="354">
        <v>3180802</v>
      </c>
      <c r="GG35" s="117">
        <v>26100</v>
      </c>
      <c r="GH35" s="116">
        <v>38988</v>
      </c>
      <c r="GI35" s="114">
        <v>65088</v>
      </c>
      <c r="GJ35" s="113">
        <v>0</v>
      </c>
      <c r="GK35" s="116">
        <v>157864</v>
      </c>
      <c r="GL35" s="116">
        <v>21384</v>
      </c>
      <c r="GM35" s="116">
        <v>86157</v>
      </c>
      <c r="GN35" s="116">
        <v>0</v>
      </c>
      <c r="GO35" s="116">
        <v>0</v>
      </c>
      <c r="GP35" s="115">
        <v>265405</v>
      </c>
      <c r="GQ35" s="118">
        <v>330493</v>
      </c>
      <c r="GR35" s="112">
        <v>51480</v>
      </c>
      <c r="GS35" s="116">
        <v>83700</v>
      </c>
      <c r="GT35" s="115">
        <v>135180</v>
      </c>
      <c r="GU35" s="112">
        <v>0</v>
      </c>
      <c r="GV35" s="116">
        <v>0</v>
      </c>
      <c r="GW35" s="116">
        <v>180000</v>
      </c>
      <c r="GX35" s="116">
        <v>73260</v>
      </c>
      <c r="GY35" s="116">
        <v>0</v>
      </c>
      <c r="GZ35" s="116">
        <v>0</v>
      </c>
      <c r="HA35" s="114">
        <v>253260</v>
      </c>
      <c r="HB35" s="118">
        <v>388440</v>
      </c>
      <c r="HC35" s="112">
        <v>105363</v>
      </c>
      <c r="HD35" s="116">
        <v>0</v>
      </c>
      <c r="HE35" s="114">
        <v>105363</v>
      </c>
      <c r="HF35" s="113">
        <v>0</v>
      </c>
      <c r="HG35" s="116">
        <v>808179</v>
      </c>
      <c r="HH35" s="116">
        <v>1146395</v>
      </c>
      <c r="HI35" s="116">
        <v>542927</v>
      </c>
      <c r="HJ35" s="116">
        <v>828136</v>
      </c>
      <c r="HK35" s="116">
        <v>476954</v>
      </c>
      <c r="HL35" s="115">
        <v>3802591</v>
      </c>
      <c r="HM35" s="111">
        <v>3907954</v>
      </c>
      <c r="HN35" s="117">
        <v>105120</v>
      </c>
      <c r="HO35" s="116">
        <v>147540</v>
      </c>
      <c r="HP35" s="115">
        <v>252660</v>
      </c>
      <c r="HQ35" s="112">
        <v>0</v>
      </c>
      <c r="HR35" s="116">
        <v>1026964</v>
      </c>
      <c r="HS35" s="116">
        <v>889104</v>
      </c>
      <c r="HT35" s="116">
        <v>934758</v>
      </c>
      <c r="HU35" s="116">
        <v>554102</v>
      </c>
      <c r="HV35" s="116">
        <v>242510</v>
      </c>
      <c r="HW35" s="114">
        <v>3647438</v>
      </c>
      <c r="HX35" s="118">
        <v>3900098</v>
      </c>
      <c r="HY35" s="148">
        <v>25674</v>
      </c>
      <c r="HZ35" s="149">
        <v>0</v>
      </c>
      <c r="IA35" s="150">
        <v>25674</v>
      </c>
      <c r="IB35" s="163">
        <v>0</v>
      </c>
      <c r="IC35" s="149">
        <v>3148860</v>
      </c>
      <c r="ID35" s="164">
        <v>1970402</v>
      </c>
      <c r="IE35" s="150">
        <v>2889198</v>
      </c>
      <c r="IF35" s="149">
        <v>1135125</v>
      </c>
      <c r="IG35" s="150">
        <v>342752</v>
      </c>
      <c r="IH35" s="165">
        <v>9486337</v>
      </c>
      <c r="II35" s="156">
        <v>9512011</v>
      </c>
      <c r="IJ35" s="261">
        <v>0</v>
      </c>
      <c r="IK35" s="268">
        <v>0</v>
      </c>
      <c r="IL35" s="269">
        <v>0</v>
      </c>
      <c r="IM35" s="157"/>
      <c r="IN35" s="122">
        <v>19845</v>
      </c>
      <c r="IO35" s="122">
        <v>0</v>
      </c>
      <c r="IP35" s="122">
        <v>185625</v>
      </c>
      <c r="IQ35" s="122">
        <v>0</v>
      </c>
      <c r="IR35" s="122">
        <v>0</v>
      </c>
      <c r="IS35" s="158">
        <v>205470</v>
      </c>
      <c r="IT35" s="357">
        <v>205470</v>
      </c>
      <c r="IU35" s="159">
        <v>0</v>
      </c>
      <c r="IV35" s="122">
        <v>0</v>
      </c>
      <c r="IW35" s="123">
        <v>0</v>
      </c>
      <c r="IX35" s="161"/>
      <c r="IY35" s="122">
        <v>0</v>
      </c>
      <c r="IZ35" s="122">
        <v>0</v>
      </c>
      <c r="JA35" s="122">
        <v>0</v>
      </c>
      <c r="JB35" s="122">
        <v>0</v>
      </c>
      <c r="JC35" s="122">
        <v>0</v>
      </c>
      <c r="JD35" s="123">
        <v>0</v>
      </c>
      <c r="JE35" s="124">
        <v>0</v>
      </c>
      <c r="JF35" s="159">
        <v>0</v>
      </c>
      <c r="JG35" s="122">
        <v>0</v>
      </c>
      <c r="JH35" s="158">
        <v>0</v>
      </c>
      <c r="JI35" s="121">
        <v>0</v>
      </c>
      <c r="JJ35" s="122">
        <v>1018413</v>
      </c>
      <c r="JK35" s="122">
        <v>1309883</v>
      </c>
      <c r="JL35" s="122">
        <v>478817</v>
      </c>
      <c r="JM35" s="122">
        <v>368118</v>
      </c>
      <c r="JN35" s="122">
        <v>80973</v>
      </c>
      <c r="JO35" s="123">
        <v>3256204</v>
      </c>
      <c r="JP35" s="357">
        <v>3256204</v>
      </c>
      <c r="JQ35" s="159">
        <v>25674</v>
      </c>
      <c r="JR35" s="122">
        <v>0</v>
      </c>
      <c r="JS35" s="158">
        <v>25674</v>
      </c>
      <c r="JT35" s="121">
        <v>0</v>
      </c>
      <c r="JU35" s="122">
        <v>0</v>
      </c>
      <c r="JV35" s="122">
        <v>9233</v>
      </c>
      <c r="JW35" s="122">
        <v>197632</v>
      </c>
      <c r="JX35" s="122">
        <v>0</v>
      </c>
      <c r="JY35" s="122">
        <v>0</v>
      </c>
      <c r="JZ35" s="123">
        <v>206865</v>
      </c>
      <c r="KA35" s="357">
        <v>232539</v>
      </c>
      <c r="KB35" s="264">
        <v>0</v>
      </c>
      <c r="KC35" s="258">
        <v>0</v>
      </c>
      <c r="KD35" s="123">
        <v>0</v>
      </c>
      <c r="KE35" s="121">
        <v>0</v>
      </c>
      <c r="KF35" s="122">
        <v>0</v>
      </c>
      <c r="KG35" s="122">
        <v>0</v>
      </c>
      <c r="KH35" s="122">
        <v>0</v>
      </c>
      <c r="KI35" s="122">
        <v>272043</v>
      </c>
      <c r="KJ35" s="122">
        <v>0</v>
      </c>
      <c r="KK35" s="123">
        <v>272043</v>
      </c>
      <c r="KL35" s="160">
        <v>272043</v>
      </c>
      <c r="KM35" s="261">
        <v>0</v>
      </c>
      <c r="KN35" s="268">
        <v>0</v>
      </c>
      <c r="KO35" s="269">
        <v>0</v>
      </c>
      <c r="KP35" s="157"/>
      <c r="KQ35" s="122">
        <v>2110602</v>
      </c>
      <c r="KR35" s="122">
        <v>651286</v>
      </c>
      <c r="KS35" s="122">
        <v>2027124</v>
      </c>
      <c r="KT35" s="122">
        <v>494964</v>
      </c>
      <c r="KU35" s="122">
        <v>261779</v>
      </c>
      <c r="KV35" s="123">
        <v>5545755</v>
      </c>
      <c r="KW35" s="357">
        <v>5545755</v>
      </c>
      <c r="KX35" s="159">
        <v>0</v>
      </c>
      <c r="KY35" s="122">
        <v>0</v>
      </c>
      <c r="KZ35" s="123">
        <v>0</v>
      </c>
      <c r="LA35" s="162"/>
      <c r="LB35" s="122">
        <v>0</v>
      </c>
      <c r="LC35" s="122">
        <v>0</v>
      </c>
      <c r="LD35" s="122">
        <v>0</v>
      </c>
      <c r="LE35" s="122">
        <v>0</v>
      </c>
      <c r="LF35" s="122">
        <v>0</v>
      </c>
      <c r="LG35" s="123">
        <v>0</v>
      </c>
      <c r="LH35" s="124">
        <v>0</v>
      </c>
      <c r="LI35" s="159">
        <v>0</v>
      </c>
      <c r="LJ35" s="122">
        <v>0</v>
      </c>
      <c r="LK35" s="123">
        <v>0</v>
      </c>
      <c r="LL35" s="162"/>
      <c r="LM35" s="122">
        <v>0</v>
      </c>
      <c r="LN35" s="122">
        <v>0</v>
      </c>
      <c r="LO35" s="122">
        <v>0</v>
      </c>
      <c r="LP35" s="122">
        <v>0</v>
      </c>
      <c r="LQ35" s="122">
        <v>0</v>
      </c>
      <c r="LR35" s="123">
        <v>0</v>
      </c>
      <c r="LS35" s="357">
        <v>0</v>
      </c>
      <c r="LT35" s="159">
        <v>0</v>
      </c>
      <c r="LU35" s="122">
        <v>0</v>
      </c>
      <c r="LV35" s="123">
        <v>0</v>
      </c>
      <c r="LW35" s="162"/>
      <c r="LX35" s="122">
        <v>0</v>
      </c>
      <c r="LY35" s="122">
        <v>0</v>
      </c>
      <c r="LZ35" s="122">
        <v>0</v>
      </c>
      <c r="MA35" s="122">
        <v>0</v>
      </c>
      <c r="MB35" s="122">
        <v>0</v>
      </c>
      <c r="MC35" s="123">
        <v>0</v>
      </c>
      <c r="MD35" s="124">
        <v>0</v>
      </c>
      <c r="ME35" s="159">
        <v>0</v>
      </c>
      <c r="MF35" s="122">
        <v>0</v>
      </c>
      <c r="MG35" s="123">
        <v>0</v>
      </c>
      <c r="MH35" s="162"/>
      <c r="MI35" s="122">
        <v>1279080</v>
      </c>
      <c r="MJ35" s="122">
        <v>2138870</v>
      </c>
      <c r="MK35" s="122">
        <v>7579604</v>
      </c>
      <c r="ML35" s="122">
        <v>10851876</v>
      </c>
      <c r="MM35" s="122">
        <v>7264416</v>
      </c>
      <c r="MN35" s="123">
        <v>29113846</v>
      </c>
      <c r="MO35" s="160">
        <v>29113846</v>
      </c>
      <c r="MP35" s="159">
        <v>0</v>
      </c>
      <c r="MQ35" s="122">
        <v>0</v>
      </c>
      <c r="MR35" s="123">
        <v>0</v>
      </c>
      <c r="MS35" s="162"/>
      <c r="MT35" s="122">
        <v>206946</v>
      </c>
      <c r="MU35" s="122">
        <v>416734</v>
      </c>
      <c r="MV35" s="122">
        <v>5021114</v>
      </c>
      <c r="MW35" s="122">
        <v>5310052</v>
      </c>
      <c r="MX35" s="122">
        <v>4821375</v>
      </c>
      <c r="MY35" s="123">
        <v>15776221</v>
      </c>
      <c r="MZ35" s="160">
        <v>15776221</v>
      </c>
      <c r="NA35" s="159">
        <v>0</v>
      </c>
      <c r="NB35" s="122">
        <v>0</v>
      </c>
      <c r="NC35" s="123">
        <v>0</v>
      </c>
      <c r="ND35" s="162"/>
      <c r="NE35" s="122">
        <v>1072134</v>
      </c>
      <c r="NF35" s="122">
        <v>1491160</v>
      </c>
      <c r="NG35" s="122">
        <v>2558490</v>
      </c>
      <c r="NH35" s="122">
        <v>5541824</v>
      </c>
      <c r="NI35" s="122">
        <v>1663518</v>
      </c>
      <c r="NJ35" s="123">
        <v>12327126</v>
      </c>
      <c r="NK35" s="357">
        <v>12327126</v>
      </c>
      <c r="NL35" s="159">
        <v>0</v>
      </c>
      <c r="NM35" s="122">
        <v>0</v>
      </c>
      <c r="NN35" s="123">
        <v>0</v>
      </c>
      <c r="NO35" s="162"/>
      <c r="NP35" s="122">
        <v>0</v>
      </c>
      <c r="NQ35" s="122">
        <v>0</v>
      </c>
      <c r="NR35" s="122">
        <v>0</v>
      </c>
      <c r="NS35" s="122">
        <v>0</v>
      </c>
      <c r="NT35" s="122">
        <v>0</v>
      </c>
      <c r="NU35" s="123">
        <v>0</v>
      </c>
      <c r="NV35" s="124">
        <v>0</v>
      </c>
      <c r="NW35" s="159">
        <v>0</v>
      </c>
      <c r="NX35" s="122">
        <v>0</v>
      </c>
      <c r="NY35" s="123">
        <v>0</v>
      </c>
      <c r="NZ35" s="162"/>
      <c r="OA35" s="122">
        <v>0</v>
      </c>
      <c r="OB35" s="122">
        <v>230976</v>
      </c>
      <c r="OC35" s="122">
        <v>0</v>
      </c>
      <c r="OD35" s="122">
        <v>0</v>
      </c>
      <c r="OE35" s="122">
        <v>779523</v>
      </c>
      <c r="OF35" s="123">
        <v>1010499</v>
      </c>
      <c r="OG35" s="124">
        <v>1010499</v>
      </c>
      <c r="OH35" s="159">
        <v>567417</v>
      </c>
      <c r="OI35" s="122">
        <v>711044</v>
      </c>
      <c r="OJ35" s="158">
        <v>1278461</v>
      </c>
      <c r="OK35" s="121">
        <v>0</v>
      </c>
      <c r="OL35" s="122">
        <v>9766422</v>
      </c>
      <c r="OM35" s="122">
        <v>10865644</v>
      </c>
      <c r="ON35" s="122">
        <v>19088239</v>
      </c>
      <c r="OO35" s="122">
        <v>18534044</v>
      </c>
      <c r="OP35" s="122">
        <v>11157934</v>
      </c>
      <c r="OQ35" s="123">
        <v>69412283</v>
      </c>
      <c r="OR35" s="160">
        <v>70690744</v>
      </c>
    </row>
    <row r="36" spans="1:408" ht="18.75" customHeight="1" x14ac:dyDescent="0.2">
      <c r="A36" s="62" t="s">
        <v>31</v>
      </c>
      <c r="B36" s="112">
        <v>380006</v>
      </c>
      <c r="C36" s="116">
        <v>1161623</v>
      </c>
      <c r="D36" s="115">
        <v>1541629</v>
      </c>
      <c r="E36" s="111">
        <v>0</v>
      </c>
      <c r="F36" s="116">
        <v>5775817</v>
      </c>
      <c r="G36" s="116">
        <v>8292168</v>
      </c>
      <c r="H36" s="116">
        <v>7438609</v>
      </c>
      <c r="I36" s="116">
        <v>3622711</v>
      </c>
      <c r="J36" s="116">
        <v>3952799</v>
      </c>
      <c r="K36" s="200">
        <v>29082104</v>
      </c>
      <c r="L36" s="118">
        <v>30623733</v>
      </c>
      <c r="M36" s="112">
        <v>101278</v>
      </c>
      <c r="N36" s="116">
        <v>126117</v>
      </c>
      <c r="O36" s="115">
        <v>227395</v>
      </c>
      <c r="P36" s="112">
        <v>0</v>
      </c>
      <c r="Q36" s="116">
        <v>1251905</v>
      </c>
      <c r="R36" s="116">
        <v>1464261</v>
      </c>
      <c r="S36" s="116">
        <v>1508934</v>
      </c>
      <c r="T36" s="116">
        <v>1169934</v>
      </c>
      <c r="U36" s="116">
        <v>2119871</v>
      </c>
      <c r="V36" s="115">
        <v>7514905</v>
      </c>
      <c r="W36" s="118">
        <v>7742300</v>
      </c>
      <c r="X36" s="112">
        <v>0</v>
      </c>
      <c r="Y36" s="116">
        <v>0</v>
      </c>
      <c r="Z36" s="115">
        <v>0</v>
      </c>
      <c r="AA36" s="112">
        <v>0</v>
      </c>
      <c r="AB36" s="116">
        <v>586380</v>
      </c>
      <c r="AC36" s="116">
        <v>497052</v>
      </c>
      <c r="AD36" s="116">
        <v>279870</v>
      </c>
      <c r="AE36" s="116">
        <v>288747</v>
      </c>
      <c r="AF36" s="116">
        <v>1288111</v>
      </c>
      <c r="AG36" s="115">
        <v>2940160</v>
      </c>
      <c r="AH36" s="118">
        <v>2940160</v>
      </c>
      <c r="AI36" s="112">
        <v>0</v>
      </c>
      <c r="AJ36" s="116">
        <v>0</v>
      </c>
      <c r="AK36" s="115">
        <v>0</v>
      </c>
      <c r="AL36" s="112">
        <v>0</v>
      </c>
      <c r="AM36" s="116">
        <v>10969</v>
      </c>
      <c r="AN36" s="116">
        <v>118207</v>
      </c>
      <c r="AO36" s="116">
        <v>170352</v>
      </c>
      <c r="AP36" s="116">
        <v>209893</v>
      </c>
      <c r="AQ36" s="116">
        <v>256535</v>
      </c>
      <c r="AR36" s="115">
        <v>765956</v>
      </c>
      <c r="AS36" s="118">
        <v>765956</v>
      </c>
      <c r="AT36" s="112">
        <v>60364</v>
      </c>
      <c r="AU36" s="116">
        <v>83862</v>
      </c>
      <c r="AV36" s="115">
        <v>144226</v>
      </c>
      <c r="AW36" s="112">
        <v>0</v>
      </c>
      <c r="AX36" s="116">
        <v>443225</v>
      </c>
      <c r="AY36" s="116">
        <v>479492</v>
      </c>
      <c r="AZ36" s="116">
        <v>621949</v>
      </c>
      <c r="BA36" s="116">
        <v>464787</v>
      </c>
      <c r="BB36" s="116">
        <v>378791</v>
      </c>
      <c r="BC36" s="115">
        <v>2388244</v>
      </c>
      <c r="BD36" s="118">
        <v>2532470</v>
      </c>
      <c r="BE36" s="112">
        <v>16902</v>
      </c>
      <c r="BF36" s="116">
        <v>42255</v>
      </c>
      <c r="BG36" s="114">
        <v>59157</v>
      </c>
      <c r="BH36" s="113">
        <v>0</v>
      </c>
      <c r="BI36" s="116">
        <v>34416</v>
      </c>
      <c r="BJ36" s="116">
        <v>165828</v>
      </c>
      <c r="BK36" s="116">
        <v>244436</v>
      </c>
      <c r="BL36" s="116">
        <v>129060</v>
      </c>
      <c r="BM36" s="116">
        <v>116316</v>
      </c>
      <c r="BN36" s="115">
        <v>690056</v>
      </c>
      <c r="BO36" s="118">
        <v>749213</v>
      </c>
      <c r="BP36" s="112">
        <v>24012</v>
      </c>
      <c r="BQ36" s="116">
        <v>0</v>
      </c>
      <c r="BR36" s="115">
        <v>24012</v>
      </c>
      <c r="BS36" s="112">
        <v>0</v>
      </c>
      <c r="BT36" s="116">
        <v>176915</v>
      </c>
      <c r="BU36" s="116">
        <v>203682</v>
      </c>
      <c r="BV36" s="116">
        <v>192327</v>
      </c>
      <c r="BW36" s="116">
        <v>77447</v>
      </c>
      <c r="BX36" s="116">
        <v>80118</v>
      </c>
      <c r="BY36" s="115">
        <v>730489</v>
      </c>
      <c r="BZ36" s="118">
        <v>754501</v>
      </c>
      <c r="CA36" s="112">
        <v>0</v>
      </c>
      <c r="CB36" s="116">
        <v>41517</v>
      </c>
      <c r="CC36" s="115">
        <v>41517</v>
      </c>
      <c r="CD36" s="112">
        <v>0</v>
      </c>
      <c r="CE36" s="116">
        <v>1136650</v>
      </c>
      <c r="CF36" s="116">
        <v>2728892</v>
      </c>
      <c r="CG36" s="116">
        <v>1745256</v>
      </c>
      <c r="CH36" s="116">
        <v>1045314</v>
      </c>
      <c r="CI36" s="116">
        <v>648288</v>
      </c>
      <c r="CJ36" s="115">
        <v>7304400</v>
      </c>
      <c r="CK36" s="118">
        <v>7345917</v>
      </c>
      <c r="CL36" s="112">
        <v>0</v>
      </c>
      <c r="CM36" s="116">
        <v>0</v>
      </c>
      <c r="CN36" s="115">
        <v>0</v>
      </c>
      <c r="CO36" s="113">
        <v>0</v>
      </c>
      <c r="CP36" s="116">
        <v>1069114</v>
      </c>
      <c r="CQ36" s="116">
        <v>2295942</v>
      </c>
      <c r="CR36" s="116">
        <v>1605730</v>
      </c>
      <c r="CS36" s="116">
        <v>873643</v>
      </c>
      <c r="CT36" s="116">
        <v>595080</v>
      </c>
      <c r="CU36" s="115">
        <v>6439509</v>
      </c>
      <c r="CV36" s="118">
        <v>6439509</v>
      </c>
      <c r="CW36" s="112">
        <v>0</v>
      </c>
      <c r="CX36" s="116">
        <v>41517</v>
      </c>
      <c r="CY36" s="115">
        <v>41517</v>
      </c>
      <c r="CZ36" s="112">
        <v>0</v>
      </c>
      <c r="DA36" s="116">
        <v>67536</v>
      </c>
      <c r="DB36" s="116">
        <v>432950</v>
      </c>
      <c r="DC36" s="116">
        <v>139526</v>
      </c>
      <c r="DD36" s="116">
        <v>171671</v>
      </c>
      <c r="DE36" s="116">
        <v>53208</v>
      </c>
      <c r="DF36" s="115">
        <v>864891</v>
      </c>
      <c r="DG36" s="118">
        <v>906408</v>
      </c>
      <c r="DH36" s="112">
        <v>0</v>
      </c>
      <c r="DI36" s="116">
        <v>0</v>
      </c>
      <c r="DJ36" s="114">
        <v>0</v>
      </c>
      <c r="DK36" s="113">
        <v>0</v>
      </c>
      <c r="DL36" s="116">
        <v>128863</v>
      </c>
      <c r="DM36" s="116">
        <v>396752</v>
      </c>
      <c r="DN36" s="116">
        <v>1264633</v>
      </c>
      <c r="DO36" s="116">
        <v>296003</v>
      </c>
      <c r="DP36" s="116">
        <v>208144</v>
      </c>
      <c r="DQ36" s="115">
        <v>2294395</v>
      </c>
      <c r="DR36" s="118">
        <v>2294395</v>
      </c>
      <c r="DS36" s="112">
        <v>0</v>
      </c>
      <c r="DT36" s="116">
        <v>0</v>
      </c>
      <c r="DU36" s="115">
        <v>0</v>
      </c>
      <c r="DV36" s="112">
        <v>0</v>
      </c>
      <c r="DW36" s="116">
        <v>23284</v>
      </c>
      <c r="DX36" s="116">
        <v>396752</v>
      </c>
      <c r="DY36" s="116">
        <v>1264633</v>
      </c>
      <c r="DZ36" s="116">
        <v>296003</v>
      </c>
      <c r="EA36" s="116">
        <v>158995</v>
      </c>
      <c r="EB36" s="115">
        <v>2139667</v>
      </c>
      <c r="EC36" s="118">
        <v>2139667</v>
      </c>
      <c r="ED36" s="112">
        <v>0</v>
      </c>
      <c r="EE36" s="114">
        <v>0</v>
      </c>
      <c r="EF36" s="115">
        <v>0</v>
      </c>
      <c r="EG36" s="112">
        <v>0</v>
      </c>
      <c r="EH36" s="116">
        <v>105579</v>
      </c>
      <c r="EI36" s="116">
        <v>0</v>
      </c>
      <c r="EJ36" s="116">
        <v>0</v>
      </c>
      <c r="EK36" s="116">
        <v>0</v>
      </c>
      <c r="EL36" s="116">
        <v>49149</v>
      </c>
      <c r="EM36" s="114">
        <v>154728</v>
      </c>
      <c r="EN36" s="118">
        <v>154728</v>
      </c>
      <c r="EO36" s="112">
        <v>0</v>
      </c>
      <c r="EP36" s="116">
        <v>0</v>
      </c>
      <c r="EQ36" s="114">
        <v>0</v>
      </c>
      <c r="ER36" s="113">
        <v>0</v>
      </c>
      <c r="ES36" s="116">
        <v>0</v>
      </c>
      <c r="ET36" s="116">
        <v>0</v>
      </c>
      <c r="EU36" s="116">
        <v>0</v>
      </c>
      <c r="EV36" s="116">
        <v>0</v>
      </c>
      <c r="EW36" s="116">
        <v>0</v>
      </c>
      <c r="EX36" s="115">
        <v>0</v>
      </c>
      <c r="EY36" s="118">
        <v>0</v>
      </c>
      <c r="EZ36" s="112">
        <v>0</v>
      </c>
      <c r="FA36" s="116">
        <v>0</v>
      </c>
      <c r="FB36" s="114">
        <v>0</v>
      </c>
      <c r="FC36" s="390"/>
      <c r="FD36" s="116">
        <v>0</v>
      </c>
      <c r="FE36" s="116">
        <v>0</v>
      </c>
      <c r="FF36" s="116">
        <v>0</v>
      </c>
      <c r="FG36" s="116">
        <v>0</v>
      </c>
      <c r="FH36" s="116">
        <v>0</v>
      </c>
      <c r="FI36" s="115">
        <v>0</v>
      </c>
      <c r="FJ36" s="118">
        <v>0</v>
      </c>
      <c r="FK36" s="112">
        <v>114204</v>
      </c>
      <c r="FL36" s="116">
        <v>631269</v>
      </c>
      <c r="FM36" s="115">
        <v>745473</v>
      </c>
      <c r="FN36" s="112">
        <v>0</v>
      </c>
      <c r="FO36" s="116">
        <v>562257</v>
      </c>
      <c r="FP36" s="116">
        <v>1057685</v>
      </c>
      <c r="FQ36" s="116">
        <v>928719</v>
      </c>
      <c r="FR36" s="116">
        <v>415459</v>
      </c>
      <c r="FS36" s="116">
        <v>489536</v>
      </c>
      <c r="FT36" s="115">
        <v>3453656</v>
      </c>
      <c r="FU36" s="118">
        <v>4199129</v>
      </c>
      <c r="FV36" s="117">
        <v>114204</v>
      </c>
      <c r="FW36" s="116">
        <v>282699</v>
      </c>
      <c r="FX36" s="114">
        <v>396903</v>
      </c>
      <c r="FY36" s="113">
        <v>0</v>
      </c>
      <c r="FZ36" s="116">
        <v>562257</v>
      </c>
      <c r="GA36" s="116">
        <v>1057685</v>
      </c>
      <c r="GB36" s="116">
        <v>746119</v>
      </c>
      <c r="GC36" s="116">
        <v>367435</v>
      </c>
      <c r="GD36" s="116">
        <v>489536</v>
      </c>
      <c r="GE36" s="115">
        <v>3223032</v>
      </c>
      <c r="GF36" s="354">
        <v>3619935</v>
      </c>
      <c r="GG36" s="117">
        <v>0</v>
      </c>
      <c r="GH36" s="116">
        <v>36720</v>
      </c>
      <c r="GI36" s="114">
        <v>36720</v>
      </c>
      <c r="GJ36" s="113">
        <v>0</v>
      </c>
      <c r="GK36" s="116">
        <v>0</v>
      </c>
      <c r="GL36" s="116">
        <v>0</v>
      </c>
      <c r="GM36" s="116">
        <v>0</v>
      </c>
      <c r="GN36" s="116">
        <v>48024</v>
      </c>
      <c r="GO36" s="116">
        <v>0</v>
      </c>
      <c r="GP36" s="115">
        <v>48024</v>
      </c>
      <c r="GQ36" s="118">
        <v>84744</v>
      </c>
      <c r="GR36" s="112">
        <v>0</v>
      </c>
      <c r="GS36" s="116">
        <v>311850</v>
      </c>
      <c r="GT36" s="115">
        <v>311850</v>
      </c>
      <c r="GU36" s="112">
        <v>0</v>
      </c>
      <c r="GV36" s="116">
        <v>0</v>
      </c>
      <c r="GW36" s="116">
        <v>0</v>
      </c>
      <c r="GX36" s="116">
        <v>182600</v>
      </c>
      <c r="GY36" s="116">
        <v>0</v>
      </c>
      <c r="GZ36" s="116">
        <v>0</v>
      </c>
      <c r="HA36" s="114">
        <v>182600</v>
      </c>
      <c r="HB36" s="118">
        <v>494450</v>
      </c>
      <c r="HC36" s="112">
        <v>52749</v>
      </c>
      <c r="HD36" s="116">
        <v>176346</v>
      </c>
      <c r="HE36" s="114">
        <v>229095</v>
      </c>
      <c r="HF36" s="113">
        <v>0</v>
      </c>
      <c r="HG36" s="116">
        <v>1417345</v>
      </c>
      <c r="HH36" s="116">
        <v>1359045</v>
      </c>
      <c r="HI36" s="116">
        <v>986757</v>
      </c>
      <c r="HJ36" s="116">
        <v>417996</v>
      </c>
      <c r="HK36" s="116">
        <v>188221</v>
      </c>
      <c r="HL36" s="115">
        <v>4369364</v>
      </c>
      <c r="HM36" s="111">
        <v>4598459</v>
      </c>
      <c r="HN36" s="117">
        <v>111775</v>
      </c>
      <c r="HO36" s="116">
        <v>186374</v>
      </c>
      <c r="HP36" s="115">
        <v>298149</v>
      </c>
      <c r="HQ36" s="112">
        <v>0</v>
      </c>
      <c r="HR36" s="116">
        <v>1278797</v>
      </c>
      <c r="HS36" s="116">
        <v>1285533</v>
      </c>
      <c r="HT36" s="116">
        <v>1004310</v>
      </c>
      <c r="HU36" s="116">
        <v>278005</v>
      </c>
      <c r="HV36" s="116">
        <v>298739</v>
      </c>
      <c r="HW36" s="114">
        <v>4145384</v>
      </c>
      <c r="HX36" s="118">
        <v>4443533</v>
      </c>
      <c r="HY36" s="167">
        <v>0</v>
      </c>
      <c r="HZ36" s="152">
        <v>176414</v>
      </c>
      <c r="IA36" s="167">
        <v>176414</v>
      </c>
      <c r="IB36" s="151">
        <v>0</v>
      </c>
      <c r="IC36" s="152">
        <v>3126038</v>
      </c>
      <c r="ID36" s="153">
        <v>4756606</v>
      </c>
      <c r="IE36" s="154">
        <v>5923344</v>
      </c>
      <c r="IF36" s="152">
        <v>2955864</v>
      </c>
      <c r="IG36" s="154">
        <v>1509369</v>
      </c>
      <c r="IH36" s="155">
        <v>18271221</v>
      </c>
      <c r="II36" s="167">
        <v>18447635</v>
      </c>
      <c r="IJ36" s="261">
        <v>0</v>
      </c>
      <c r="IK36" s="268">
        <v>0</v>
      </c>
      <c r="IL36" s="269">
        <v>0</v>
      </c>
      <c r="IM36" s="157"/>
      <c r="IN36" s="122">
        <v>0</v>
      </c>
      <c r="IO36" s="122">
        <v>193347</v>
      </c>
      <c r="IP36" s="122">
        <v>0</v>
      </c>
      <c r="IQ36" s="122">
        <v>0</v>
      </c>
      <c r="IR36" s="122">
        <v>0</v>
      </c>
      <c r="IS36" s="158">
        <v>193347</v>
      </c>
      <c r="IT36" s="357">
        <v>193347</v>
      </c>
      <c r="IU36" s="159">
        <v>0</v>
      </c>
      <c r="IV36" s="122">
        <v>0</v>
      </c>
      <c r="IW36" s="123">
        <v>0</v>
      </c>
      <c r="IX36" s="161"/>
      <c r="IY36" s="122">
        <v>0</v>
      </c>
      <c r="IZ36" s="122">
        <v>0</v>
      </c>
      <c r="JA36" s="122">
        <v>0</v>
      </c>
      <c r="JB36" s="122">
        <v>0</v>
      </c>
      <c r="JC36" s="122">
        <v>0</v>
      </c>
      <c r="JD36" s="123">
        <v>0</v>
      </c>
      <c r="JE36" s="124">
        <v>0</v>
      </c>
      <c r="JF36" s="159">
        <v>0</v>
      </c>
      <c r="JG36" s="122">
        <v>0</v>
      </c>
      <c r="JH36" s="158">
        <v>0</v>
      </c>
      <c r="JI36" s="121">
        <v>0</v>
      </c>
      <c r="JJ36" s="122">
        <v>702532</v>
      </c>
      <c r="JK36" s="122">
        <v>531515</v>
      </c>
      <c r="JL36" s="122">
        <v>1475469</v>
      </c>
      <c r="JM36" s="122">
        <v>12638</v>
      </c>
      <c r="JN36" s="122">
        <v>344430</v>
      </c>
      <c r="JO36" s="123">
        <v>3066584</v>
      </c>
      <c r="JP36" s="357">
        <v>3066584</v>
      </c>
      <c r="JQ36" s="159">
        <v>0</v>
      </c>
      <c r="JR36" s="122">
        <v>0</v>
      </c>
      <c r="JS36" s="158">
        <v>0</v>
      </c>
      <c r="JT36" s="121">
        <v>0</v>
      </c>
      <c r="JU36" s="122">
        <v>0</v>
      </c>
      <c r="JV36" s="122">
        <v>117387</v>
      </c>
      <c r="JW36" s="122">
        <v>354069</v>
      </c>
      <c r="JX36" s="122">
        <v>0</v>
      </c>
      <c r="JY36" s="122">
        <v>0</v>
      </c>
      <c r="JZ36" s="123">
        <v>471456</v>
      </c>
      <c r="KA36" s="357">
        <v>471456</v>
      </c>
      <c r="KB36" s="264">
        <v>0</v>
      </c>
      <c r="KC36" s="258">
        <v>176414</v>
      </c>
      <c r="KD36" s="123">
        <v>176414</v>
      </c>
      <c r="KE36" s="121">
        <v>0</v>
      </c>
      <c r="KF36" s="122">
        <v>985273</v>
      </c>
      <c r="KG36" s="122">
        <v>1561141</v>
      </c>
      <c r="KH36" s="122">
        <v>1355234</v>
      </c>
      <c r="KI36" s="122">
        <v>288044</v>
      </c>
      <c r="KJ36" s="122">
        <v>708000</v>
      </c>
      <c r="KK36" s="123">
        <v>4897692</v>
      </c>
      <c r="KL36" s="160">
        <v>5074106</v>
      </c>
      <c r="KM36" s="261">
        <v>0</v>
      </c>
      <c r="KN36" s="268">
        <v>0</v>
      </c>
      <c r="KO36" s="269">
        <v>0</v>
      </c>
      <c r="KP36" s="157"/>
      <c r="KQ36" s="122">
        <v>1438233</v>
      </c>
      <c r="KR36" s="122">
        <v>2353216</v>
      </c>
      <c r="KS36" s="122">
        <v>2738572</v>
      </c>
      <c r="KT36" s="122">
        <v>2655182</v>
      </c>
      <c r="KU36" s="122">
        <v>456939</v>
      </c>
      <c r="KV36" s="123">
        <v>9642142</v>
      </c>
      <c r="KW36" s="357">
        <v>9642142</v>
      </c>
      <c r="KX36" s="159">
        <v>0</v>
      </c>
      <c r="KY36" s="122">
        <v>0</v>
      </c>
      <c r="KZ36" s="123">
        <v>0</v>
      </c>
      <c r="LA36" s="162"/>
      <c r="LB36" s="122">
        <v>0</v>
      </c>
      <c r="LC36" s="122">
        <v>0</v>
      </c>
      <c r="LD36" s="122">
        <v>0</v>
      </c>
      <c r="LE36" s="122">
        <v>0</v>
      </c>
      <c r="LF36" s="122">
        <v>0</v>
      </c>
      <c r="LG36" s="123">
        <v>0</v>
      </c>
      <c r="LH36" s="124">
        <v>0</v>
      </c>
      <c r="LI36" s="159">
        <v>0</v>
      </c>
      <c r="LJ36" s="122">
        <v>0</v>
      </c>
      <c r="LK36" s="123">
        <v>0</v>
      </c>
      <c r="LL36" s="162"/>
      <c r="LM36" s="122">
        <v>0</v>
      </c>
      <c r="LN36" s="122">
        <v>0</v>
      </c>
      <c r="LO36" s="122">
        <v>0</v>
      </c>
      <c r="LP36" s="122">
        <v>0</v>
      </c>
      <c r="LQ36" s="122">
        <v>0</v>
      </c>
      <c r="LR36" s="123">
        <v>0</v>
      </c>
      <c r="LS36" s="357">
        <v>0</v>
      </c>
      <c r="LT36" s="159">
        <v>0</v>
      </c>
      <c r="LU36" s="122">
        <v>0</v>
      </c>
      <c r="LV36" s="123">
        <v>0</v>
      </c>
      <c r="LW36" s="162"/>
      <c r="LX36" s="122">
        <v>0</v>
      </c>
      <c r="LY36" s="122">
        <v>0</v>
      </c>
      <c r="LZ36" s="122">
        <v>0</v>
      </c>
      <c r="MA36" s="122">
        <v>0</v>
      </c>
      <c r="MB36" s="122">
        <v>0</v>
      </c>
      <c r="MC36" s="123">
        <v>0</v>
      </c>
      <c r="MD36" s="124">
        <v>0</v>
      </c>
      <c r="ME36" s="159">
        <v>0</v>
      </c>
      <c r="MF36" s="122">
        <v>0</v>
      </c>
      <c r="MG36" s="123">
        <v>0</v>
      </c>
      <c r="MH36" s="162"/>
      <c r="MI36" s="122">
        <v>514473</v>
      </c>
      <c r="MJ36" s="122">
        <v>3849079</v>
      </c>
      <c r="MK36" s="122">
        <v>7583741</v>
      </c>
      <c r="ML36" s="122">
        <v>8700803</v>
      </c>
      <c r="MM36" s="122">
        <v>8207538</v>
      </c>
      <c r="MN36" s="123">
        <v>28855634</v>
      </c>
      <c r="MO36" s="160">
        <v>28855634</v>
      </c>
      <c r="MP36" s="159">
        <v>0</v>
      </c>
      <c r="MQ36" s="122">
        <v>0</v>
      </c>
      <c r="MR36" s="123">
        <v>0</v>
      </c>
      <c r="MS36" s="162"/>
      <c r="MT36" s="122">
        <v>0</v>
      </c>
      <c r="MU36" s="122">
        <v>544538</v>
      </c>
      <c r="MV36" s="122">
        <v>6184853</v>
      </c>
      <c r="MW36" s="122">
        <v>6284789</v>
      </c>
      <c r="MX36" s="122">
        <v>6135278</v>
      </c>
      <c r="MY36" s="123">
        <v>19149458</v>
      </c>
      <c r="MZ36" s="160">
        <v>19149458</v>
      </c>
      <c r="NA36" s="159">
        <v>0</v>
      </c>
      <c r="NB36" s="122">
        <v>0</v>
      </c>
      <c r="NC36" s="123">
        <v>0</v>
      </c>
      <c r="ND36" s="162"/>
      <c r="NE36" s="122">
        <v>514473</v>
      </c>
      <c r="NF36" s="122">
        <v>3304541</v>
      </c>
      <c r="NG36" s="122">
        <v>1398888</v>
      </c>
      <c r="NH36" s="122">
        <v>2087648</v>
      </c>
      <c r="NI36" s="122">
        <v>1752356</v>
      </c>
      <c r="NJ36" s="123">
        <v>9057906</v>
      </c>
      <c r="NK36" s="357">
        <v>9057906</v>
      </c>
      <c r="NL36" s="159">
        <v>0</v>
      </c>
      <c r="NM36" s="122">
        <v>0</v>
      </c>
      <c r="NN36" s="123">
        <v>0</v>
      </c>
      <c r="NO36" s="162"/>
      <c r="NP36" s="122">
        <v>0</v>
      </c>
      <c r="NQ36" s="122">
        <v>0</v>
      </c>
      <c r="NR36" s="122">
        <v>0</v>
      </c>
      <c r="NS36" s="122">
        <v>328366</v>
      </c>
      <c r="NT36" s="122">
        <v>0</v>
      </c>
      <c r="NU36" s="123">
        <v>328366</v>
      </c>
      <c r="NV36" s="124">
        <v>328366</v>
      </c>
      <c r="NW36" s="159">
        <v>0</v>
      </c>
      <c r="NX36" s="122">
        <v>0</v>
      </c>
      <c r="NY36" s="123">
        <v>0</v>
      </c>
      <c r="NZ36" s="162"/>
      <c r="OA36" s="122">
        <v>0</v>
      </c>
      <c r="OB36" s="122">
        <v>0</v>
      </c>
      <c r="OC36" s="122">
        <v>0</v>
      </c>
      <c r="OD36" s="122">
        <v>0</v>
      </c>
      <c r="OE36" s="122">
        <v>319904</v>
      </c>
      <c r="OF36" s="123">
        <v>319904</v>
      </c>
      <c r="OG36" s="124">
        <v>319904</v>
      </c>
      <c r="OH36" s="159">
        <v>380006</v>
      </c>
      <c r="OI36" s="122">
        <v>1338037</v>
      </c>
      <c r="OJ36" s="158">
        <v>1718043</v>
      </c>
      <c r="OK36" s="121">
        <v>0</v>
      </c>
      <c r="OL36" s="122">
        <v>9416328</v>
      </c>
      <c r="OM36" s="122">
        <v>16897853</v>
      </c>
      <c r="ON36" s="122">
        <v>20945694</v>
      </c>
      <c r="OO36" s="122">
        <v>15279378</v>
      </c>
      <c r="OP36" s="122">
        <v>13669706</v>
      </c>
      <c r="OQ36" s="123">
        <v>76208959</v>
      </c>
      <c r="OR36" s="160">
        <v>77927002</v>
      </c>
    </row>
    <row r="37" spans="1:408" ht="18.75" customHeight="1" x14ac:dyDescent="0.2">
      <c r="A37" s="62" t="s">
        <v>32</v>
      </c>
      <c r="B37" s="112">
        <v>606659</v>
      </c>
      <c r="C37" s="116">
        <v>931729</v>
      </c>
      <c r="D37" s="201">
        <v>1538388</v>
      </c>
      <c r="E37" s="202">
        <v>0</v>
      </c>
      <c r="F37" s="203">
        <v>8326402</v>
      </c>
      <c r="G37" s="203">
        <v>9121244</v>
      </c>
      <c r="H37" s="203">
        <v>8158857</v>
      </c>
      <c r="I37" s="203">
        <v>6822503</v>
      </c>
      <c r="J37" s="203">
        <v>4864513</v>
      </c>
      <c r="K37" s="204">
        <v>37293519</v>
      </c>
      <c r="L37" s="118">
        <v>38831907</v>
      </c>
      <c r="M37" s="112">
        <v>156006</v>
      </c>
      <c r="N37" s="116">
        <v>199106</v>
      </c>
      <c r="O37" s="115">
        <v>355112</v>
      </c>
      <c r="P37" s="112">
        <v>0</v>
      </c>
      <c r="Q37" s="116">
        <v>2459378</v>
      </c>
      <c r="R37" s="116">
        <v>1667323</v>
      </c>
      <c r="S37" s="116">
        <v>2345785</v>
      </c>
      <c r="T37" s="116">
        <v>2208661</v>
      </c>
      <c r="U37" s="116">
        <v>2882509</v>
      </c>
      <c r="V37" s="115">
        <v>11563656</v>
      </c>
      <c r="W37" s="118">
        <v>11918768</v>
      </c>
      <c r="X37" s="112">
        <v>0</v>
      </c>
      <c r="Y37" s="116">
        <v>0</v>
      </c>
      <c r="Z37" s="115">
        <v>0</v>
      </c>
      <c r="AA37" s="112">
        <v>0</v>
      </c>
      <c r="AB37" s="116">
        <v>1089300</v>
      </c>
      <c r="AC37" s="116">
        <v>606975</v>
      </c>
      <c r="AD37" s="116">
        <v>1419539</v>
      </c>
      <c r="AE37" s="116">
        <v>1175259</v>
      </c>
      <c r="AF37" s="116">
        <v>1499703</v>
      </c>
      <c r="AG37" s="115">
        <v>5790776</v>
      </c>
      <c r="AH37" s="118">
        <v>5790776</v>
      </c>
      <c r="AI37" s="112">
        <v>0</v>
      </c>
      <c r="AJ37" s="116">
        <v>0</v>
      </c>
      <c r="AK37" s="115">
        <v>0</v>
      </c>
      <c r="AL37" s="112">
        <v>0</v>
      </c>
      <c r="AM37" s="116">
        <v>0</v>
      </c>
      <c r="AN37" s="116">
        <v>121680</v>
      </c>
      <c r="AO37" s="116">
        <v>51346</v>
      </c>
      <c r="AP37" s="116">
        <v>158184</v>
      </c>
      <c r="AQ37" s="116">
        <v>612412</v>
      </c>
      <c r="AR37" s="115">
        <v>943622</v>
      </c>
      <c r="AS37" s="118">
        <v>943622</v>
      </c>
      <c r="AT37" s="112">
        <v>127566</v>
      </c>
      <c r="AU37" s="116">
        <v>173753</v>
      </c>
      <c r="AV37" s="115">
        <v>301319</v>
      </c>
      <c r="AW37" s="112">
        <v>0</v>
      </c>
      <c r="AX37" s="116">
        <v>948810</v>
      </c>
      <c r="AY37" s="116">
        <v>763955</v>
      </c>
      <c r="AZ37" s="116">
        <v>563606</v>
      </c>
      <c r="BA37" s="116">
        <v>588832</v>
      </c>
      <c r="BB37" s="116">
        <v>490185</v>
      </c>
      <c r="BC37" s="115">
        <v>3355388</v>
      </c>
      <c r="BD37" s="118">
        <v>3656707</v>
      </c>
      <c r="BE37" s="112">
        <v>16902</v>
      </c>
      <c r="BF37" s="116">
        <v>25353</v>
      </c>
      <c r="BG37" s="114">
        <v>42255</v>
      </c>
      <c r="BH37" s="113">
        <v>0</v>
      </c>
      <c r="BI37" s="116">
        <v>294120</v>
      </c>
      <c r="BJ37" s="116">
        <v>0</v>
      </c>
      <c r="BK37" s="116">
        <v>78392</v>
      </c>
      <c r="BL37" s="116">
        <v>0</v>
      </c>
      <c r="BM37" s="116">
        <v>137907</v>
      </c>
      <c r="BN37" s="115">
        <v>510419</v>
      </c>
      <c r="BO37" s="118">
        <v>552674</v>
      </c>
      <c r="BP37" s="112">
        <v>11538</v>
      </c>
      <c r="BQ37" s="116">
        <v>0</v>
      </c>
      <c r="BR37" s="115">
        <v>11538</v>
      </c>
      <c r="BS37" s="112">
        <v>0</v>
      </c>
      <c r="BT37" s="116">
        <v>127148</v>
      </c>
      <c r="BU37" s="116">
        <v>174713</v>
      </c>
      <c r="BV37" s="116">
        <v>232902</v>
      </c>
      <c r="BW37" s="116">
        <v>286386</v>
      </c>
      <c r="BX37" s="116">
        <v>142302</v>
      </c>
      <c r="BY37" s="115">
        <v>963451</v>
      </c>
      <c r="BZ37" s="118">
        <v>974989</v>
      </c>
      <c r="CA37" s="112">
        <v>0</v>
      </c>
      <c r="CB37" s="116">
        <v>0</v>
      </c>
      <c r="CC37" s="115">
        <v>0</v>
      </c>
      <c r="CD37" s="112">
        <v>0</v>
      </c>
      <c r="CE37" s="116">
        <v>2531958</v>
      </c>
      <c r="CF37" s="116">
        <v>3512193</v>
      </c>
      <c r="CG37" s="116">
        <v>2206852</v>
      </c>
      <c r="CH37" s="116">
        <v>1669925</v>
      </c>
      <c r="CI37" s="116">
        <v>256298</v>
      </c>
      <c r="CJ37" s="115">
        <v>10177226</v>
      </c>
      <c r="CK37" s="118">
        <v>10177226</v>
      </c>
      <c r="CL37" s="112">
        <v>0</v>
      </c>
      <c r="CM37" s="116">
        <v>0</v>
      </c>
      <c r="CN37" s="115">
        <v>0</v>
      </c>
      <c r="CO37" s="113">
        <v>0</v>
      </c>
      <c r="CP37" s="116">
        <v>2264315</v>
      </c>
      <c r="CQ37" s="116">
        <v>3250276</v>
      </c>
      <c r="CR37" s="116">
        <v>2126775</v>
      </c>
      <c r="CS37" s="116">
        <v>1463011</v>
      </c>
      <c r="CT37" s="116">
        <v>43560</v>
      </c>
      <c r="CU37" s="115">
        <v>9147937</v>
      </c>
      <c r="CV37" s="118">
        <v>9147937</v>
      </c>
      <c r="CW37" s="112">
        <v>0</v>
      </c>
      <c r="CX37" s="116">
        <v>0</v>
      </c>
      <c r="CY37" s="115">
        <v>0</v>
      </c>
      <c r="CZ37" s="112">
        <v>0</v>
      </c>
      <c r="DA37" s="116">
        <v>267643</v>
      </c>
      <c r="DB37" s="116">
        <v>261917</v>
      </c>
      <c r="DC37" s="116">
        <v>80077</v>
      </c>
      <c r="DD37" s="116">
        <v>206914</v>
      </c>
      <c r="DE37" s="116">
        <v>212738</v>
      </c>
      <c r="DF37" s="115">
        <v>1029289</v>
      </c>
      <c r="DG37" s="118">
        <v>1029289</v>
      </c>
      <c r="DH37" s="112">
        <v>0</v>
      </c>
      <c r="DI37" s="116">
        <v>0</v>
      </c>
      <c r="DJ37" s="114">
        <v>0</v>
      </c>
      <c r="DK37" s="113">
        <v>0</v>
      </c>
      <c r="DL37" s="116">
        <v>117160</v>
      </c>
      <c r="DM37" s="116">
        <v>613567</v>
      </c>
      <c r="DN37" s="116">
        <v>823111</v>
      </c>
      <c r="DO37" s="116">
        <v>300217</v>
      </c>
      <c r="DP37" s="116">
        <v>185607</v>
      </c>
      <c r="DQ37" s="115">
        <v>2039662</v>
      </c>
      <c r="DR37" s="118">
        <v>2039662</v>
      </c>
      <c r="DS37" s="112">
        <v>0</v>
      </c>
      <c r="DT37" s="116">
        <v>0</v>
      </c>
      <c r="DU37" s="115">
        <v>0</v>
      </c>
      <c r="DV37" s="112">
        <v>0</v>
      </c>
      <c r="DW37" s="116">
        <v>117160</v>
      </c>
      <c r="DX37" s="116">
        <v>413354</v>
      </c>
      <c r="DY37" s="116">
        <v>792879</v>
      </c>
      <c r="DZ37" s="116">
        <v>239665</v>
      </c>
      <c r="EA37" s="116">
        <v>0</v>
      </c>
      <c r="EB37" s="115">
        <v>1563058</v>
      </c>
      <c r="EC37" s="118">
        <v>1563058</v>
      </c>
      <c r="ED37" s="112">
        <v>0</v>
      </c>
      <c r="EE37" s="114">
        <v>0</v>
      </c>
      <c r="EF37" s="115">
        <v>0</v>
      </c>
      <c r="EG37" s="112">
        <v>0</v>
      </c>
      <c r="EH37" s="116">
        <v>0</v>
      </c>
      <c r="EI37" s="116">
        <v>200213</v>
      </c>
      <c r="EJ37" s="116">
        <v>30232</v>
      </c>
      <c r="EK37" s="116">
        <v>60552</v>
      </c>
      <c r="EL37" s="116">
        <v>185607</v>
      </c>
      <c r="EM37" s="114">
        <v>476604</v>
      </c>
      <c r="EN37" s="118">
        <v>476604</v>
      </c>
      <c r="EO37" s="112">
        <v>0</v>
      </c>
      <c r="EP37" s="116">
        <v>0</v>
      </c>
      <c r="EQ37" s="114">
        <v>0</v>
      </c>
      <c r="ER37" s="113">
        <v>0</v>
      </c>
      <c r="ES37" s="116">
        <v>0</v>
      </c>
      <c r="ET37" s="116">
        <v>0</v>
      </c>
      <c r="EU37" s="116">
        <v>0</v>
      </c>
      <c r="EV37" s="116">
        <v>0</v>
      </c>
      <c r="EW37" s="116">
        <v>0</v>
      </c>
      <c r="EX37" s="115">
        <v>0</v>
      </c>
      <c r="EY37" s="118">
        <v>0</v>
      </c>
      <c r="EZ37" s="112">
        <v>0</v>
      </c>
      <c r="FA37" s="116">
        <v>0</v>
      </c>
      <c r="FB37" s="114">
        <v>0</v>
      </c>
      <c r="FC37" s="390"/>
      <c r="FD37" s="116">
        <v>0</v>
      </c>
      <c r="FE37" s="116">
        <v>0</v>
      </c>
      <c r="FF37" s="116">
        <v>0</v>
      </c>
      <c r="FG37" s="116">
        <v>0</v>
      </c>
      <c r="FH37" s="116">
        <v>0</v>
      </c>
      <c r="FI37" s="115">
        <v>0</v>
      </c>
      <c r="FJ37" s="118">
        <v>0</v>
      </c>
      <c r="FK37" s="112">
        <v>167153</v>
      </c>
      <c r="FL37" s="116">
        <v>267440</v>
      </c>
      <c r="FM37" s="115">
        <v>434593</v>
      </c>
      <c r="FN37" s="112">
        <v>0</v>
      </c>
      <c r="FO37" s="116">
        <v>583264</v>
      </c>
      <c r="FP37" s="116">
        <v>1182232</v>
      </c>
      <c r="FQ37" s="116">
        <v>829891</v>
      </c>
      <c r="FR37" s="116">
        <v>562473</v>
      </c>
      <c r="FS37" s="116">
        <v>490229</v>
      </c>
      <c r="FT37" s="115">
        <v>3648089</v>
      </c>
      <c r="FU37" s="118">
        <v>4082682</v>
      </c>
      <c r="FV37" s="117">
        <v>131670</v>
      </c>
      <c r="FW37" s="116">
        <v>267440</v>
      </c>
      <c r="FX37" s="114">
        <v>399110</v>
      </c>
      <c r="FY37" s="113">
        <v>0</v>
      </c>
      <c r="FZ37" s="116">
        <v>520660</v>
      </c>
      <c r="GA37" s="116">
        <v>899702</v>
      </c>
      <c r="GB37" s="116">
        <v>829891</v>
      </c>
      <c r="GC37" s="116">
        <v>562473</v>
      </c>
      <c r="GD37" s="116">
        <v>490229</v>
      </c>
      <c r="GE37" s="115">
        <v>3302955</v>
      </c>
      <c r="GF37" s="354">
        <v>3702065</v>
      </c>
      <c r="GG37" s="117">
        <v>35483</v>
      </c>
      <c r="GH37" s="116">
        <v>0</v>
      </c>
      <c r="GI37" s="114">
        <v>35483</v>
      </c>
      <c r="GJ37" s="113">
        <v>0</v>
      </c>
      <c r="GK37" s="116">
        <v>62604</v>
      </c>
      <c r="GL37" s="116">
        <v>38968</v>
      </c>
      <c r="GM37" s="116">
        <v>0</v>
      </c>
      <c r="GN37" s="116">
        <v>0</v>
      </c>
      <c r="GO37" s="116">
        <v>0</v>
      </c>
      <c r="GP37" s="115">
        <v>101572</v>
      </c>
      <c r="GQ37" s="118">
        <v>137055</v>
      </c>
      <c r="GR37" s="112">
        <v>0</v>
      </c>
      <c r="GS37" s="116">
        <v>0</v>
      </c>
      <c r="GT37" s="115">
        <v>0</v>
      </c>
      <c r="GU37" s="112">
        <v>0</v>
      </c>
      <c r="GV37" s="116">
        <v>0</v>
      </c>
      <c r="GW37" s="116">
        <v>243562</v>
      </c>
      <c r="GX37" s="116">
        <v>0</v>
      </c>
      <c r="GY37" s="116">
        <v>0</v>
      </c>
      <c r="GZ37" s="116">
        <v>0</v>
      </c>
      <c r="HA37" s="114">
        <v>243562</v>
      </c>
      <c r="HB37" s="118">
        <v>243562</v>
      </c>
      <c r="HC37" s="112">
        <v>164934</v>
      </c>
      <c r="HD37" s="116">
        <v>256140</v>
      </c>
      <c r="HE37" s="114">
        <v>421074</v>
      </c>
      <c r="HF37" s="113">
        <v>0</v>
      </c>
      <c r="HG37" s="116">
        <v>766668</v>
      </c>
      <c r="HH37" s="116">
        <v>684972</v>
      </c>
      <c r="HI37" s="116">
        <v>1141957</v>
      </c>
      <c r="HJ37" s="116">
        <v>1606475</v>
      </c>
      <c r="HK37" s="116">
        <v>705191</v>
      </c>
      <c r="HL37" s="115">
        <v>4905263</v>
      </c>
      <c r="HM37" s="111">
        <v>5326337</v>
      </c>
      <c r="HN37" s="117">
        <v>118566</v>
      </c>
      <c r="HO37" s="116">
        <v>209043</v>
      </c>
      <c r="HP37" s="115">
        <v>327609</v>
      </c>
      <c r="HQ37" s="112">
        <v>0</v>
      </c>
      <c r="HR37" s="116">
        <v>1867974</v>
      </c>
      <c r="HS37" s="116">
        <v>1460957</v>
      </c>
      <c r="HT37" s="116">
        <v>811261</v>
      </c>
      <c r="HU37" s="116">
        <v>474752</v>
      </c>
      <c r="HV37" s="116">
        <v>344679</v>
      </c>
      <c r="HW37" s="114">
        <v>4959623</v>
      </c>
      <c r="HX37" s="118">
        <v>5287232</v>
      </c>
      <c r="HY37" s="148">
        <v>0</v>
      </c>
      <c r="HZ37" s="149">
        <v>0</v>
      </c>
      <c r="IA37" s="150">
        <v>0</v>
      </c>
      <c r="IB37" s="163">
        <v>0</v>
      </c>
      <c r="IC37" s="149">
        <v>3041765</v>
      </c>
      <c r="ID37" s="164">
        <v>3399624</v>
      </c>
      <c r="IE37" s="150">
        <v>6125302</v>
      </c>
      <c r="IF37" s="149">
        <v>5443142</v>
      </c>
      <c r="IG37" s="150">
        <v>2015904</v>
      </c>
      <c r="IH37" s="165">
        <v>20025737</v>
      </c>
      <c r="II37" s="156">
        <v>20025737</v>
      </c>
      <c r="IJ37" s="261">
        <v>0</v>
      </c>
      <c r="IK37" s="268">
        <v>0</v>
      </c>
      <c r="IL37" s="269">
        <v>0</v>
      </c>
      <c r="IM37" s="157"/>
      <c r="IN37" s="122">
        <v>132129</v>
      </c>
      <c r="IO37" s="122">
        <v>166781</v>
      </c>
      <c r="IP37" s="122">
        <v>353880</v>
      </c>
      <c r="IQ37" s="122">
        <v>330939</v>
      </c>
      <c r="IR37" s="122">
        <v>0</v>
      </c>
      <c r="IS37" s="158">
        <v>983729</v>
      </c>
      <c r="IT37" s="357">
        <v>983729</v>
      </c>
      <c r="IU37" s="159">
        <v>0</v>
      </c>
      <c r="IV37" s="122">
        <v>0</v>
      </c>
      <c r="IW37" s="123">
        <v>0</v>
      </c>
      <c r="IX37" s="161"/>
      <c r="IY37" s="122">
        <v>0</v>
      </c>
      <c r="IZ37" s="122">
        <v>0</v>
      </c>
      <c r="JA37" s="122">
        <v>0</v>
      </c>
      <c r="JB37" s="122">
        <v>0</v>
      </c>
      <c r="JC37" s="122">
        <v>0</v>
      </c>
      <c r="JD37" s="123">
        <v>0</v>
      </c>
      <c r="JE37" s="124">
        <v>0</v>
      </c>
      <c r="JF37" s="159">
        <v>0</v>
      </c>
      <c r="JG37" s="122">
        <v>0</v>
      </c>
      <c r="JH37" s="158">
        <v>0</v>
      </c>
      <c r="JI37" s="121">
        <v>0</v>
      </c>
      <c r="JJ37" s="122">
        <v>2065020</v>
      </c>
      <c r="JK37" s="122">
        <v>1461275</v>
      </c>
      <c r="JL37" s="122">
        <v>618435</v>
      </c>
      <c r="JM37" s="122">
        <v>395924</v>
      </c>
      <c r="JN37" s="122">
        <v>119617</v>
      </c>
      <c r="JO37" s="123">
        <v>4660271</v>
      </c>
      <c r="JP37" s="357">
        <v>4660271</v>
      </c>
      <c r="JQ37" s="159">
        <v>0</v>
      </c>
      <c r="JR37" s="122">
        <v>0</v>
      </c>
      <c r="JS37" s="158">
        <v>0</v>
      </c>
      <c r="JT37" s="121">
        <v>0</v>
      </c>
      <c r="JU37" s="122">
        <v>48214</v>
      </c>
      <c r="JV37" s="122">
        <v>0</v>
      </c>
      <c r="JW37" s="122">
        <v>298089</v>
      </c>
      <c r="JX37" s="122">
        <v>105192</v>
      </c>
      <c r="JY37" s="122">
        <v>208885</v>
      </c>
      <c r="JZ37" s="123">
        <v>660380</v>
      </c>
      <c r="KA37" s="357">
        <v>660380</v>
      </c>
      <c r="KB37" s="264">
        <v>0</v>
      </c>
      <c r="KC37" s="258">
        <v>0</v>
      </c>
      <c r="KD37" s="123">
        <v>0</v>
      </c>
      <c r="KE37" s="121">
        <v>0</v>
      </c>
      <c r="KF37" s="122">
        <v>0</v>
      </c>
      <c r="KG37" s="122">
        <v>0</v>
      </c>
      <c r="KH37" s="122">
        <v>0</v>
      </c>
      <c r="KI37" s="122">
        <v>536058</v>
      </c>
      <c r="KJ37" s="122">
        <v>0</v>
      </c>
      <c r="KK37" s="123">
        <v>536058</v>
      </c>
      <c r="KL37" s="160">
        <v>536058</v>
      </c>
      <c r="KM37" s="261">
        <v>0</v>
      </c>
      <c r="KN37" s="268">
        <v>0</v>
      </c>
      <c r="KO37" s="269">
        <v>0</v>
      </c>
      <c r="KP37" s="157"/>
      <c r="KQ37" s="122">
        <v>451072</v>
      </c>
      <c r="KR37" s="122">
        <v>1629146</v>
      </c>
      <c r="KS37" s="122">
        <v>2698588</v>
      </c>
      <c r="KT37" s="122">
        <v>1628442</v>
      </c>
      <c r="KU37" s="122">
        <v>1204660</v>
      </c>
      <c r="KV37" s="123">
        <v>7611908</v>
      </c>
      <c r="KW37" s="357">
        <v>7611908</v>
      </c>
      <c r="KX37" s="159">
        <v>0</v>
      </c>
      <c r="KY37" s="122">
        <v>0</v>
      </c>
      <c r="KZ37" s="123">
        <v>0</v>
      </c>
      <c r="LA37" s="162"/>
      <c r="LB37" s="122">
        <v>0</v>
      </c>
      <c r="LC37" s="122">
        <v>0</v>
      </c>
      <c r="LD37" s="122">
        <v>0</v>
      </c>
      <c r="LE37" s="122">
        <v>0</v>
      </c>
      <c r="LF37" s="122">
        <v>0</v>
      </c>
      <c r="LG37" s="123">
        <v>0</v>
      </c>
      <c r="LH37" s="124">
        <v>0</v>
      </c>
      <c r="LI37" s="159">
        <v>0</v>
      </c>
      <c r="LJ37" s="122">
        <v>0</v>
      </c>
      <c r="LK37" s="123">
        <v>0</v>
      </c>
      <c r="LL37" s="162"/>
      <c r="LM37" s="122">
        <v>345330</v>
      </c>
      <c r="LN37" s="122">
        <v>142422</v>
      </c>
      <c r="LO37" s="122">
        <v>2156310</v>
      </c>
      <c r="LP37" s="122">
        <v>2446587</v>
      </c>
      <c r="LQ37" s="122">
        <v>482742</v>
      </c>
      <c r="LR37" s="123">
        <v>5573391</v>
      </c>
      <c r="LS37" s="357">
        <v>5573391</v>
      </c>
      <c r="LT37" s="159">
        <v>0</v>
      </c>
      <c r="LU37" s="122">
        <v>0</v>
      </c>
      <c r="LV37" s="123">
        <v>0</v>
      </c>
      <c r="LW37" s="162"/>
      <c r="LX37" s="122">
        <v>0</v>
      </c>
      <c r="LY37" s="122">
        <v>0</v>
      </c>
      <c r="LZ37" s="122">
        <v>0</v>
      </c>
      <c r="MA37" s="122">
        <v>0</v>
      </c>
      <c r="MB37" s="122">
        <v>0</v>
      </c>
      <c r="MC37" s="123">
        <v>0</v>
      </c>
      <c r="MD37" s="124">
        <v>0</v>
      </c>
      <c r="ME37" s="159">
        <v>0</v>
      </c>
      <c r="MF37" s="122">
        <v>0</v>
      </c>
      <c r="MG37" s="123">
        <v>0</v>
      </c>
      <c r="MH37" s="162"/>
      <c r="MI37" s="122">
        <v>927757</v>
      </c>
      <c r="MJ37" s="122">
        <v>2208881</v>
      </c>
      <c r="MK37" s="122">
        <v>5360014</v>
      </c>
      <c r="ML37" s="122">
        <v>9189479</v>
      </c>
      <c r="MM37" s="122">
        <v>4112137</v>
      </c>
      <c r="MN37" s="123">
        <v>21798268</v>
      </c>
      <c r="MO37" s="160">
        <v>21798268</v>
      </c>
      <c r="MP37" s="159">
        <v>0</v>
      </c>
      <c r="MQ37" s="122">
        <v>0</v>
      </c>
      <c r="MR37" s="123">
        <v>0</v>
      </c>
      <c r="MS37" s="162"/>
      <c r="MT37" s="122">
        <v>204480</v>
      </c>
      <c r="MU37" s="122">
        <v>200935</v>
      </c>
      <c r="MV37" s="122">
        <v>2361249</v>
      </c>
      <c r="MW37" s="122">
        <v>5277503</v>
      </c>
      <c r="MX37" s="122">
        <v>2017605</v>
      </c>
      <c r="MY37" s="123">
        <v>10061772</v>
      </c>
      <c r="MZ37" s="160">
        <v>10061772</v>
      </c>
      <c r="NA37" s="159">
        <v>0</v>
      </c>
      <c r="NB37" s="122">
        <v>0</v>
      </c>
      <c r="NC37" s="123">
        <v>0</v>
      </c>
      <c r="ND37" s="162"/>
      <c r="NE37" s="122">
        <v>723277</v>
      </c>
      <c r="NF37" s="122">
        <v>2007946</v>
      </c>
      <c r="NG37" s="122">
        <v>2998765</v>
      </c>
      <c r="NH37" s="122">
        <v>3911976</v>
      </c>
      <c r="NI37" s="122">
        <v>2094532</v>
      </c>
      <c r="NJ37" s="123">
        <v>11736496</v>
      </c>
      <c r="NK37" s="357">
        <v>11736496</v>
      </c>
      <c r="NL37" s="159">
        <v>0</v>
      </c>
      <c r="NM37" s="122">
        <v>0</v>
      </c>
      <c r="NN37" s="123">
        <v>0</v>
      </c>
      <c r="NO37" s="162"/>
      <c r="NP37" s="122">
        <v>0</v>
      </c>
      <c r="NQ37" s="122">
        <v>0</v>
      </c>
      <c r="NR37" s="122">
        <v>0</v>
      </c>
      <c r="NS37" s="122">
        <v>0</v>
      </c>
      <c r="NT37" s="122">
        <v>0</v>
      </c>
      <c r="NU37" s="123">
        <v>0</v>
      </c>
      <c r="NV37" s="124">
        <v>0</v>
      </c>
      <c r="NW37" s="159">
        <v>0</v>
      </c>
      <c r="NX37" s="122">
        <v>0</v>
      </c>
      <c r="NY37" s="123">
        <v>0</v>
      </c>
      <c r="NZ37" s="162"/>
      <c r="OA37" s="122">
        <v>0</v>
      </c>
      <c r="OB37" s="122">
        <v>0</v>
      </c>
      <c r="OC37" s="122">
        <v>0</v>
      </c>
      <c r="OD37" s="122">
        <v>0</v>
      </c>
      <c r="OE37" s="122">
        <v>0</v>
      </c>
      <c r="OF37" s="123">
        <v>0</v>
      </c>
      <c r="OG37" s="124">
        <v>0</v>
      </c>
      <c r="OH37" s="159">
        <v>606659</v>
      </c>
      <c r="OI37" s="122">
        <v>931729</v>
      </c>
      <c r="OJ37" s="158">
        <v>1538388</v>
      </c>
      <c r="OK37" s="121">
        <v>0</v>
      </c>
      <c r="OL37" s="122">
        <v>12295924</v>
      </c>
      <c r="OM37" s="122">
        <v>14729749</v>
      </c>
      <c r="ON37" s="122">
        <v>19644173</v>
      </c>
      <c r="OO37" s="122">
        <v>21455124</v>
      </c>
      <c r="OP37" s="122">
        <v>10992554</v>
      </c>
      <c r="OQ37" s="123">
        <v>79117524</v>
      </c>
      <c r="OR37" s="160">
        <v>80655912</v>
      </c>
    </row>
    <row r="38" spans="1:408" ht="18.75" customHeight="1" x14ac:dyDescent="0.2">
      <c r="A38" s="62" t="s">
        <v>33</v>
      </c>
      <c r="B38" s="112">
        <v>1316971</v>
      </c>
      <c r="C38" s="116">
        <v>2312074</v>
      </c>
      <c r="D38" s="115">
        <v>3629045</v>
      </c>
      <c r="E38" s="111">
        <v>0</v>
      </c>
      <c r="F38" s="116">
        <v>7310840</v>
      </c>
      <c r="G38" s="116">
        <v>7613949</v>
      </c>
      <c r="H38" s="116">
        <v>4281953</v>
      </c>
      <c r="I38" s="116">
        <v>5522600</v>
      </c>
      <c r="J38" s="116">
        <v>4060436</v>
      </c>
      <c r="K38" s="200">
        <v>28789778</v>
      </c>
      <c r="L38" s="118">
        <v>32418823</v>
      </c>
      <c r="M38" s="112">
        <v>431398</v>
      </c>
      <c r="N38" s="116">
        <v>901483</v>
      </c>
      <c r="O38" s="115">
        <v>1332881</v>
      </c>
      <c r="P38" s="112">
        <v>0</v>
      </c>
      <c r="Q38" s="116">
        <v>2423366</v>
      </c>
      <c r="R38" s="116">
        <v>1978740</v>
      </c>
      <c r="S38" s="116">
        <v>1307877</v>
      </c>
      <c r="T38" s="116">
        <v>1889529</v>
      </c>
      <c r="U38" s="116">
        <v>2223083</v>
      </c>
      <c r="V38" s="115">
        <v>9822595</v>
      </c>
      <c r="W38" s="118">
        <v>11155476</v>
      </c>
      <c r="X38" s="112">
        <v>0</v>
      </c>
      <c r="Y38" s="116">
        <v>0</v>
      </c>
      <c r="Z38" s="115">
        <v>0</v>
      </c>
      <c r="AA38" s="112">
        <v>0</v>
      </c>
      <c r="AB38" s="116">
        <v>669083</v>
      </c>
      <c r="AC38" s="116">
        <v>723194</v>
      </c>
      <c r="AD38" s="116">
        <v>665013</v>
      </c>
      <c r="AE38" s="116">
        <v>1104987</v>
      </c>
      <c r="AF38" s="116">
        <v>1389703</v>
      </c>
      <c r="AG38" s="115">
        <v>4551980</v>
      </c>
      <c r="AH38" s="118">
        <v>4551980</v>
      </c>
      <c r="AI38" s="112">
        <v>0</v>
      </c>
      <c r="AJ38" s="116">
        <v>0</v>
      </c>
      <c r="AK38" s="115">
        <v>0</v>
      </c>
      <c r="AL38" s="112">
        <v>0</v>
      </c>
      <c r="AM38" s="116">
        <v>0</v>
      </c>
      <c r="AN38" s="116">
        <v>134869</v>
      </c>
      <c r="AO38" s="116">
        <v>50661</v>
      </c>
      <c r="AP38" s="116">
        <v>37989</v>
      </c>
      <c r="AQ38" s="116">
        <v>278871</v>
      </c>
      <c r="AR38" s="115">
        <v>502390</v>
      </c>
      <c r="AS38" s="118">
        <v>502390</v>
      </c>
      <c r="AT38" s="112">
        <v>58024</v>
      </c>
      <c r="AU38" s="116">
        <v>36035</v>
      </c>
      <c r="AV38" s="115">
        <v>94059</v>
      </c>
      <c r="AW38" s="112">
        <v>0</v>
      </c>
      <c r="AX38" s="116">
        <v>404069</v>
      </c>
      <c r="AY38" s="116">
        <v>298725</v>
      </c>
      <c r="AZ38" s="116">
        <v>223958</v>
      </c>
      <c r="BA38" s="116">
        <v>289811</v>
      </c>
      <c r="BB38" s="116">
        <v>288013</v>
      </c>
      <c r="BC38" s="115">
        <v>1504576</v>
      </c>
      <c r="BD38" s="118">
        <v>1598635</v>
      </c>
      <c r="BE38" s="112">
        <v>237060</v>
      </c>
      <c r="BF38" s="116">
        <v>775790</v>
      </c>
      <c r="BG38" s="114">
        <v>1012850</v>
      </c>
      <c r="BH38" s="113">
        <v>0</v>
      </c>
      <c r="BI38" s="116">
        <v>1045406</v>
      </c>
      <c r="BJ38" s="116">
        <v>466610</v>
      </c>
      <c r="BK38" s="116">
        <v>141331</v>
      </c>
      <c r="BL38" s="116">
        <v>230140</v>
      </c>
      <c r="BM38" s="116">
        <v>176189</v>
      </c>
      <c r="BN38" s="115">
        <v>2059676</v>
      </c>
      <c r="BO38" s="118">
        <v>3072526</v>
      </c>
      <c r="BP38" s="112">
        <v>136314</v>
      </c>
      <c r="BQ38" s="116">
        <v>89658</v>
      </c>
      <c r="BR38" s="115">
        <v>225972</v>
      </c>
      <c r="BS38" s="112">
        <v>0</v>
      </c>
      <c r="BT38" s="116">
        <v>304808</v>
      </c>
      <c r="BU38" s="116">
        <v>355342</v>
      </c>
      <c r="BV38" s="116">
        <v>226914</v>
      </c>
      <c r="BW38" s="116">
        <v>226602</v>
      </c>
      <c r="BX38" s="116">
        <v>90307</v>
      </c>
      <c r="BY38" s="115">
        <v>1203973</v>
      </c>
      <c r="BZ38" s="118">
        <v>1429945</v>
      </c>
      <c r="CA38" s="112">
        <v>215424</v>
      </c>
      <c r="CB38" s="116">
        <v>487451</v>
      </c>
      <c r="CC38" s="115">
        <v>702875</v>
      </c>
      <c r="CD38" s="112">
        <v>0</v>
      </c>
      <c r="CE38" s="116">
        <v>1141520</v>
      </c>
      <c r="CF38" s="116">
        <v>1063380</v>
      </c>
      <c r="CG38" s="116">
        <v>728837</v>
      </c>
      <c r="CH38" s="116">
        <v>568210</v>
      </c>
      <c r="CI38" s="116">
        <v>464360</v>
      </c>
      <c r="CJ38" s="115">
        <v>3966307</v>
      </c>
      <c r="CK38" s="118">
        <v>4669182</v>
      </c>
      <c r="CL38" s="112">
        <v>0</v>
      </c>
      <c r="CM38" s="116">
        <v>0</v>
      </c>
      <c r="CN38" s="115">
        <v>0</v>
      </c>
      <c r="CO38" s="113">
        <v>0</v>
      </c>
      <c r="CP38" s="116">
        <v>547485</v>
      </c>
      <c r="CQ38" s="116">
        <v>325688</v>
      </c>
      <c r="CR38" s="116">
        <v>396576</v>
      </c>
      <c r="CS38" s="116">
        <v>558878</v>
      </c>
      <c r="CT38" s="116">
        <v>297449</v>
      </c>
      <c r="CU38" s="115">
        <v>2126076</v>
      </c>
      <c r="CV38" s="118">
        <v>2126076</v>
      </c>
      <c r="CW38" s="112">
        <v>215424</v>
      </c>
      <c r="CX38" s="116">
        <v>487451</v>
      </c>
      <c r="CY38" s="115">
        <v>702875</v>
      </c>
      <c r="CZ38" s="112">
        <v>0</v>
      </c>
      <c r="DA38" s="116">
        <v>594035</v>
      </c>
      <c r="DB38" s="116">
        <v>737692</v>
      </c>
      <c r="DC38" s="116">
        <v>332261</v>
      </c>
      <c r="DD38" s="116">
        <v>9332</v>
      </c>
      <c r="DE38" s="116">
        <v>166911</v>
      </c>
      <c r="DF38" s="115">
        <v>1840231</v>
      </c>
      <c r="DG38" s="118">
        <v>2543106</v>
      </c>
      <c r="DH38" s="112">
        <v>0</v>
      </c>
      <c r="DI38" s="116">
        <v>0</v>
      </c>
      <c r="DJ38" s="114">
        <v>0</v>
      </c>
      <c r="DK38" s="113">
        <v>0</v>
      </c>
      <c r="DL38" s="116">
        <v>194182</v>
      </c>
      <c r="DM38" s="116">
        <v>195286</v>
      </c>
      <c r="DN38" s="116">
        <v>290099</v>
      </c>
      <c r="DO38" s="116">
        <v>511575</v>
      </c>
      <c r="DP38" s="116">
        <v>0</v>
      </c>
      <c r="DQ38" s="115">
        <v>1191142</v>
      </c>
      <c r="DR38" s="118">
        <v>1191142</v>
      </c>
      <c r="DS38" s="112">
        <v>0</v>
      </c>
      <c r="DT38" s="116">
        <v>0</v>
      </c>
      <c r="DU38" s="115">
        <v>0</v>
      </c>
      <c r="DV38" s="112">
        <v>0</v>
      </c>
      <c r="DW38" s="116">
        <v>28009</v>
      </c>
      <c r="DX38" s="116">
        <v>133644</v>
      </c>
      <c r="DY38" s="116">
        <v>262265</v>
      </c>
      <c r="DZ38" s="116">
        <v>511575</v>
      </c>
      <c r="EA38" s="116">
        <v>0</v>
      </c>
      <c r="EB38" s="115">
        <v>935493</v>
      </c>
      <c r="EC38" s="118">
        <v>935493</v>
      </c>
      <c r="ED38" s="112">
        <v>0</v>
      </c>
      <c r="EE38" s="114">
        <v>0</v>
      </c>
      <c r="EF38" s="115">
        <v>0</v>
      </c>
      <c r="EG38" s="112">
        <v>0</v>
      </c>
      <c r="EH38" s="116">
        <v>166173</v>
      </c>
      <c r="EI38" s="116">
        <v>61642</v>
      </c>
      <c r="EJ38" s="116">
        <v>27834</v>
      </c>
      <c r="EK38" s="116">
        <v>0</v>
      </c>
      <c r="EL38" s="116">
        <v>0</v>
      </c>
      <c r="EM38" s="114">
        <v>255649</v>
      </c>
      <c r="EN38" s="118">
        <v>255649</v>
      </c>
      <c r="EO38" s="112">
        <v>0</v>
      </c>
      <c r="EP38" s="116">
        <v>0</v>
      </c>
      <c r="EQ38" s="114">
        <v>0</v>
      </c>
      <c r="ER38" s="113">
        <v>0</v>
      </c>
      <c r="ES38" s="116">
        <v>0</v>
      </c>
      <c r="ET38" s="116">
        <v>0</v>
      </c>
      <c r="EU38" s="116">
        <v>0</v>
      </c>
      <c r="EV38" s="116">
        <v>0</v>
      </c>
      <c r="EW38" s="116">
        <v>0</v>
      </c>
      <c r="EX38" s="115">
        <v>0</v>
      </c>
      <c r="EY38" s="118">
        <v>0</v>
      </c>
      <c r="EZ38" s="112">
        <v>0</v>
      </c>
      <c r="FA38" s="116">
        <v>0</v>
      </c>
      <c r="FB38" s="114">
        <v>0</v>
      </c>
      <c r="FC38" s="390"/>
      <c r="FD38" s="116">
        <v>0</v>
      </c>
      <c r="FE38" s="116">
        <v>0</v>
      </c>
      <c r="FF38" s="116">
        <v>0</v>
      </c>
      <c r="FG38" s="116">
        <v>0</v>
      </c>
      <c r="FH38" s="116">
        <v>0</v>
      </c>
      <c r="FI38" s="115">
        <v>0</v>
      </c>
      <c r="FJ38" s="118">
        <v>0</v>
      </c>
      <c r="FK38" s="112">
        <v>225616</v>
      </c>
      <c r="FL38" s="116">
        <v>204754</v>
      </c>
      <c r="FM38" s="115">
        <v>430370</v>
      </c>
      <c r="FN38" s="112">
        <v>0</v>
      </c>
      <c r="FO38" s="116">
        <v>442634</v>
      </c>
      <c r="FP38" s="116">
        <v>573576</v>
      </c>
      <c r="FQ38" s="116">
        <v>282135</v>
      </c>
      <c r="FR38" s="116">
        <v>259204</v>
      </c>
      <c r="FS38" s="116">
        <v>305371</v>
      </c>
      <c r="FT38" s="115">
        <v>1862920</v>
      </c>
      <c r="FU38" s="118">
        <v>2293290</v>
      </c>
      <c r="FV38" s="117">
        <v>156984</v>
      </c>
      <c r="FW38" s="116">
        <v>204754</v>
      </c>
      <c r="FX38" s="114">
        <v>361738</v>
      </c>
      <c r="FY38" s="113">
        <v>0</v>
      </c>
      <c r="FZ38" s="116">
        <v>427982</v>
      </c>
      <c r="GA38" s="116">
        <v>573576</v>
      </c>
      <c r="GB38" s="116">
        <v>282135</v>
      </c>
      <c r="GC38" s="116">
        <v>237820</v>
      </c>
      <c r="GD38" s="116">
        <v>305371</v>
      </c>
      <c r="GE38" s="115">
        <v>1826884</v>
      </c>
      <c r="GF38" s="354">
        <v>2188622</v>
      </c>
      <c r="GG38" s="117">
        <v>16632</v>
      </c>
      <c r="GH38" s="116">
        <v>0</v>
      </c>
      <c r="GI38" s="114">
        <v>16632</v>
      </c>
      <c r="GJ38" s="113">
        <v>0</v>
      </c>
      <c r="GK38" s="116">
        <v>14652</v>
      </c>
      <c r="GL38" s="116">
        <v>0</v>
      </c>
      <c r="GM38" s="116">
        <v>0</v>
      </c>
      <c r="GN38" s="116">
        <v>21384</v>
      </c>
      <c r="GO38" s="116">
        <v>0</v>
      </c>
      <c r="GP38" s="115">
        <v>36036</v>
      </c>
      <c r="GQ38" s="118">
        <v>52668</v>
      </c>
      <c r="GR38" s="112">
        <v>52000</v>
      </c>
      <c r="GS38" s="116">
        <v>0</v>
      </c>
      <c r="GT38" s="115">
        <v>52000</v>
      </c>
      <c r="GU38" s="112">
        <v>0</v>
      </c>
      <c r="GV38" s="116">
        <v>0</v>
      </c>
      <c r="GW38" s="116">
        <v>0</v>
      </c>
      <c r="GX38" s="116">
        <v>0</v>
      </c>
      <c r="GY38" s="116">
        <v>0</v>
      </c>
      <c r="GZ38" s="116">
        <v>0</v>
      </c>
      <c r="HA38" s="114">
        <v>0</v>
      </c>
      <c r="HB38" s="118">
        <v>52000</v>
      </c>
      <c r="HC38" s="112">
        <v>267101</v>
      </c>
      <c r="HD38" s="116">
        <v>471867</v>
      </c>
      <c r="HE38" s="114">
        <v>738968</v>
      </c>
      <c r="HF38" s="113">
        <v>0</v>
      </c>
      <c r="HG38" s="116">
        <v>1819155</v>
      </c>
      <c r="HH38" s="116">
        <v>3004141</v>
      </c>
      <c r="HI38" s="116">
        <v>1298713</v>
      </c>
      <c r="HJ38" s="116">
        <v>1899157</v>
      </c>
      <c r="HK38" s="116">
        <v>786324</v>
      </c>
      <c r="HL38" s="115">
        <v>8807490</v>
      </c>
      <c r="HM38" s="111">
        <v>9546458</v>
      </c>
      <c r="HN38" s="117">
        <v>177432</v>
      </c>
      <c r="HO38" s="116">
        <v>246519</v>
      </c>
      <c r="HP38" s="115">
        <v>423951</v>
      </c>
      <c r="HQ38" s="112">
        <v>0</v>
      </c>
      <c r="HR38" s="116">
        <v>1289983</v>
      </c>
      <c r="HS38" s="116">
        <v>798826</v>
      </c>
      <c r="HT38" s="116">
        <v>374292</v>
      </c>
      <c r="HU38" s="116">
        <v>394925</v>
      </c>
      <c r="HV38" s="116">
        <v>281298</v>
      </c>
      <c r="HW38" s="114">
        <v>3139324</v>
      </c>
      <c r="HX38" s="118">
        <v>3563275</v>
      </c>
      <c r="HY38" s="167">
        <v>0</v>
      </c>
      <c r="HZ38" s="152">
        <v>434104</v>
      </c>
      <c r="IA38" s="167">
        <v>434104</v>
      </c>
      <c r="IB38" s="163">
        <v>0</v>
      </c>
      <c r="IC38" s="149">
        <v>2900024</v>
      </c>
      <c r="ID38" s="164">
        <v>2991887</v>
      </c>
      <c r="IE38" s="150">
        <v>3838642</v>
      </c>
      <c r="IF38" s="149">
        <v>855516</v>
      </c>
      <c r="IG38" s="150">
        <v>1062334</v>
      </c>
      <c r="IH38" s="165">
        <v>11648403</v>
      </c>
      <c r="II38" s="167">
        <v>12082507</v>
      </c>
      <c r="IJ38" s="261">
        <v>0</v>
      </c>
      <c r="IK38" s="268">
        <v>0</v>
      </c>
      <c r="IL38" s="269">
        <v>0</v>
      </c>
      <c r="IM38" s="157"/>
      <c r="IN38" s="122">
        <v>0</v>
      </c>
      <c r="IO38" s="122">
        <v>0</v>
      </c>
      <c r="IP38" s="122">
        <v>0</v>
      </c>
      <c r="IQ38" s="122">
        <v>0</v>
      </c>
      <c r="IR38" s="122">
        <v>0</v>
      </c>
      <c r="IS38" s="158">
        <v>0</v>
      </c>
      <c r="IT38" s="357">
        <v>0</v>
      </c>
      <c r="IU38" s="159">
        <v>0</v>
      </c>
      <c r="IV38" s="122">
        <v>0</v>
      </c>
      <c r="IW38" s="123">
        <v>0</v>
      </c>
      <c r="IX38" s="161"/>
      <c r="IY38" s="122">
        <v>0</v>
      </c>
      <c r="IZ38" s="122">
        <v>0</v>
      </c>
      <c r="JA38" s="122">
        <v>0</v>
      </c>
      <c r="JB38" s="122">
        <v>0</v>
      </c>
      <c r="JC38" s="122">
        <v>0</v>
      </c>
      <c r="JD38" s="123">
        <v>0</v>
      </c>
      <c r="JE38" s="124">
        <v>0</v>
      </c>
      <c r="JF38" s="159">
        <v>0</v>
      </c>
      <c r="JG38" s="122">
        <v>0</v>
      </c>
      <c r="JH38" s="158">
        <v>0</v>
      </c>
      <c r="JI38" s="121">
        <v>0</v>
      </c>
      <c r="JJ38" s="122">
        <v>1348970</v>
      </c>
      <c r="JK38" s="122">
        <v>813899</v>
      </c>
      <c r="JL38" s="122">
        <v>286562</v>
      </c>
      <c r="JM38" s="122">
        <v>300152</v>
      </c>
      <c r="JN38" s="122">
        <v>104382</v>
      </c>
      <c r="JO38" s="123">
        <v>2853965</v>
      </c>
      <c r="JP38" s="357">
        <v>2853965</v>
      </c>
      <c r="JQ38" s="159">
        <v>0</v>
      </c>
      <c r="JR38" s="122">
        <v>0</v>
      </c>
      <c r="JS38" s="158">
        <v>0</v>
      </c>
      <c r="JT38" s="121">
        <v>0</v>
      </c>
      <c r="JU38" s="122">
        <v>18243</v>
      </c>
      <c r="JV38" s="122">
        <v>0</v>
      </c>
      <c r="JW38" s="122">
        <v>0</v>
      </c>
      <c r="JX38" s="122">
        <v>0</v>
      </c>
      <c r="JY38" s="122">
        <v>0</v>
      </c>
      <c r="JZ38" s="123">
        <v>18243</v>
      </c>
      <c r="KA38" s="357">
        <v>18243</v>
      </c>
      <c r="KB38" s="264">
        <v>0</v>
      </c>
      <c r="KC38" s="258">
        <v>0</v>
      </c>
      <c r="KD38" s="123">
        <v>0</v>
      </c>
      <c r="KE38" s="121">
        <v>0</v>
      </c>
      <c r="KF38" s="122">
        <v>0</v>
      </c>
      <c r="KG38" s="122">
        <v>0</v>
      </c>
      <c r="KH38" s="122">
        <v>0</v>
      </c>
      <c r="KI38" s="122">
        <v>0</v>
      </c>
      <c r="KJ38" s="122">
        <v>0</v>
      </c>
      <c r="KK38" s="123">
        <v>0</v>
      </c>
      <c r="KL38" s="160">
        <v>0</v>
      </c>
      <c r="KM38" s="261">
        <v>0</v>
      </c>
      <c r="KN38" s="268">
        <v>434104</v>
      </c>
      <c r="KO38" s="269">
        <v>434104</v>
      </c>
      <c r="KP38" s="157"/>
      <c r="KQ38" s="122">
        <v>459036</v>
      </c>
      <c r="KR38" s="122">
        <v>718998</v>
      </c>
      <c r="KS38" s="122">
        <v>1945487</v>
      </c>
      <c r="KT38" s="122">
        <v>251247</v>
      </c>
      <c r="KU38" s="122">
        <v>256175</v>
      </c>
      <c r="KV38" s="123">
        <v>3630943</v>
      </c>
      <c r="KW38" s="357">
        <v>4065047</v>
      </c>
      <c r="KX38" s="159">
        <v>0</v>
      </c>
      <c r="KY38" s="122">
        <v>0</v>
      </c>
      <c r="KZ38" s="123">
        <v>0</v>
      </c>
      <c r="LA38" s="162"/>
      <c r="LB38" s="122">
        <v>0</v>
      </c>
      <c r="LC38" s="122">
        <v>0</v>
      </c>
      <c r="LD38" s="122">
        <v>0</v>
      </c>
      <c r="LE38" s="122">
        <v>0</v>
      </c>
      <c r="LF38" s="122">
        <v>0</v>
      </c>
      <c r="LG38" s="123">
        <v>0</v>
      </c>
      <c r="LH38" s="124">
        <v>0</v>
      </c>
      <c r="LI38" s="159">
        <v>0</v>
      </c>
      <c r="LJ38" s="122">
        <v>0</v>
      </c>
      <c r="LK38" s="123">
        <v>0</v>
      </c>
      <c r="LL38" s="162"/>
      <c r="LM38" s="122">
        <v>0</v>
      </c>
      <c r="LN38" s="122">
        <v>0</v>
      </c>
      <c r="LO38" s="122">
        <v>0</v>
      </c>
      <c r="LP38" s="122">
        <v>0</v>
      </c>
      <c r="LQ38" s="122">
        <v>0</v>
      </c>
      <c r="LR38" s="123">
        <v>0</v>
      </c>
      <c r="LS38" s="357">
        <v>0</v>
      </c>
      <c r="LT38" s="159">
        <v>0</v>
      </c>
      <c r="LU38" s="122">
        <v>0</v>
      </c>
      <c r="LV38" s="123">
        <v>0</v>
      </c>
      <c r="LW38" s="162"/>
      <c r="LX38" s="122">
        <v>1073775</v>
      </c>
      <c r="LY38" s="122">
        <v>1458990</v>
      </c>
      <c r="LZ38" s="122">
        <v>1606593</v>
      </c>
      <c r="MA38" s="122">
        <v>304117</v>
      </c>
      <c r="MB38" s="122">
        <v>701777</v>
      </c>
      <c r="MC38" s="123">
        <v>5145252</v>
      </c>
      <c r="MD38" s="124">
        <v>5145252</v>
      </c>
      <c r="ME38" s="159">
        <v>0</v>
      </c>
      <c r="MF38" s="122">
        <v>0</v>
      </c>
      <c r="MG38" s="123">
        <v>0</v>
      </c>
      <c r="MH38" s="162"/>
      <c r="MI38" s="122">
        <v>3078190</v>
      </c>
      <c r="MJ38" s="122">
        <v>4681432</v>
      </c>
      <c r="MK38" s="122">
        <v>11263238</v>
      </c>
      <c r="ML38" s="122">
        <v>12063499</v>
      </c>
      <c r="MM38" s="122">
        <v>10651710</v>
      </c>
      <c r="MN38" s="123">
        <v>41738069</v>
      </c>
      <c r="MO38" s="160">
        <v>41738069</v>
      </c>
      <c r="MP38" s="159">
        <v>0</v>
      </c>
      <c r="MQ38" s="122">
        <v>0</v>
      </c>
      <c r="MR38" s="123">
        <v>0</v>
      </c>
      <c r="MS38" s="162"/>
      <c r="MT38" s="122">
        <v>0</v>
      </c>
      <c r="MU38" s="122">
        <v>1404465</v>
      </c>
      <c r="MV38" s="122">
        <v>5908915</v>
      </c>
      <c r="MW38" s="122">
        <v>6301736</v>
      </c>
      <c r="MX38" s="122">
        <v>6772625</v>
      </c>
      <c r="MY38" s="123">
        <v>20387741</v>
      </c>
      <c r="MZ38" s="160">
        <v>20387741</v>
      </c>
      <c r="NA38" s="159">
        <v>0</v>
      </c>
      <c r="NB38" s="122">
        <v>0</v>
      </c>
      <c r="NC38" s="123">
        <v>0</v>
      </c>
      <c r="ND38" s="162"/>
      <c r="NE38" s="122">
        <v>2585835</v>
      </c>
      <c r="NF38" s="122">
        <v>2051593</v>
      </c>
      <c r="NG38" s="122">
        <v>3124235</v>
      </c>
      <c r="NH38" s="122">
        <v>4358382</v>
      </c>
      <c r="NI38" s="122">
        <v>2163625</v>
      </c>
      <c r="NJ38" s="123">
        <v>14283670</v>
      </c>
      <c r="NK38" s="357">
        <v>14283670</v>
      </c>
      <c r="NL38" s="159">
        <v>0</v>
      </c>
      <c r="NM38" s="122">
        <v>0</v>
      </c>
      <c r="NN38" s="123">
        <v>0</v>
      </c>
      <c r="NO38" s="162"/>
      <c r="NP38" s="122">
        <v>0</v>
      </c>
      <c r="NQ38" s="122">
        <v>0</v>
      </c>
      <c r="NR38" s="122">
        <v>0</v>
      </c>
      <c r="NS38" s="122">
        <v>0</v>
      </c>
      <c r="NT38" s="122">
        <v>0</v>
      </c>
      <c r="NU38" s="123">
        <v>0</v>
      </c>
      <c r="NV38" s="124">
        <v>0</v>
      </c>
      <c r="NW38" s="159">
        <v>0</v>
      </c>
      <c r="NX38" s="122">
        <v>0</v>
      </c>
      <c r="NY38" s="123">
        <v>0</v>
      </c>
      <c r="NZ38" s="162"/>
      <c r="OA38" s="122">
        <v>492355</v>
      </c>
      <c r="OB38" s="122">
        <v>1225374</v>
      </c>
      <c r="OC38" s="122">
        <v>2230088</v>
      </c>
      <c r="OD38" s="122">
        <v>1403381</v>
      </c>
      <c r="OE38" s="122">
        <v>1715460</v>
      </c>
      <c r="OF38" s="123">
        <v>7066658</v>
      </c>
      <c r="OG38" s="124">
        <v>7066658</v>
      </c>
      <c r="OH38" s="159">
        <v>1316971</v>
      </c>
      <c r="OI38" s="122">
        <v>2746178</v>
      </c>
      <c r="OJ38" s="158">
        <v>4063149</v>
      </c>
      <c r="OK38" s="121">
        <v>0</v>
      </c>
      <c r="OL38" s="122">
        <v>13289054</v>
      </c>
      <c r="OM38" s="122">
        <v>15287268</v>
      </c>
      <c r="ON38" s="122">
        <v>19383833</v>
      </c>
      <c r="OO38" s="122">
        <v>18441615</v>
      </c>
      <c r="OP38" s="122">
        <v>15774480</v>
      </c>
      <c r="OQ38" s="123">
        <v>82176250</v>
      </c>
      <c r="OR38" s="160">
        <v>86239399</v>
      </c>
    </row>
    <row r="39" spans="1:408" ht="18.75" customHeight="1" x14ac:dyDescent="0.2">
      <c r="A39" s="62" t="s">
        <v>34</v>
      </c>
      <c r="B39" s="112">
        <v>483958</v>
      </c>
      <c r="C39" s="116">
        <v>574950</v>
      </c>
      <c r="D39" s="201">
        <v>1058908</v>
      </c>
      <c r="E39" s="202">
        <v>0</v>
      </c>
      <c r="F39" s="203">
        <v>5564451</v>
      </c>
      <c r="G39" s="203">
        <v>4710919</v>
      </c>
      <c r="H39" s="203">
        <v>4706550</v>
      </c>
      <c r="I39" s="203">
        <v>4507024</v>
      </c>
      <c r="J39" s="203">
        <v>2019840</v>
      </c>
      <c r="K39" s="204">
        <v>21508784</v>
      </c>
      <c r="L39" s="118">
        <v>22567692</v>
      </c>
      <c r="M39" s="112">
        <v>83709</v>
      </c>
      <c r="N39" s="116">
        <v>88451</v>
      </c>
      <c r="O39" s="115">
        <v>172160</v>
      </c>
      <c r="P39" s="112">
        <v>0</v>
      </c>
      <c r="Q39" s="116">
        <v>1044277</v>
      </c>
      <c r="R39" s="116">
        <v>958605</v>
      </c>
      <c r="S39" s="116">
        <v>1250675</v>
      </c>
      <c r="T39" s="116">
        <v>877567</v>
      </c>
      <c r="U39" s="116">
        <v>1134335</v>
      </c>
      <c r="V39" s="115">
        <v>5265459</v>
      </c>
      <c r="W39" s="118">
        <v>5437619</v>
      </c>
      <c r="X39" s="112">
        <v>0</v>
      </c>
      <c r="Y39" s="116">
        <v>0</v>
      </c>
      <c r="Z39" s="115">
        <v>0</v>
      </c>
      <c r="AA39" s="112">
        <v>0</v>
      </c>
      <c r="AB39" s="116">
        <v>439240</v>
      </c>
      <c r="AC39" s="116">
        <v>374296</v>
      </c>
      <c r="AD39" s="116">
        <v>794891</v>
      </c>
      <c r="AE39" s="116">
        <v>373601</v>
      </c>
      <c r="AF39" s="116">
        <v>369430</v>
      </c>
      <c r="AG39" s="115">
        <v>2351458</v>
      </c>
      <c r="AH39" s="118">
        <v>2351458</v>
      </c>
      <c r="AI39" s="112">
        <v>0</v>
      </c>
      <c r="AJ39" s="116">
        <v>0</v>
      </c>
      <c r="AK39" s="115">
        <v>0</v>
      </c>
      <c r="AL39" s="112">
        <v>0</v>
      </c>
      <c r="AM39" s="116">
        <v>0</v>
      </c>
      <c r="AN39" s="116">
        <v>50661</v>
      </c>
      <c r="AO39" s="116">
        <v>0</v>
      </c>
      <c r="AP39" s="116">
        <v>90585</v>
      </c>
      <c r="AQ39" s="116">
        <v>437922</v>
      </c>
      <c r="AR39" s="115">
        <v>579168</v>
      </c>
      <c r="AS39" s="118">
        <v>579168</v>
      </c>
      <c r="AT39" s="112">
        <v>24426</v>
      </c>
      <c r="AU39" s="116">
        <v>31422</v>
      </c>
      <c r="AV39" s="115">
        <v>55848</v>
      </c>
      <c r="AW39" s="112">
        <v>0</v>
      </c>
      <c r="AX39" s="116">
        <v>177672</v>
      </c>
      <c r="AY39" s="116">
        <v>253842</v>
      </c>
      <c r="AZ39" s="116">
        <v>207339</v>
      </c>
      <c r="BA39" s="116">
        <v>47511</v>
      </c>
      <c r="BB39" s="116">
        <v>83016</v>
      </c>
      <c r="BC39" s="115">
        <v>769380</v>
      </c>
      <c r="BD39" s="118">
        <v>825228</v>
      </c>
      <c r="BE39" s="112">
        <v>0</v>
      </c>
      <c r="BF39" s="116">
        <v>19530</v>
      </c>
      <c r="BG39" s="114">
        <v>19530</v>
      </c>
      <c r="BH39" s="113">
        <v>0</v>
      </c>
      <c r="BI39" s="116">
        <v>128844</v>
      </c>
      <c r="BJ39" s="116">
        <v>23162</v>
      </c>
      <c r="BK39" s="116">
        <v>11160</v>
      </c>
      <c r="BL39" s="116">
        <v>33480</v>
      </c>
      <c r="BM39" s="116">
        <v>16902</v>
      </c>
      <c r="BN39" s="115">
        <v>213548</v>
      </c>
      <c r="BO39" s="118">
        <v>233078</v>
      </c>
      <c r="BP39" s="112">
        <v>59283</v>
      </c>
      <c r="BQ39" s="116">
        <v>37499</v>
      </c>
      <c r="BR39" s="115">
        <v>96782</v>
      </c>
      <c r="BS39" s="112">
        <v>0</v>
      </c>
      <c r="BT39" s="116">
        <v>298521</v>
      </c>
      <c r="BU39" s="116">
        <v>256644</v>
      </c>
      <c r="BV39" s="116">
        <v>237285</v>
      </c>
      <c r="BW39" s="116">
        <v>332390</v>
      </c>
      <c r="BX39" s="116">
        <v>227065</v>
      </c>
      <c r="BY39" s="115">
        <v>1351905</v>
      </c>
      <c r="BZ39" s="118">
        <v>1448687</v>
      </c>
      <c r="CA39" s="112">
        <v>34276</v>
      </c>
      <c r="CB39" s="116">
        <v>126846</v>
      </c>
      <c r="CC39" s="115">
        <v>161122</v>
      </c>
      <c r="CD39" s="112">
        <v>0</v>
      </c>
      <c r="CE39" s="116">
        <v>1958795</v>
      </c>
      <c r="CF39" s="116">
        <v>1587110</v>
      </c>
      <c r="CG39" s="116">
        <v>1533171</v>
      </c>
      <c r="CH39" s="116">
        <v>859574</v>
      </c>
      <c r="CI39" s="116">
        <v>84240</v>
      </c>
      <c r="CJ39" s="115">
        <v>6022890</v>
      </c>
      <c r="CK39" s="118">
        <v>6184012</v>
      </c>
      <c r="CL39" s="112">
        <v>0</v>
      </c>
      <c r="CM39" s="116">
        <v>0</v>
      </c>
      <c r="CN39" s="115">
        <v>0</v>
      </c>
      <c r="CO39" s="113">
        <v>0</v>
      </c>
      <c r="CP39" s="116">
        <v>1864151</v>
      </c>
      <c r="CQ39" s="116">
        <v>1461473</v>
      </c>
      <c r="CR39" s="116">
        <v>1441893</v>
      </c>
      <c r="CS39" s="116">
        <v>818966</v>
      </c>
      <c r="CT39" s="116">
        <v>84240</v>
      </c>
      <c r="CU39" s="115">
        <v>5670723</v>
      </c>
      <c r="CV39" s="118">
        <v>5670723</v>
      </c>
      <c r="CW39" s="112">
        <v>34276</v>
      </c>
      <c r="CX39" s="116">
        <v>126846</v>
      </c>
      <c r="CY39" s="115">
        <v>161122</v>
      </c>
      <c r="CZ39" s="112">
        <v>0</v>
      </c>
      <c r="DA39" s="116">
        <v>94644</v>
      </c>
      <c r="DB39" s="116">
        <v>125637</v>
      </c>
      <c r="DC39" s="116">
        <v>91278</v>
      </c>
      <c r="DD39" s="116">
        <v>40608</v>
      </c>
      <c r="DE39" s="116">
        <v>0</v>
      </c>
      <c r="DF39" s="115">
        <v>352167</v>
      </c>
      <c r="DG39" s="118">
        <v>513289</v>
      </c>
      <c r="DH39" s="112">
        <v>0</v>
      </c>
      <c r="DI39" s="116">
        <v>0</v>
      </c>
      <c r="DJ39" s="114">
        <v>0</v>
      </c>
      <c r="DK39" s="113">
        <v>0</v>
      </c>
      <c r="DL39" s="116">
        <v>119088</v>
      </c>
      <c r="DM39" s="116">
        <v>0</v>
      </c>
      <c r="DN39" s="116">
        <v>82530</v>
      </c>
      <c r="DO39" s="116">
        <v>409710</v>
      </c>
      <c r="DP39" s="116">
        <v>0</v>
      </c>
      <c r="DQ39" s="115">
        <v>611328</v>
      </c>
      <c r="DR39" s="118">
        <v>611328</v>
      </c>
      <c r="DS39" s="112">
        <v>0</v>
      </c>
      <c r="DT39" s="116">
        <v>0</v>
      </c>
      <c r="DU39" s="115">
        <v>0</v>
      </c>
      <c r="DV39" s="112">
        <v>0</v>
      </c>
      <c r="DW39" s="116">
        <v>119088</v>
      </c>
      <c r="DX39" s="116">
        <v>0</v>
      </c>
      <c r="DY39" s="116">
        <v>82530</v>
      </c>
      <c r="DZ39" s="116">
        <v>409710</v>
      </c>
      <c r="EA39" s="116">
        <v>0</v>
      </c>
      <c r="EB39" s="115">
        <v>611328</v>
      </c>
      <c r="EC39" s="118">
        <v>611328</v>
      </c>
      <c r="ED39" s="112">
        <v>0</v>
      </c>
      <c r="EE39" s="114">
        <v>0</v>
      </c>
      <c r="EF39" s="115">
        <v>0</v>
      </c>
      <c r="EG39" s="112">
        <v>0</v>
      </c>
      <c r="EH39" s="116">
        <v>0</v>
      </c>
      <c r="EI39" s="116">
        <v>0</v>
      </c>
      <c r="EJ39" s="116">
        <v>0</v>
      </c>
      <c r="EK39" s="116">
        <v>0</v>
      </c>
      <c r="EL39" s="116">
        <v>0</v>
      </c>
      <c r="EM39" s="114">
        <v>0</v>
      </c>
      <c r="EN39" s="118">
        <v>0</v>
      </c>
      <c r="EO39" s="112">
        <v>0</v>
      </c>
      <c r="EP39" s="116">
        <v>0</v>
      </c>
      <c r="EQ39" s="114">
        <v>0</v>
      </c>
      <c r="ER39" s="113">
        <v>0</v>
      </c>
      <c r="ES39" s="116">
        <v>0</v>
      </c>
      <c r="ET39" s="116">
        <v>0</v>
      </c>
      <c r="EU39" s="116">
        <v>0</v>
      </c>
      <c r="EV39" s="116">
        <v>0</v>
      </c>
      <c r="EW39" s="116">
        <v>0</v>
      </c>
      <c r="EX39" s="115">
        <v>0</v>
      </c>
      <c r="EY39" s="118">
        <v>0</v>
      </c>
      <c r="EZ39" s="112">
        <v>0</v>
      </c>
      <c r="FA39" s="116">
        <v>0</v>
      </c>
      <c r="FB39" s="114">
        <v>0</v>
      </c>
      <c r="FC39" s="390"/>
      <c r="FD39" s="116">
        <v>0</v>
      </c>
      <c r="FE39" s="116">
        <v>0</v>
      </c>
      <c r="FF39" s="116">
        <v>0</v>
      </c>
      <c r="FG39" s="116">
        <v>0</v>
      </c>
      <c r="FH39" s="116">
        <v>0</v>
      </c>
      <c r="FI39" s="115">
        <v>0</v>
      </c>
      <c r="FJ39" s="118">
        <v>0</v>
      </c>
      <c r="FK39" s="112">
        <v>84510</v>
      </c>
      <c r="FL39" s="116">
        <v>173698</v>
      </c>
      <c r="FM39" s="115">
        <v>258208</v>
      </c>
      <c r="FN39" s="112">
        <v>0</v>
      </c>
      <c r="FO39" s="116">
        <v>452355</v>
      </c>
      <c r="FP39" s="116">
        <v>565039</v>
      </c>
      <c r="FQ39" s="116">
        <v>662345</v>
      </c>
      <c r="FR39" s="116">
        <v>419611</v>
      </c>
      <c r="FS39" s="116">
        <v>210627</v>
      </c>
      <c r="FT39" s="115">
        <v>2309977</v>
      </c>
      <c r="FU39" s="118">
        <v>2568185</v>
      </c>
      <c r="FV39" s="117">
        <v>84510</v>
      </c>
      <c r="FW39" s="116">
        <v>115090</v>
      </c>
      <c r="FX39" s="114">
        <v>199600</v>
      </c>
      <c r="FY39" s="113">
        <v>0</v>
      </c>
      <c r="FZ39" s="116">
        <v>412755</v>
      </c>
      <c r="GA39" s="116">
        <v>527419</v>
      </c>
      <c r="GB39" s="116">
        <v>415219</v>
      </c>
      <c r="GC39" s="116">
        <v>419611</v>
      </c>
      <c r="GD39" s="116">
        <v>210627</v>
      </c>
      <c r="GE39" s="115">
        <v>1985631</v>
      </c>
      <c r="GF39" s="354">
        <v>2185231</v>
      </c>
      <c r="GG39" s="117">
        <v>0</v>
      </c>
      <c r="GH39" s="116">
        <v>0</v>
      </c>
      <c r="GI39" s="114">
        <v>0</v>
      </c>
      <c r="GJ39" s="113">
        <v>0</v>
      </c>
      <c r="GK39" s="116">
        <v>26730</v>
      </c>
      <c r="GL39" s="116">
        <v>0</v>
      </c>
      <c r="GM39" s="116">
        <v>50688</v>
      </c>
      <c r="GN39" s="116">
        <v>0</v>
      </c>
      <c r="GO39" s="116">
        <v>0</v>
      </c>
      <c r="GP39" s="115">
        <v>77418</v>
      </c>
      <c r="GQ39" s="118">
        <v>77418</v>
      </c>
      <c r="GR39" s="112">
        <v>0</v>
      </c>
      <c r="GS39" s="116">
        <v>58608</v>
      </c>
      <c r="GT39" s="115">
        <v>58608</v>
      </c>
      <c r="GU39" s="112">
        <v>0</v>
      </c>
      <c r="GV39" s="116">
        <v>12870</v>
      </c>
      <c r="GW39" s="116">
        <v>37620</v>
      </c>
      <c r="GX39" s="116">
        <v>196438</v>
      </c>
      <c r="GY39" s="116">
        <v>0</v>
      </c>
      <c r="GZ39" s="116">
        <v>0</v>
      </c>
      <c r="HA39" s="114">
        <v>246928</v>
      </c>
      <c r="HB39" s="118">
        <v>305536</v>
      </c>
      <c r="HC39" s="112">
        <v>211383</v>
      </c>
      <c r="HD39" s="116">
        <v>89595</v>
      </c>
      <c r="HE39" s="114">
        <v>300978</v>
      </c>
      <c r="HF39" s="113">
        <v>0</v>
      </c>
      <c r="HG39" s="116">
        <v>1070740</v>
      </c>
      <c r="HH39" s="116">
        <v>1020676</v>
      </c>
      <c r="HI39" s="116">
        <v>733895</v>
      </c>
      <c r="HJ39" s="116">
        <v>1657388</v>
      </c>
      <c r="HK39" s="116">
        <v>454061</v>
      </c>
      <c r="HL39" s="115">
        <v>4936760</v>
      </c>
      <c r="HM39" s="111">
        <v>5237738</v>
      </c>
      <c r="HN39" s="117">
        <v>70080</v>
      </c>
      <c r="HO39" s="116">
        <v>96360</v>
      </c>
      <c r="HP39" s="115">
        <v>166440</v>
      </c>
      <c r="HQ39" s="112">
        <v>0</v>
      </c>
      <c r="HR39" s="116">
        <v>919196</v>
      </c>
      <c r="HS39" s="116">
        <v>579489</v>
      </c>
      <c r="HT39" s="116">
        <v>443934</v>
      </c>
      <c r="HU39" s="116">
        <v>283174</v>
      </c>
      <c r="HV39" s="116">
        <v>136577</v>
      </c>
      <c r="HW39" s="114">
        <v>2362370</v>
      </c>
      <c r="HX39" s="118">
        <v>2528810</v>
      </c>
      <c r="HY39" s="148">
        <v>181485</v>
      </c>
      <c r="HZ39" s="149">
        <v>161181</v>
      </c>
      <c r="IA39" s="150">
        <v>342666</v>
      </c>
      <c r="IB39" s="163">
        <v>0</v>
      </c>
      <c r="IC39" s="149">
        <v>3036864</v>
      </c>
      <c r="ID39" s="164">
        <v>4738986</v>
      </c>
      <c r="IE39" s="150">
        <v>2666395</v>
      </c>
      <c r="IF39" s="149">
        <v>2410699</v>
      </c>
      <c r="IG39" s="150">
        <v>1635822</v>
      </c>
      <c r="IH39" s="165">
        <v>14488766</v>
      </c>
      <c r="II39" s="156">
        <v>14831432</v>
      </c>
      <c r="IJ39" s="261">
        <v>0</v>
      </c>
      <c r="IK39" s="268">
        <v>0</v>
      </c>
      <c r="IL39" s="269">
        <v>0</v>
      </c>
      <c r="IM39" s="157"/>
      <c r="IN39" s="122">
        <v>0</v>
      </c>
      <c r="IO39" s="122">
        <v>0</v>
      </c>
      <c r="IP39" s="122">
        <v>0</v>
      </c>
      <c r="IQ39" s="122">
        <v>0</v>
      </c>
      <c r="IR39" s="122">
        <v>0</v>
      </c>
      <c r="IS39" s="158">
        <v>0</v>
      </c>
      <c r="IT39" s="357">
        <v>0</v>
      </c>
      <c r="IU39" s="159">
        <v>0</v>
      </c>
      <c r="IV39" s="122">
        <v>0</v>
      </c>
      <c r="IW39" s="123">
        <v>0</v>
      </c>
      <c r="IX39" s="161"/>
      <c r="IY39" s="122">
        <v>0</v>
      </c>
      <c r="IZ39" s="122">
        <v>0</v>
      </c>
      <c r="JA39" s="122">
        <v>0</v>
      </c>
      <c r="JB39" s="122">
        <v>0</v>
      </c>
      <c r="JC39" s="122">
        <v>0</v>
      </c>
      <c r="JD39" s="123">
        <v>0</v>
      </c>
      <c r="JE39" s="124">
        <v>0</v>
      </c>
      <c r="JF39" s="159">
        <v>0</v>
      </c>
      <c r="JG39" s="122">
        <v>0</v>
      </c>
      <c r="JH39" s="158">
        <v>0</v>
      </c>
      <c r="JI39" s="121">
        <v>0</v>
      </c>
      <c r="JJ39" s="122">
        <v>1061481</v>
      </c>
      <c r="JK39" s="122">
        <v>240165</v>
      </c>
      <c r="JL39" s="122">
        <v>402255</v>
      </c>
      <c r="JM39" s="122">
        <v>87498</v>
      </c>
      <c r="JN39" s="122">
        <v>531450</v>
      </c>
      <c r="JO39" s="123">
        <v>2322849</v>
      </c>
      <c r="JP39" s="357">
        <v>2322849</v>
      </c>
      <c r="JQ39" s="159">
        <v>0</v>
      </c>
      <c r="JR39" s="122">
        <v>0</v>
      </c>
      <c r="JS39" s="158">
        <v>0</v>
      </c>
      <c r="JT39" s="121">
        <v>0</v>
      </c>
      <c r="JU39" s="122">
        <v>0</v>
      </c>
      <c r="JV39" s="122">
        <v>0</v>
      </c>
      <c r="JW39" s="122">
        <v>0</v>
      </c>
      <c r="JX39" s="122">
        <v>80270</v>
      </c>
      <c r="JY39" s="122">
        <v>0</v>
      </c>
      <c r="JZ39" s="123">
        <v>80270</v>
      </c>
      <c r="KA39" s="357">
        <v>80270</v>
      </c>
      <c r="KB39" s="264">
        <v>181485</v>
      </c>
      <c r="KC39" s="258">
        <v>161181</v>
      </c>
      <c r="KD39" s="123">
        <v>342666</v>
      </c>
      <c r="KE39" s="121">
        <v>0</v>
      </c>
      <c r="KF39" s="122">
        <v>830340</v>
      </c>
      <c r="KG39" s="122">
        <v>1251486</v>
      </c>
      <c r="KH39" s="122">
        <v>981855</v>
      </c>
      <c r="KI39" s="122">
        <v>534141</v>
      </c>
      <c r="KJ39" s="122">
        <v>37017</v>
      </c>
      <c r="KK39" s="123">
        <v>3634839</v>
      </c>
      <c r="KL39" s="160">
        <v>3977505</v>
      </c>
      <c r="KM39" s="261">
        <v>0</v>
      </c>
      <c r="KN39" s="268">
        <v>0</v>
      </c>
      <c r="KO39" s="269">
        <v>0</v>
      </c>
      <c r="KP39" s="157"/>
      <c r="KQ39" s="122">
        <v>689427</v>
      </c>
      <c r="KR39" s="122">
        <v>537111</v>
      </c>
      <c r="KS39" s="122">
        <v>489222</v>
      </c>
      <c r="KT39" s="122">
        <v>747576</v>
      </c>
      <c r="KU39" s="122">
        <v>1016208</v>
      </c>
      <c r="KV39" s="123">
        <v>3479544</v>
      </c>
      <c r="KW39" s="357">
        <v>3479544</v>
      </c>
      <c r="KX39" s="159">
        <v>0</v>
      </c>
      <c r="KY39" s="122">
        <v>0</v>
      </c>
      <c r="KZ39" s="123">
        <v>0</v>
      </c>
      <c r="LA39" s="162"/>
      <c r="LB39" s="122">
        <v>0</v>
      </c>
      <c r="LC39" s="122">
        <v>0</v>
      </c>
      <c r="LD39" s="122">
        <v>0</v>
      </c>
      <c r="LE39" s="122">
        <v>0</v>
      </c>
      <c r="LF39" s="122">
        <v>0</v>
      </c>
      <c r="LG39" s="123">
        <v>0</v>
      </c>
      <c r="LH39" s="124">
        <v>0</v>
      </c>
      <c r="LI39" s="159">
        <v>0</v>
      </c>
      <c r="LJ39" s="122">
        <v>0</v>
      </c>
      <c r="LK39" s="123">
        <v>0</v>
      </c>
      <c r="LL39" s="162"/>
      <c r="LM39" s="122">
        <v>0</v>
      </c>
      <c r="LN39" s="122">
        <v>0</v>
      </c>
      <c r="LO39" s="122">
        <v>0</v>
      </c>
      <c r="LP39" s="122">
        <v>0</v>
      </c>
      <c r="LQ39" s="122">
        <v>0</v>
      </c>
      <c r="LR39" s="123">
        <v>0</v>
      </c>
      <c r="LS39" s="357">
        <v>0</v>
      </c>
      <c r="LT39" s="159">
        <v>0</v>
      </c>
      <c r="LU39" s="122">
        <v>0</v>
      </c>
      <c r="LV39" s="123">
        <v>0</v>
      </c>
      <c r="LW39" s="162"/>
      <c r="LX39" s="122">
        <v>455616</v>
      </c>
      <c r="LY39" s="122">
        <v>2710224</v>
      </c>
      <c r="LZ39" s="122">
        <v>793063</v>
      </c>
      <c r="MA39" s="122">
        <v>961214</v>
      </c>
      <c r="MB39" s="122">
        <v>51147</v>
      </c>
      <c r="MC39" s="123">
        <v>4971264</v>
      </c>
      <c r="MD39" s="124">
        <v>4971264</v>
      </c>
      <c r="ME39" s="159">
        <v>0</v>
      </c>
      <c r="MF39" s="122">
        <v>0</v>
      </c>
      <c r="MG39" s="123">
        <v>0</v>
      </c>
      <c r="MH39" s="162"/>
      <c r="MI39" s="122">
        <v>1174021</v>
      </c>
      <c r="MJ39" s="122">
        <v>2178214</v>
      </c>
      <c r="MK39" s="122">
        <v>4301344</v>
      </c>
      <c r="ML39" s="122">
        <v>7885900</v>
      </c>
      <c r="MM39" s="122">
        <v>5386035</v>
      </c>
      <c r="MN39" s="123">
        <v>20925514</v>
      </c>
      <c r="MO39" s="160">
        <v>20925514</v>
      </c>
      <c r="MP39" s="159">
        <v>0</v>
      </c>
      <c r="MQ39" s="122">
        <v>0</v>
      </c>
      <c r="MR39" s="123">
        <v>0</v>
      </c>
      <c r="MS39" s="162"/>
      <c r="MT39" s="122">
        <v>0</v>
      </c>
      <c r="MU39" s="122">
        <v>0</v>
      </c>
      <c r="MV39" s="122">
        <v>1160006</v>
      </c>
      <c r="MW39" s="122">
        <v>5317768</v>
      </c>
      <c r="MX39" s="122">
        <v>3801409</v>
      </c>
      <c r="MY39" s="123">
        <v>10279183</v>
      </c>
      <c r="MZ39" s="160">
        <v>10279183</v>
      </c>
      <c r="NA39" s="159">
        <v>0</v>
      </c>
      <c r="NB39" s="122">
        <v>0</v>
      </c>
      <c r="NC39" s="123">
        <v>0</v>
      </c>
      <c r="ND39" s="162"/>
      <c r="NE39" s="122">
        <v>1174021</v>
      </c>
      <c r="NF39" s="122">
        <v>1950262</v>
      </c>
      <c r="NG39" s="122">
        <v>3141338</v>
      </c>
      <c r="NH39" s="122">
        <v>2270268</v>
      </c>
      <c r="NI39" s="122">
        <v>1264532</v>
      </c>
      <c r="NJ39" s="123">
        <v>9800421</v>
      </c>
      <c r="NK39" s="357">
        <v>9800421</v>
      </c>
      <c r="NL39" s="159">
        <v>0</v>
      </c>
      <c r="NM39" s="122">
        <v>0</v>
      </c>
      <c r="NN39" s="123">
        <v>0</v>
      </c>
      <c r="NO39" s="162"/>
      <c r="NP39" s="122">
        <v>0</v>
      </c>
      <c r="NQ39" s="122">
        <v>0</v>
      </c>
      <c r="NR39" s="122">
        <v>0</v>
      </c>
      <c r="NS39" s="122">
        <v>0</v>
      </c>
      <c r="NT39" s="122">
        <v>0</v>
      </c>
      <c r="NU39" s="123">
        <v>0</v>
      </c>
      <c r="NV39" s="124">
        <v>0</v>
      </c>
      <c r="NW39" s="159">
        <v>0</v>
      </c>
      <c r="NX39" s="122">
        <v>0</v>
      </c>
      <c r="NY39" s="123">
        <v>0</v>
      </c>
      <c r="NZ39" s="162"/>
      <c r="OA39" s="122">
        <v>0</v>
      </c>
      <c r="OB39" s="122">
        <v>227952</v>
      </c>
      <c r="OC39" s="122">
        <v>0</v>
      </c>
      <c r="OD39" s="122">
        <v>297864</v>
      </c>
      <c r="OE39" s="122">
        <v>320094</v>
      </c>
      <c r="OF39" s="123">
        <v>845910</v>
      </c>
      <c r="OG39" s="124">
        <v>845910</v>
      </c>
      <c r="OH39" s="159">
        <v>665443</v>
      </c>
      <c r="OI39" s="122">
        <v>736131</v>
      </c>
      <c r="OJ39" s="158">
        <v>1401574</v>
      </c>
      <c r="OK39" s="121">
        <v>0</v>
      </c>
      <c r="OL39" s="122">
        <v>9775336</v>
      </c>
      <c r="OM39" s="122">
        <v>11628119</v>
      </c>
      <c r="ON39" s="122">
        <v>11674289</v>
      </c>
      <c r="OO39" s="122">
        <v>14803623</v>
      </c>
      <c r="OP39" s="122">
        <v>9041697</v>
      </c>
      <c r="OQ39" s="123">
        <v>56923064</v>
      </c>
      <c r="OR39" s="160">
        <v>58324638</v>
      </c>
    </row>
    <row r="40" spans="1:408" ht="18.75" customHeight="1" x14ac:dyDescent="0.2">
      <c r="A40" s="62" t="s">
        <v>35</v>
      </c>
      <c r="B40" s="112">
        <v>1484592</v>
      </c>
      <c r="C40" s="116">
        <v>1957565</v>
      </c>
      <c r="D40" s="115">
        <v>3442157</v>
      </c>
      <c r="E40" s="111">
        <v>0</v>
      </c>
      <c r="F40" s="116">
        <v>23623790</v>
      </c>
      <c r="G40" s="116">
        <v>23187856</v>
      </c>
      <c r="H40" s="116">
        <v>17352051</v>
      </c>
      <c r="I40" s="116">
        <v>16923642</v>
      </c>
      <c r="J40" s="116">
        <v>9705111</v>
      </c>
      <c r="K40" s="200">
        <v>90792450</v>
      </c>
      <c r="L40" s="118">
        <v>94234607</v>
      </c>
      <c r="M40" s="112">
        <v>335184</v>
      </c>
      <c r="N40" s="116">
        <v>309134</v>
      </c>
      <c r="O40" s="115">
        <v>644318</v>
      </c>
      <c r="P40" s="112">
        <v>0</v>
      </c>
      <c r="Q40" s="116">
        <v>5896544</v>
      </c>
      <c r="R40" s="116">
        <v>5684457</v>
      </c>
      <c r="S40" s="116">
        <v>4215041</v>
      </c>
      <c r="T40" s="116">
        <v>5547683</v>
      </c>
      <c r="U40" s="116">
        <v>3811868</v>
      </c>
      <c r="V40" s="115">
        <v>25155593</v>
      </c>
      <c r="W40" s="118">
        <v>25799911</v>
      </c>
      <c r="X40" s="112">
        <v>0</v>
      </c>
      <c r="Y40" s="116">
        <v>0</v>
      </c>
      <c r="Z40" s="115">
        <v>0</v>
      </c>
      <c r="AA40" s="112">
        <v>0</v>
      </c>
      <c r="AB40" s="116">
        <v>3081473</v>
      </c>
      <c r="AC40" s="116">
        <v>2600045</v>
      </c>
      <c r="AD40" s="116">
        <v>2468384</v>
      </c>
      <c r="AE40" s="116">
        <v>3197129</v>
      </c>
      <c r="AF40" s="116">
        <v>2066729</v>
      </c>
      <c r="AG40" s="115">
        <v>13413760</v>
      </c>
      <c r="AH40" s="118">
        <v>13413760</v>
      </c>
      <c r="AI40" s="112">
        <v>0</v>
      </c>
      <c r="AJ40" s="116">
        <v>0</v>
      </c>
      <c r="AK40" s="115">
        <v>0</v>
      </c>
      <c r="AL40" s="112">
        <v>0</v>
      </c>
      <c r="AM40" s="116">
        <v>0</v>
      </c>
      <c r="AN40" s="116">
        <v>356517</v>
      </c>
      <c r="AO40" s="116">
        <v>113967</v>
      </c>
      <c r="AP40" s="116">
        <v>580563</v>
      </c>
      <c r="AQ40" s="116">
        <v>844319</v>
      </c>
      <c r="AR40" s="115">
        <v>1895366</v>
      </c>
      <c r="AS40" s="118">
        <v>1895366</v>
      </c>
      <c r="AT40" s="112">
        <v>0</v>
      </c>
      <c r="AU40" s="116">
        <v>0</v>
      </c>
      <c r="AV40" s="115">
        <v>0</v>
      </c>
      <c r="AW40" s="112">
        <v>0</v>
      </c>
      <c r="AX40" s="116">
        <v>1318632</v>
      </c>
      <c r="AY40" s="116">
        <v>1260747</v>
      </c>
      <c r="AZ40" s="116">
        <v>440634</v>
      </c>
      <c r="BA40" s="116">
        <v>634480</v>
      </c>
      <c r="BB40" s="116">
        <v>412337</v>
      </c>
      <c r="BC40" s="115">
        <v>4066830</v>
      </c>
      <c r="BD40" s="118">
        <v>4066830</v>
      </c>
      <c r="BE40" s="112">
        <v>0</v>
      </c>
      <c r="BF40" s="116">
        <v>0</v>
      </c>
      <c r="BG40" s="114">
        <v>0</v>
      </c>
      <c r="BH40" s="113">
        <v>0</v>
      </c>
      <c r="BI40" s="116">
        <v>300286</v>
      </c>
      <c r="BJ40" s="116">
        <v>313327</v>
      </c>
      <c r="BK40" s="116">
        <v>223185</v>
      </c>
      <c r="BL40" s="116">
        <v>167076</v>
      </c>
      <c r="BM40" s="116">
        <v>56160</v>
      </c>
      <c r="BN40" s="115">
        <v>1060034</v>
      </c>
      <c r="BO40" s="118">
        <v>1060034</v>
      </c>
      <c r="BP40" s="112">
        <v>335184</v>
      </c>
      <c r="BQ40" s="116">
        <v>309134</v>
      </c>
      <c r="BR40" s="115">
        <v>644318</v>
      </c>
      <c r="BS40" s="112">
        <v>0</v>
      </c>
      <c r="BT40" s="116">
        <v>1196153</v>
      </c>
      <c r="BU40" s="116">
        <v>1153821</v>
      </c>
      <c r="BV40" s="116">
        <v>968871</v>
      </c>
      <c r="BW40" s="116">
        <v>968435</v>
      </c>
      <c r="BX40" s="116">
        <v>432323</v>
      </c>
      <c r="BY40" s="115">
        <v>4719603</v>
      </c>
      <c r="BZ40" s="118">
        <v>5363921</v>
      </c>
      <c r="CA40" s="112">
        <v>0</v>
      </c>
      <c r="CB40" s="116">
        <v>219060</v>
      </c>
      <c r="CC40" s="115">
        <v>219060</v>
      </c>
      <c r="CD40" s="112">
        <v>0</v>
      </c>
      <c r="CE40" s="116">
        <v>7365407</v>
      </c>
      <c r="CF40" s="116">
        <v>7648455</v>
      </c>
      <c r="CG40" s="116">
        <v>5382710</v>
      </c>
      <c r="CH40" s="116">
        <v>3184779</v>
      </c>
      <c r="CI40" s="116">
        <v>1906952</v>
      </c>
      <c r="CJ40" s="115">
        <v>25488303</v>
      </c>
      <c r="CK40" s="118">
        <v>25707363</v>
      </c>
      <c r="CL40" s="112">
        <v>0</v>
      </c>
      <c r="CM40" s="116">
        <v>0</v>
      </c>
      <c r="CN40" s="115">
        <v>0</v>
      </c>
      <c r="CO40" s="113">
        <v>0</v>
      </c>
      <c r="CP40" s="116">
        <v>5768015</v>
      </c>
      <c r="CQ40" s="116">
        <v>6905159</v>
      </c>
      <c r="CR40" s="116">
        <v>5265278</v>
      </c>
      <c r="CS40" s="116">
        <v>2625906</v>
      </c>
      <c r="CT40" s="116">
        <v>1906952</v>
      </c>
      <c r="CU40" s="115">
        <v>22471310</v>
      </c>
      <c r="CV40" s="118">
        <v>22471310</v>
      </c>
      <c r="CW40" s="112">
        <v>0</v>
      </c>
      <c r="CX40" s="116">
        <v>219060</v>
      </c>
      <c r="CY40" s="115">
        <v>219060</v>
      </c>
      <c r="CZ40" s="112">
        <v>0</v>
      </c>
      <c r="DA40" s="116">
        <v>1597392</v>
      </c>
      <c r="DB40" s="116">
        <v>743296</v>
      </c>
      <c r="DC40" s="116">
        <v>117432</v>
      </c>
      <c r="DD40" s="116">
        <v>558873</v>
      </c>
      <c r="DE40" s="116">
        <v>0</v>
      </c>
      <c r="DF40" s="115">
        <v>3016993</v>
      </c>
      <c r="DG40" s="118">
        <v>3236053</v>
      </c>
      <c r="DH40" s="112">
        <v>0</v>
      </c>
      <c r="DI40" s="116">
        <v>0</v>
      </c>
      <c r="DJ40" s="114">
        <v>0</v>
      </c>
      <c r="DK40" s="113">
        <v>0</v>
      </c>
      <c r="DL40" s="116">
        <v>46521</v>
      </c>
      <c r="DM40" s="116">
        <v>1049859</v>
      </c>
      <c r="DN40" s="116">
        <v>1120815</v>
      </c>
      <c r="DO40" s="116">
        <v>795555</v>
      </c>
      <c r="DP40" s="116">
        <v>525680</v>
      </c>
      <c r="DQ40" s="115">
        <v>3538430</v>
      </c>
      <c r="DR40" s="118">
        <v>3538430</v>
      </c>
      <c r="DS40" s="112">
        <v>0</v>
      </c>
      <c r="DT40" s="116">
        <v>0</v>
      </c>
      <c r="DU40" s="115">
        <v>0</v>
      </c>
      <c r="DV40" s="112">
        <v>0</v>
      </c>
      <c r="DW40" s="116">
        <v>46521</v>
      </c>
      <c r="DX40" s="116">
        <v>1049859</v>
      </c>
      <c r="DY40" s="116">
        <v>1120815</v>
      </c>
      <c r="DZ40" s="116">
        <v>795555</v>
      </c>
      <c r="EA40" s="116">
        <v>210906</v>
      </c>
      <c r="EB40" s="115">
        <v>3223656</v>
      </c>
      <c r="EC40" s="118">
        <v>3223656</v>
      </c>
      <c r="ED40" s="112">
        <v>0</v>
      </c>
      <c r="EE40" s="114">
        <v>0</v>
      </c>
      <c r="EF40" s="115">
        <v>0</v>
      </c>
      <c r="EG40" s="112">
        <v>0</v>
      </c>
      <c r="EH40" s="116">
        <v>0</v>
      </c>
      <c r="EI40" s="116">
        <v>0</v>
      </c>
      <c r="EJ40" s="116">
        <v>0</v>
      </c>
      <c r="EK40" s="116">
        <v>0</v>
      </c>
      <c r="EL40" s="116">
        <v>314774</v>
      </c>
      <c r="EM40" s="114">
        <v>314774</v>
      </c>
      <c r="EN40" s="118">
        <v>314774</v>
      </c>
      <c r="EO40" s="112">
        <v>0</v>
      </c>
      <c r="EP40" s="116">
        <v>0</v>
      </c>
      <c r="EQ40" s="114">
        <v>0</v>
      </c>
      <c r="ER40" s="113">
        <v>0</v>
      </c>
      <c r="ES40" s="116">
        <v>0</v>
      </c>
      <c r="ET40" s="116">
        <v>0</v>
      </c>
      <c r="EU40" s="116">
        <v>0</v>
      </c>
      <c r="EV40" s="116">
        <v>0</v>
      </c>
      <c r="EW40" s="116">
        <v>0</v>
      </c>
      <c r="EX40" s="115">
        <v>0</v>
      </c>
      <c r="EY40" s="118">
        <v>0</v>
      </c>
      <c r="EZ40" s="112">
        <v>0</v>
      </c>
      <c r="FA40" s="116">
        <v>0</v>
      </c>
      <c r="FB40" s="114">
        <v>0</v>
      </c>
      <c r="FC40" s="390"/>
      <c r="FD40" s="116">
        <v>0</v>
      </c>
      <c r="FE40" s="116">
        <v>0</v>
      </c>
      <c r="FF40" s="116">
        <v>0</v>
      </c>
      <c r="FG40" s="116">
        <v>0</v>
      </c>
      <c r="FH40" s="116">
        <v>0</v>
      </c>
      <c r="FI40" s="115">
        <v>0</v>
      </c>
      <c r="FJ40" s="118">
        <v>0</v>
      </c>
      <c r="FK40" s="112">
        <v>40392</v>
      </c>
      <c r="FL40" s="116">
        <v>100620</v>
      </c>
      <c r="FM40" s="115">
        <v>141012</v>
      </c>
      <c r="FN40" s="112">
        <v>0</v>
      </c>
      <c r="FO40" s="116">
        <v>819676</v>
      </c>
      <c r="FP40" s="116">
        <v>1903924</v>
      </c>
      <c r="FQ40" s="116">
        <v>941829</v>
      </c>
      <c r="FR40" s="116">
        <v>1203709</v>
      </c>
      <c r="FS40" s="116">
        <v>505085</v>
      </c>
      <c r="FT40" s="115">
        <v>5374223</v>
      </c>
      <c r="FU40" s="118">
        <v>5515235</v>
      </c>
      <c r="FV40" s="117">
        <v>0</v>
      </c>
      <c r="FW40" s="116">
        <v>3600</v>
      </c>
      <c r="FX40" s="114">
        <v>3600</v>
      </c>
      <c r="FY40" s="113">
        <v>0</v>
      </c>
      <c r="FZ40" s="116">
        <v>776908</v>
      </c>
      <c r="GA40" s="116">
        <v>1860364</v>
      </c>
      <c r="GB40" s="116">
        <v>918218</v>
      </c>
      <c r="GC40" s="116">
        <v>1008976</v>
      </c>
      <c r="GD40" s="116">
        <v>505085</v>
      </c>
      <c r="GE40" s="115">
        <v>5069551</v>
      </c>
      <c r="GF40" s="354">
        <v>5073151</v>
      </c>
      <c r="GG40" s="117">
        <v>10692</v>
      </c>
      <c r="GH40" s="116">
        <v>97020</v>
      </c>
      <c r="GI40" s="114">
        <v>107712</v>
      </c>
      <c r="GJ40" s="113">
        <v>0</v>
      </c>
      <c r="GK40" s="116">
        <v>42768</v>
      </c>
      <c r="GL40" s="116">
        <v>43560</v>
      </c>
      <c r="GM40" s="116">
        <v>23611</v>
      </c>
      <c r="GN40" s="116">
        <v>35640</v>
      </c>
      <c r="GO40" s="116">
        <v>0</v>
      </c>
      <c r="GP40" s="115">
        <v>145579</v>
      </c>
      <c r="GQ40" s="118">
        <v>253291</v>
      </c>
      <c r="GR40" s="112">
        <v>29700</v>
      </c>
      <c r="GS40" s="116">
        <v>0</v>
      </c>
      <c r="GT40" s="115">
        <v>29700</v>
      </c>
      <c r="GU40" s="112">
        <v>0</v>
      </c>
      <c r="GV40" s="116">
        <v>0</v>
      </c>
      <c r="GW40" s="116">
        <v>0</v>
      </c>
      <c r="GX40" s="116">
        <v>0</v>
      </c>
      <c r="GY40" s="116">
        <v>159093</v>
      </c>
      <c r="GZ40" s="116">
        <v>0</v>
      </c>
      <c r="HA40" s="114">
        <v>159093</v>
      </c>
      <c r="HB40" s="118">
        <v>188793</v>
      </c>
      <c r="HC40" s="112">
        <v>1109016</v>
      </c>
      <c r="HD40" s="116">
        <v>1328751</v>
      </c>
      <c r="HE40" s="114">
        <v>2437767</v>
      </c>
      <c r="HF40" s="113">
        <v>0</v>
      </c>
      <c r="HG40" s="116">
        <v>6227774</v>
      </c>
      <c r="HH40" s="116">
        <v>4525803</v>
      </c>
      <c r="HI40" s="116">
        <v>4278037</v>
      </c>
      <c r="HJ40" s="116">
        <v>5078859</v>
      </c>
      <c r="HK40" s="116">
        <v>2476848</v>
      </c>
      <c r="HL40" s="115">
        <v>22587321</v>
      </c>
      <c r="HM40" s="111">
        <v>25025088</v>
      </c>
      <c r="HN40" s="117">
        <v>0</v>
      </c>
      <c r="HO40" s="116">
        <v>0</v>
      </c>
      <c r="HP40" s="115">
        <v>0</v>
      </c>
      <c r="HQ40" s="112">
        <v>0</v>
      </c>
      <c r="HR40" s="116">
        <v>3267868</v>
      </c>
      <c r="HS40" s="116">
        <v>2375358</v>
      </c>
      <c r="HT40" s="116">
        <v>1413619</v>
      </c>
      <c r="HU40" s="116">
        <v>1113057</v>
      </c>
      <c r="HV40" s="116">
        <v>478678</v>
      </c>
      <c r="HW40" s="114">
        <v>8648580</v>
      </c>
      <c r="HX40" s="118">
        <v>8648580</v>
      </c>
      <c r="HY40" s="167">
        <v>0</v>
      </c>
      <c r="HZ40" s="152">
        <v>240273</v>
      </c>
      <c r="IA40" s="167">
        <v>240273</v>
      </c>
      <c r="IB40" s="163">
        <v>0</v>
      </c>
      <c r="IC40" s="149">
        <v>4236743</v>
      </c>
      <c r="ID40" s="164">
        <v>6280173</v>
      </c>
      <c r="IE40" s="150">
        <v>7649450</v>
      </c>
      <c r="IF40" s="149">
        <v>5330619</v>
      </c>
      <c r="IG40" s="150">
        <v>1462707</v>
      </c>
      <c r="IH40" s="165">
        <v>24959692</v>
      </c>
      <c r="II40" s="167">
        <v>25199965</v>
      </c>
      <c r="IJ40" s="261">
        <v>0</v>
      </c>
      <c r="IK40" s="268">
        <v>0</v>
      </c>
      <c r="IL40" s="269">
        <v>0</v>
      </c>
      <c r="IM40" s="157"/>
      <c r="IN40" s="122">
        <v>0</v>
      </c>
      <c r="IO40" s="122">
        <v>68840</v>
      </c>
      <c r="IP40" s="122">
        <v>184149</v>
      </c>
      <c r="IQ40" s="122">
        <v>228231</v>
      </c>
      <c r="IR40" s="122">
        <v>0</v>
      </c>
      <c r="IS40" s="158">
        <v>481220</v>
      </c>
      <c r="IT40" s="357">
        <v>481220</v>
      </c>
      <c r="IU40" s="159">
        <v>0</v>
      </c>
      <c r="IV40" s="122">
        <v>0</v>
      </c>
      <c r="IW40" s="123">
        <v>0</v>
      </c>
      <c r="IX40" s="161"/>
      <c r="IY40" s="122">
        <v>0</v>
      </c>
      <c r="IZ40" s="122">
        <v>0</v>
      </c>
      <c r="JA40" s="122">
        <v>0</v>
      </c>
      <c r="JB40" s="122">
        <v>0</v>
      </c>
      <c r="JC40" s="122">
        <v>0</v>
      </c>
      <c r="JD40" s="123">
        <v>0</v>
      </c>
      <c r="JE40" s="124">
        <v>0</v>
      </c>
      <c r="JF40" s="159">
        <v>0</v>
      </c>
      <c r="JG40" s="122">
        <v>0</v>
      </c>
      <c r="JH40" s="158">
        <v>0</v>
      </c>
      <c r="JI40" s="121">
        <v>0</v>
      </c>
      <c r="JJ40" s="122">
        <v>1112606</v>
      </c>
      <c r="JK40" s="122">
        <v>1322341</v>
      </c>
      <c r="JL40" s="122">
        <v>1809288</v>
      </c>
      <c r="JM40" s="122">
        <v>1722888</v>
      </c>
      <c r="JN40" s="122">
        <v>202500</v>
      </c>
      <c r="JO40" s="123">
        <v>6169623</v>
      </c>
      <c r="JP40" s="357">
        <v>6169623</v>
      </c>
      <c r="JQ40" s="159">
        <v>0</v>
      </c>
      <c r="JR40" s="122">
        <v>0</v>
      </c>
      <c r="JS40" s="158">
        <v>0</v>
      </c>
      <c r="JT40" s="121">
        <v>0</v>
      </c>
      <c r="JU40" s="122">
        <v>0</v>
      </c>
      <c r="JV40" s="122">
        <v>0</v>
      </c>
      <c r="JW40" s="122">
        <v>0</v>
      </c>
      <c r="JX40" s="122">
        <v>0</v>
      </c>
      <c r="JY40" s="122">
        <v>0</v>
      </c>
      <c r="JZ40" s="123">
        <v>0</v>
      </c>
      <c r="KA40" s="357">
        <v>0</v>
      </c>
      <c r="KB40" s="264">
        <v>0</v>
      </c>
      <c r="KC40" s="258">
        <v>240273</v>
      </c>
      <c r="KD40" s="123">
        <v>240273</v>
      </c>
      <c r="KE40" s="121">
        <v>0</v>
      </c>
      <c r="KF40" s="122">
        <v>832206</v>
      </c>
      <c r="KG40" s="122">
        <v>1325538</v>
      </c>
      <c r="KH40" s="122">
        <v>1289443</v>
      </c>
      <c r="KI40" s="122">
        <v>97524</v>
      </c>
      <c r="KJ40" s="122">
        <v>244413</v>
      </c>
      <c r="KK40" s="123">
        <v>3789124</v>
      </c>
      <c r="KL40" s="160">
        <v>4029397</v>
      </c>
      <c r="KM40" s="261">
        <v>0</v>
      </c>
      <c r="KN40" s="268">
        <v>0</v>
      </c>
      <c r="KO40" s="269">
        <v>0</v>
      </c>
      <c r="KP40" s="157"/>
      <c r="KQ40" s="122">
        <v>2291931</v>
      </c>
      <c r="KR40" s="122">
        <v>3563454</v>
      </c>
      <c r="KS40" s="122">
        <v>4366570</v>
      </c>
      <c r="KT40" s="122">
        <v>3281976</v>
      </c>
      <c r="KU40" s="122">
        <v>1015794</v>
      </c>
      <c r="KV40" s="123">
        <v>14519725</v>
      </c>
      <c r="KW40" s="357">
        <v>14519725</v>
      </c>
      <c r="KX40" s="159">
        <v>0</v>
      </c>
      <c r="KY40" s="122">
        <v>0</v>
      </c>
      <c r="KZ40" s="123">
        <v>0</v>
      </c>
      <c r="LA40" s="162"/>
      <c r="LB40" s="122">
        <v>0</v>
      </c>
      <c r="LC40" s="122">
        <v>0</v>
      </c>
      <c r="LD40" s="122">
        <v>0</v>
      </c>
      <c r="LE40" s="122">
        <v>0</v>
      </c>
      <c r="LF40" s="122">
        <v>0</v>
      </c>
      <c r="LG40" s="123">
        <v>0</v>
      </c>
      <c r="LH40" s="124">
        <v>0</v>
      </c>
      <c r="LI40" s="159">
        <v>0</v>
      </c>
      <c r="LJ40" s="122">
        <v>0</v>
      </c>
      <c r="LK40" s="123">
        <v>0</v>
      </c>
      <c r="LL40" s="162"/>
      <c r="LM40" s="122">
        <v>0</v>
      </c>
      <c r="LN40" s="122">
        <v>0</v>
      </c>
      <c r="LO40" s="122">
        <v>0</v>
      </c>
      <c r="LP40" s="122">
        <v>0</v>
      </c>
      <c r="LQ40" s="122">
        <v>0</v>
      </c>
      <c r="LR40" s="123">
        <v>0</v>
      </c>
      <c r="LS40" s="357">
        <v>0</v>
      </c>
      <c r="LT40" s="159">
        <v>0</v>
      </c>
      <c r="LU40" s="122">
        <v>0</v>
      </c>
      <c r="LV40" s="123">
        <v>0</v>
      </c>
      <c r="LW40" s="162"/>
      <c r="LX40" s="122">
        <v>0</v>
      </c>
      <c r="LY40" s="122">
        <v>0</v>
      </c>
      <c r="LZ40" s="122">
        <v>0</v>
      </c>
      <c r="MA40" s="122">
        <v>0</v>
      </c>
      <c r="MB40" s="122">
        <v>0</v>
      </c>
      <c r="MC40" s="123">
        <v>0</v>
      </c>
      <c r="MD40" s="124">
        <v>0</v>
      </c>
      <c r="ME40" s="159">
        <v>0</v>
      </c>
      <c r="MF40" s="122">
        <v>0</v>
      </c>
      <c r="MG40" s="123">
        <v>0</v>
      </c>
      <c r="MH40" s="162"/>
      <c r="MI40" s="122">
        <v>6941992</v>
      </c>
      <c r="MJ40" s="122">
        <v>7537267</v>
      </c>
      <c r="MK40" s="122">
        <v>12729542</v>
      </c>
      <c r="ML40" s="122">
        <v>18162248</v>
      </c>
      <c r="MM40" s="122">
        <v>14303831</v>
      </c>
      <c r="MN40" s="123">
        <v>59674880</v>
      </c>
      <c r="MO40" s="160">
        <v>59674880</v>
      </c>
      <c r="MP40" s="159">
        <v>0</v>
      </c>
      <c r="MQ40" s="122">
        <v>0</v>
      </c>
      <c r="MR40" s="123">
        <v>0</v>
      </c>
      <c r="MS40" s="162"/>
      <c r="MT40" s="122">
        <v>179856</v>
      </c>
      <c r="MU40" s="122">
        <v>397764</v>
      </c>
      <c r="MV40" s="122">
        <v>6138783</v>
      </c>
      <c r="MW40" s="122">
        <v>11743981</v>
      </c>
      <c r="MX40" s="122">
        <v>8982201</v>
      </c>
      <c r="MY40" s="123">
        <v>27442585</v>
      </c>
      <c r="MZ40" s="160">
        <v>27442585</v>
      </c>
      <c r="NA40" s="159">
        <v>0</v>
      </c>
      <c r="NB40" s="122">
        <v>0</v>
      </c>
      <c r="NC40" s="123">
        <v>0</v>
      </c>
      <c r="ND40" s="162"/>
      <c r="NE40" s="122">
        <v>5950795</v>
      </c>
      <c r="NF40" s="122">
        <v>6680647</v>
      </c>
      <c r="NG40" s="122">
        <v>5464436</v>
      </c>
      <c r="NH40" s="122">
        <v>3697882</v>
      </c>
      <c r="NI40" s="122">
        <v>2295902</v>
      </c>
      <c r="NJ40" s="123">
        <v>24089662</v>
      </c>
      <c r="NK40" s="357">
        <v>24089662</v>
      </c>
      <c r="NL40" s="159">
        <v>0</v>
      </c>
      <c r="NM40" s="122">
        <v>0</v>
      </c>
      <c r="NN40" s="123">
        <v>0</v>
      </c>
      <c r="NO40" s="162"/>
      <c r="NP40" s="122">
        <v>0</v>
      </c>
      <c r="NQ40" s="122">
        <v>0</v>
      </c>
      <c r="NR40" s="122">
        <v>0</v>
      </c>
      <c r="NS40" s="122">
        <v>0</v>
      </c>
      <c r="NT40" s="122">
        <v>0</v>
      </c>
      <c r="NU40" s="123">
        <v>0</v>
      </c>
      <c r="NV40" s="124">
        <v>0</v>
      </c>
      <c r="NW40" s="159">
        <v>0</v>
      </c>
      <c r="NX40" s="122">
        <v>0</v>
      </c>
      <c r="NY40" s="123">
        <v>0</v>
      </c>
      <c r="NZ40" s="162"/>
      <c r="OA40" s="122">
        <v>811341</v>
      </c>
      <c r="OB40" s="122">
        <v>458856</v>
      </c>
      <c r="OC40" s="122">
        <v>1126323</v>
      </c>
      <c r="OD40" s="122">
        <v>2720385</v>
      </c>
      <c r="OE40" s="122">
        <v>3025728</v>
      </c>
      <c r="OF40" s="123">
        <v>8142633</v>
      </c>
      <c r="OG40" s="124">
        <v>8142633</v>
      </c>
      <c r="OH40" s="159">
        <v>1484592</v>
      </c>
      <c r="OI40" s="122">
        <v>2197838</v>
      </c>
      <c r="OJ40" s="158">
        <v>3682430</v>
      </c>
      <c r="OK40" s="121">
        <v>0</v>
      </c>
      <c r="OL40" s="122">
        <v>34802525</v>
      </c>
      <c r="OM40" s="122">
        <v>37005296</v>
      </c>
      <c r="ON40" s="122">
        <v>37731043</v>
      </c>
      <c r="OO40" s="122">
        <v>40416509</v>
      </c>
      <c r="OP40" s="122">
        <v>25471649</v>
      </c>
      <c r="OQ40" s="123">
        <v>175427022</v>
      </c>
      <c r="OR40" s="160">
        <v>179109452</v>
      </c>
    </row>
    <row r="41" spans="1:408" ht="18.75" customHeight="1" x14ac:dyDescent="0.2">
      <c r="A41" s="62" t="s">
        <v>36</v>
      </c>
      <c r="B41" s="112">
        <v>1126796</v>
      </c>
      <c r="C41" s="116">
        <v>2574555</v>
      </c>
      <c r="D41" s="115">
        <v>3701351</v>
      </c>
      <c r="E41" s="111">
        <v>0</v>
      </c>
      <c r="F41" s="116">
        <v>20340455</v>
      </c>
      <c r="G41" s="116">
        <v>24867997</v>
      </c>
      <c r="H41" s="116">
        <v>23401392</v>
      </c>
      <c r="I41" s="116">
        <v>15429860</v>
      </c>
      <c r="J41" s="116">
        <v>14025758</v>
      </c>
      <c r="K41" s="200">
        <v>98065462</v>
      </c>
      <c r="L41" s="118">
        <v>101766813</v>
      </c>
      <c r="M41" s="112">
        <v>411742</v>
      </c>
      <c r="N41" s="116">
        <v>562985</v>
      </c>
      <c r="O41" s="115">
        <v>974727</v>
      </c>
      <c r="P41" s="112">
        <v>0</v>
      </c>
      <c r="Q41" s="116">
        <v>5845596</v>
      </c>
      <c r="R41" s="116">
        <v>7636198</v>
      </c>
      <c r="S41" s="116">
        <v>7294778</v>
      </c>
      <c r="T41" s="116">
        <v>7580417</v>
      </c>
      <c r="U41" s="116">
        <v>7419968</v>
      </c>
      <c r="V41" s="115">
        <v>35776957</v>
      </c>
      <c r="W41" s="118">
        <v>36751684</v>
      </c>
      <c r="X41" s="112">
        <v>0</v>
      </c>
      <c r="Y41" s="116">
        <v>0</v>
      </c>
      <c r="Z41" s="115">
        <v>0</v>
      </c>
      <c r="AA41" s="112">
        <v>0</v>
      </c>
      <c r="AB41" s="116">
        <v>2945096</v>
      </c>
      <c r="AC41" s="116">
        <v>3862287</v>
      </c>
      <c r="AD41" s="116">
        <v>4463580</v>
      </c>
      <c r="AE41" s="116">
        <v>4912579</v>
      </c>
      <c r="AF41" s="116">
        <v>4518649</v>
      </c>
      <c r="AG41" s="115">
        <v>20702191</v>
      </c>
      <c r="AH41" s="118">
        <v>20702191</v>
      </c>
      <c r="AI41" s="112">
        <v>0</v>
      </c>
      <c r="AJ41" s="116">
        <v>0</v>
      </c>
      <c r="AK41" s="115">
        <v>0</v>
      </c>
      <c r="AL41" s="112">
        <v>0</v>
      </c>
      <c r="AM41" s="116">
        <v>226243</v>
      </c>
      <c r="AN41" s="116">
        <v>400550</v>
      </c>
      <c r="AO41" s="116">
        <v>104047</v>
      </c>
      <c r="AP41" s="116">
        <v>571258</v>
      </c>
      <c r="AQ41" s="116">
        <v>697516</v>
      </c>
      <c r="AR41" s="115">
        <v>1999614</v>
      </c>
      <c r="AS41" s="118">
        <v>1999614</v>
      </c>
      <c r="AT41" s="112">
        <v>288710</v>
      </c>
      <c r="AU41" s="116">
        <v>513449</v>
      </c>
      <c r="AV41" s="115">
        <v>802159</v>
      </c>
      <c r="AW41" s="112">
        <v>0</v>
      </c>
      <c r="AX41" s="116">
        <v>2232589</v>
      </c>
      <c r="AY41" s="116">
        <v>2525233</v>
      </c>
      <c r="AZ41" s="116">
        <v>1533358</v>
      </c>
      <c r="BA41" s="116">
        <v>1391055</v>
      </c>
      <c r="BB41" s="116">
        <v>1612139</v>
      </c>
      <c r="BC41" s="115">
        <v>9294374</v>
      </c>
      <c r="BD41" s="118">
        <v>10096533</v>
      </c>
      <c r="BE41" s="112">
        <v>72068</v>
      </c>
      <c r="BF41" s="116">
        <v>0</v>
      </c>
      <c r="BG41" s="114">
        <v>72068</v>
      </c>
      <c r="BH41" s="113">
        <v>0</v>
      </c>
      <c r="BI41" s="116">
        <v>17932</v>
      </c>
      <c r="BJ41" s="116">
        <v>39661</v>
      </c>
      <c r="BK41" s="116">
        <v>18017</v>
      </c>
      <c r="BL41" s="116">
        <v>61688</v>
      </c>
      <c r="BM41" s="116">
        <v>78601</v>
      </c>
      <c r="BN41" s="115">
        <v>215899</v>
      </c>
      <c r="BO41" s="118">
        <v>287967</v>
      </c>
      <c r="BP41" s="112">
        <v>50964</v>
      </c>
      <c r="BQ41" s="116">
        <v>49536</v>
      </c>
      <c r="BR41" s="115">
        <v>100500</v>
      </c>
      <c r="BS41" s="112">
        <v>0</v>
      </c>
      <c r="BT41" s="116">
        <v>423736</v>
      </c>
      <c r="BU41" s="116">
        <v>808467</v>
      </c>
      <c r="BV41" s="116">
        <v>1175776</v>
      </c>
      <c r="BW41" s="116">
        <v>643837</v>
      </c>
      <c r="BX41" s="116">
        <v>513063</v>
      </c>
      <c r="BY41" s="115">
        <v>3564879</v>
      </c>
      <c r="BZ41" s="118">
        <v>3665379</v>
      </c>
      <c r="CA41" s="112">
        <v>64696</v>
      </c>
      <c r="CB41" s="116">
        <v>442134</v>
      </c>
      <c r="CC41" s="115">
        <v>506830</v>
      </c>
      <c r="CD41" s="112">
        <v>0</v>
      </c>
      <c r="CE41" s="116">
        <v>6262957</v>
      </c>
      <c r="CF41" s="116">
        <v>8131829</v>
      </c>
      <c r="CG41" s="116">
        <v>6102049</v>
      </c>
      <c r="CH41" s="116">
        <v>3111519</v>
      </c>
      <c r="CI41" s="116">
        <v>1559613</v>
      </c>
      <c r="CJ41" s="115">
        <v>25167967</v>
      </c>
      <c r="CK41" s="118">
        <v>25674797</v>
      </c>
      <c r="CL41" s="112">
        <v>0</v>
      </c>
      <c r="CM41" s="116">
        <v>0</v>
      </c>
      <c r="CN41" s="115">
        <v>0</v>
      </c>
      <c r="CO41" s="113">
        <v>0</v>
      </c>
      <c r="CP41" s="116">
        <v>4853180</v>
      </c>
      <c r="CQ41" s="116">
        <v>6863728</v>
      </c>
      <c r="CR41" s="116">
        <v>4803880</v>
      </c>
      <c r="CS41" s="116">
        <v>2828152</v>
      </c>
      <c r="CT41" s="116">
        <v>1518918</v>
      </c>
      <c r="CU41" s="115">
        <v>20867858</v>
      </c>
      <c r="CV41" s="118">
        <v>20867858</v>
      </c>
      <c r="CW41" s="112">
        <v>64696</v>
      </c>
      <c r="CX41" s="116">
        <v>442134</v>
      </c>
      <c r="CY41" s="115">
        <v>506830</v>
      </c>
      <c r="CZ41" s="112">
        <v>0</v>
      </c>
      <c r="DA41" s="116">
        <v>1409777</v>
      </c>
      <c r="DB41" s="116">
        <v>1268101</v>
      </c>
      <c r="DC41" s="116">
        <v>1298169</v>
      </c>
      <c r="DD41" s="116">
        <v>283367</v>
      </c>
      <c r="DE41" s="116">
        <v>40695</v>
      </c>
      <c r="DF41" s="115">
        <v>4300109</v>
      </c>
      <c r="DG41" s="118">
        <v>4806939</v>
      </c>
      <c r="DH41" s="112">
        <v>0</v>
      </c>
      <c r="DI41" s="116">
        <v>13325</v>
      </c>
      <c r="DJ41" s="114">
        <v>13325</v>
      </c>
      <c r="DK41" s="113">
        <v>0</v>
      </c>
      <c r="DL41" s="116">
        <v>1162048</v>
      </c>
      <c r="DM41" s="116">
        <v>1279291</v>
      </c>
      <c r="DN41" s="116">
        <v>2762955</v>
      </c>
      <c r="DO41" s="116">
        <v>614554</v>
      </c>
      <c r="DP41" s="116">
        <v>1710618</v>
      </c>
      <c r="DQ41" s="115">
        <v>7529466</v>
      </c>
      <c r="DR41" s="118">
        <v>7542791</v>
      </c>
      <c r="DS41" s="112">
        <v>0</v>
      </c>
      <c r="DT41" s="116">
        <v>13325</v>
      </c>
      <c r="DU41" s="115">
        <v>13325</v>
      </c>
      <c r="DV41" s="112">
        <v>0</v>
      </c>
      <c r="DW41" s="116">
        <v>1162048</v>
      </c>
      <c r="DX41" s="116">
        <v>1245217</v>
      </c>
      <c r="DY41" s="116">
        <v>2508240</v>
      </c>
      <c r="DZ41" s="116">
        <v>614554</v>
      </c>
      <c r="EA41" s="116">
        <v>1710618</v>
      </c>
      <c r="EB41" s="115">
        <v>7240677</v>
      </c>
      <c r="EC41" s="118">
        <v>7254002</v>
      </c>
      <c r="ED41" s="112">
        <v>0</v>
      </c>
      <c r="EE41" s="114">
        <v>0</v>
      </c>
      <c r="EF41" s="115">
        <v>0</v>
      </c>
      <c r="EG41" s="112">
        <v>0</v>
      </c>
      <c r="EH41" s="116">
        <v>0</v>
      </c>
      <c r="EI41" s="116">
        <v>34074</v>
      </c>
      <c r="EJ41" s="116">
        <v>254715</v>
      </c>
      <c r="EK41" s="116">
        <v>0</v>
      </c>
      <c r="EL41" s="116">
        <v>0</v>
      </c>
      <c r="EM41" s="114">
        <v>288789</v>
      </c>
      <c r="EN41" s="118">
        <v>288789</v>
      </c>
      <c r="EO41" s="112">
        <v>0</v>
      </c>
      <c r="EP41" s="116">
        <v>0</v>
      </c>
      <c r="EQ41" s="114">
        <v>0</v>
      </c>
      <c r="ER41" s="113">
        <v>0</v>
      </c>
      <c r="ES41" s="116">
        <v>0</v>
      </c>
      <c r="ET41" s="116">
        <v>0</v>
      </c>
      <c r="EU41" s="116">
        <v>0</v>
      </c>
      <c r="EV41" s="116">
        <v>0</v>
      </c>
      <c r="EW41" s="116">
        <v>0</v>
      </c>
      <c r="EX41" s="115">
        <v>0</v>
      </c>
      <c r="EY41" s="118">
        <v>0</v>
      </c>
      <c r="EZ41" s="112">
        <v>0</v>
      </c>
      <c r="FA41" s="116">
        <v>0</v>
      </c>
      <c r="FB41" s="114">
        <v>0</v>
      </c>
      <c r="FC41" s="390"/>
      <c r="FD41" s="116">
        <v>0</v>
      </c>
      <c r="FE41" s="116">
        <v>0</v>
      </c>
      <c r="FF41" s="116">
        <v>0</v>
      </c>
      <c r="FG41" s="116">
        <v>0</v>
      </c>
      <c r="FH41" s="116">
        <v>0</v>
      </c>
      <c r="FI41" s="115">
        <v>0</v>
      </c>
      <c r="FJ41" s="118">
        <v>0</v>
      </c>
      <c r="FK41" s="112">
        <v>341060</v>
      </c>
      <c r="FL41" s="116">
        <v>932995</v>
      </c>
      <c r="FM41" s="115">
        <v>1274055</v>
      </c>
      <c r="FN41" s="112">
        <v>0</v>
      </c>
      <c r="FO41" s="116">
        <v>2082601</v>
      </c>
      <c r="FP41" s="116">
        <v>2102914</v>
      </c>
      <c r="FQ41" s="116">
        <v>1623565</v>
      </c>
      <c r="FR41" s="116">
        <v>1574091</v>
      </c>
      <c r="FS41" s="116">
        <v>1142815</v>
      </c>
      <c r="FT41" s="115">
        <v>8525986</v>
      </c>
      <c r="FU41" s="118">
        <v>9800041</v>
      </c>
      <c r="FV41" s="117">
        <v>161060</v>
      </c>
      <c r="FW41" s="116">
        <v>655489</v>
      </c>
      <c r="FX41" s="114">
        <v>816549</v>
      </c>
      <c r="FY41" s="113">
        <v>0</v>
      </c>
      <c r="FZ41" s="116">
        <v>1430461</v>
      </c>
      <c r="GA41" s="116">
        <v>2075914</v>
      </c>
      <c r="GB41" s="116">
        <v>1499545</v>
      </c>
      <c r="GC41" s="116">
        <v>1469943</v>
      </c>
      <c r="GD41" s="116">
        <v>1002815</v>
      </c>
      <c r="GE41" s="115">
        <v>7478678</v>
      </c>
      <c r="GF41" s="354">
        <v>8295227</v>
      </c>
      <c r="GG41" s="117">
        <v>0</v>
      </c>
      <c r="GH41" s="116">
        <v>41976</v>
      </c>
      <c r="GI41" s="114">
        <v>41976</v>
      </c>
      <c r="GJ41" s="113">
        <v>0</v>
      </c>
      <c r="GK41" s="116">
        <v>130140</v>
      </c>
      <c r="GL41" s="116">
        <v>27000</v>
      </c>
      <c r="GM41" s="116">
        <v>13320</v>
      </c>
      <c r="GN41" s="116">
        <v>84348</v>
      </c>
      <c r="GO41" s="116">
        <v>0</v>
      </c>
      <c r="GP41" s="115">
        <v>254808</v>
      </c>
      <c r="GQ41" s="118">
        <v>296784</v>
      </c>
      <c r="GR41" s="112">
        <v>180000</v>
      </c>
      <c r="GS41" s="116">
        <v>235530</v>
      </c>
      <c r="GT41" s="115">
        <v>415530</v>
      </c>
      <c r="GU41" s="112">
        <v>0</v>
      </c>
      <c r="GV41" s="116">
        <v>522000</v>
      </c>
      <c r="GW41" s="116">
        <v>0</v>
      </c>
      <c r="GX41" s="116">
        <v>110700</v>
      </c>
      <c r="GY41" s="116">
        <v>19800</v>
      </c>
      <c r="GZ41" s="116">
        <v>140000</v>
      </c>
      <c r="HA41" s="114">
        <v>792500</v>
      </c>
      <c r="HB41" s="118">
        <v>1208030</v>
      </c>
      <c r="HC41" s="112">
        <v>89056</v>
      </c>
      <c r="HD41" s="116">
        <v>101236</v>
      </c>
      <c r="HE41" s="114">
        <v>190292</v>
      </c>
      <c r="HF41" s="113">
        <v>0</v>
      </c>
      <c r="HG41" s="116">
        <v>1304049</v>
      </c>
      <c r="HH41" s="116">
        <v>2593715</v>
      </c>
      <c r="HI41" s="116">
        <v>3340738</v>
      </c>
      <c r="HJ41" s="116">
        <v>1079137</v>
      </c>
      <c r="HK41" s="116">
        <v>1154276</v>
      </c>
      <c r="HL41" s="115">
        <v>9471915</v>
      </c>
      <c r="HM41" s="111">
        <v>9662207</v>
      </c>
      <c r="HN41" s="117">
        <v>220242</v>
      </c>
      <c r="HO41" s="116">
        <v>521880</v>
      </c>
      <c r="HP41" s="115">
        <v>742122</v>
      </c>
      <c r="HQ41" s="112">
        <v>0</v>
      </c>
      <c r="HR41" s="116">
        <v>3683204</v>
      </c>
      <c r="HS41" s="116">
        <v>3124050</v>
      </c>
      <c r="HT41" s="116">
        <v>2277307</v>
      </c>
      <c r="HU41" s="116">
        <v>1470142</v>
      </c>
      <c r="HV41" s="116">
        <v>1038468</v>
      </c>
      <c r="HW41" s="114">
        <v>11593171</v>
      </c>
      <c r="HX41" s="118">
        <v>12335293</v>
      </c>
      <c r="HY41" s="148">
        <v>46943</v>
      </c>
      <c r="HZ41" s="149">
        <v>84068</v>
      </c>
      <c r="IA41" s="150">
        <v>131011</v>
      </c>
      <c r="IB41" s="163">
        <v>0</v>
      </c>
      <c r="IC41" s="149">
        <v>3270780</v>
      </c>
      <c r="ID41" s="164">
        <v>5673376</v>
      </c>
      <c r="IE41" s="150">
        <v>7477798</v>
      </c>
      <c r="IF41" s="149">
        <v>4969784</v>
      </c>
      <c r="IG41" s="150">
        <v>2990581</v>
      </c>
      <c r="IH41" s="165">
        <v>24382319</v>
      </c>
      <c r="II41" s="156">
        <v>24513330</v>
      </c>
      <c r="IJ41" s="261">
        <v>0</v>
      </c>
      <c r="IK41" s="268">
        <v>0</v>
      </c>
      <c r="IL41" s="269">
        <v>0</v>
      </c>
      <c r="IM41" s="157"/>
      <c r="IN41" s="122">
        <v>0</v>
      </c>
      <c r="IO41" s="122">
        <v>0</v>
      </c>
      <c r="IP41" s="122">
        <v>0</v>
      </c>
      <c r="IQ41" s="122">
        <v>0</v>
      </c>
      <c r="IR41" s="122">
        <v>0</v>
      </c>
      <c r="IS41" s="158">
        <v>0</v>
      </c>
      <c r="IT41" s="357">
        <v>0</v>
      </c>
      <c r="IU41" s="159">
        <v>0</v>
      </c>
      <c r="IV41" s="122">
        <v>0</v>
      </c>
      <c r="IW41" s="123">
        <v>0</v>
      </c>
      <c r="IX41" s="161"/>
      <c r="IY41" s="122">
        <v>0</v>
      </c>
      <c r="IZ41" s="122">
        <v>0</v>
      </c>
      <c r="JA41" s="122">
        <v>0</v>
      </c>
      <c r="JB41" s="122">
        <v>0</v>
      </c>
      <c r="JC41" s="122">
        <v>0</v>
      </c>
      <c r="JD41" s="123">
        <v>0</v>
      </c>
      <c r="JE41" s="124">
        <v>0</v>
      </c>
      <c r="JF41" s="159">
        <v>0</v>
      </c>
      <c r="JG41" s="122">
        <v>0</v>
      </c>
      <c r="JH41" s="158">
        <v>0</v>
      </c>
      <c r="JI41" s="121">
        <v>0</v>
      </c>
      <c r="JJ41" s="122">
        <v>1538619</v>
      </c>
      <c r="JK41" s="122">
        <v>3317308</v>
      </c>
      <c r="JL41" s="122">
        <v>3179734</v>
      </c>
      <c r="JM41" s="122">
        <v>1937967</v>
      </c>
      <c r="JN41" s="122">
        <v>2726894</v>
      </c>
      <c r="JO41" s="123">
        <v>12700522</v>
      </c>
      <c r="JP41" s="357">
        <v>12700522</v>
      </c>
      <c r="JQ41" s="159">
        <v>0</v>
      </c>
      <c r="JR41" s="122">
        <v>0</v>
      </c>
      <c r="JS41" s="158">
        <v>0</v>
      </c>
      <c r="JT41" s="121">
        <v>0</v>
      </c>
      <c r="JU41" s="122">
        <v>0</v>
      </c>
      <c r="JV41" s="122">
        <v>0</v>
      </c>
      <c r="JW41" s="122">
        <v>0</v>
      </c>
      <c r="JX41" s="122">
        <v>0</v>
      </c>
      <c r="JY41" s="122">
        <v>0</v>
      </c>
      <c r="JZ41" s="123">
        <v>0</v>
      </c>
      <c r="KA41" s="357">
        <v>0</v>
      </c>
      <c r="KB41" s="264">
        <v>46943</v>
      </c>
      <c r="KC41" s="258">
        <v>84068</v>
      </c>
      <c r="KD41" s="123">
        <v>131011</v>
      </c>
      <c r="KE41" s="121">
        <v>0</v>
      </c>
      <c r="KF41" s="122">
        <v>518953</v>
      </c>
      <c r="KG41" s="122">
        <v>1122748</v>
      </c>
      <c r="KH41" s="122">
        <v>1578039</v>
      </c>
      <c r="KI41" s="122">
        <v>956069</v>
      </c>
      <c r="KJ41" s="122">
        <v>0</v>
      </c>
      <c r="KK41" s="123">
        <v>4175809</v>
      </c>
      <c r="KL41" s="160">
        <v>4306820</v>
      </c>
      <c r="KM41" s="261">
        <v>0</v>
      </c>
      <c r="KN41" s="268">
        <v>0</v>
      </c>
      <c r="KO41" s="269">
        <v>0</v>
      </c>
      <c r="KP41" s="157"/>
      <c r="KQ41" s="122">
        <v>1213208</v>
      </c>
      <c r="KR41" s="122">
        <v>1233320</v>
      </c>
      <c r="KS41" s="122">
        <v>2720025</v>
      </c>
      <c r="KT41" s="122">
        <v>2075748</v>
      </c>
      <c r="KU41" s="122">
        <v>263687</v>
      </c>
      <c r="KV41" s="123">
        <v>7505988</v>
      </c>
      <c r="KW41" s="357">
        <v>7505988</v>
      </c>
      <c r="KX41" s="159">
        <v>0</v>
      </c>
      <c r="KY41" s="122">
        <v>0</v>
      </c>
      <c r="KZ41" s="123">
        <v>0</v>
      </c>
      <c r="LA41" s="162"/>
      <c r="LB41" s="122">
        <v>0</v>
      </c>
      <c r="LC41" s="122">
        <v>0</v>
      </c>
      <c r="LD41" s="122">
        <v>0</v>
      </c>
      <c r="LE41" s="122">
        <v>0</v>
      </c>
      <c r="LF41" s="122">
        <v>0</v>
      </c>
      <c r="LG41" s="123">
        <v>0</v>
      </c>
      <c r="LH41" s="124">
        <v>0</v>
      </c>
      <c r="LI41" s="159">
        <v>0</v>
      </c>
      <c r="LJ41" s="122">
        <v>0</v>
      </c>
      <c r="LK41" s="123">
        <v>0</v>
      </c>
      <c r="LL41" s="162"/>
      <c r="LM41" s="122">
        <v>0</v>
      </c>
      <c r="LN41" s="122">
        <v>0</v>
      </c>
      <c r="LO41" s="122">
        <v>0</v>
      </c>
      <c r="LP41" s="122">
        <v>0</v>
      </c>
      <c r="LQ41" s="122">
        <v>0</v>
      </c>
      <c r="LR41" s="123">
        <v>0</v>
      </c>
      <c r="LS41" s="357">
        <v>0</v>
      </c>
      <c r="LT41" s="159">
        <v>0</v>
      </c>
      <c r="LU41" s="122">
        <v>0</v>
      </c>
      <c r="LV41" s="123">
        <v>0</v>
      </c>
      <c r="LW41" s="162"/>
      <c r="LX41" s="122">
        <v>0</v>
      </c>
      <c r="LY41" s="122">
        <v>0</v>
      </c>
      <c r="LZ41" s="122">
        <v>0</v>
      </c>
      <c r="MA41" s="122">
        <v>0</v>
      </c>
      <c r="MB41" s="122">
        <v>0</v>
      </c>
      <c r="MC41" s="123">
        <v>0</v>
      </c>
      <c r="MD41" s="124">
        <v>0</v>
      </c>
      <c r="ME41" s="159">
        <v>0</v>
      </c>
      <c r="MF41" s="122">
        <v>0</v>
      </c>
      <c r="MG41" s="123">
        <v>0</v>
      </c>
      <c r="MH41" s="162"/>
      <c r="MI41" s="122">
        <v>4971370</v>
      </c>
      <c r="MJ41" s="122">
        <v>8567733</v>
      </c>
      <c r="MK41" s="122">
        <v>20735808</v>
      </c>
      <c r="ML41" s="122">
        <v>31072602</v>
      </c>
      <c r="MM41" s="122">
        <v>26189037</v>
      </c>
      <c r="MN41" s="123">
        <v>91536550</v>
      </c>
      <c r="MO41" s="160">
        <v>91536550</v>
      </c>
      <c r="MP41" s="159">
        <v>0</v>
      </c>
      <c r="MQ41" s="122">
        <v>0</v>
      </c>
      <c r="MR41" s="123">
        <v>0</v>
      </c>
      <c r="MS41" s="162"/>
      <c r="MT41" s="122">
        <v>0</v>
      </c>
      <c r="MU41" s="122">
        <v>641858</v>
      </c>
      <c r="MV41" s="122">
        <v>11790259</v>
      </c>
      <c r="MW41" s="122">
        <v>21139499</v>
      </c>
      <c r="MX41" s="122">
        <v>20474897</v>
      </c>
      <c r="MY41" s="123">
        <v>54046513</v>
      </c>
      <c r="MZ41" s="160">
        <v>54046513</v>
      </c>
      <c r="NA41" s="159">
        <v>0</v>
      </c>
      <c r="NB41" s="122">
        <v>0</v>
      </c>
      <c r="NC41" s="123">
        <v>0</v>
      </c>
      <c r="ND41" s="162"/>
      <c r="NE41" s="122">
        <v>4971370</v>
      </c>
      <c r="NF41" s="122">
        <v>7925875</v>
      </c>
      <c r="NG41" s="122">
        <v>8945549</v>
      </c>
      <c r="NH41" s="122">
        <v>8183090</v>
      </c>
      <c r="NI41" s="122">
        <v>5198879</v>
      </c>
      <c r="NJ41" s="123">
        <v>35224763</v>
      </c>
      <c r="NK41" s="357">
        <v>35224763</v>
      </c>
      <c r="NL41" s="159">
        <v>0</v>
      </c>
      <c r="NM41" s="122">
        <v>0</v>
      </c>
      <c r="NN41" s="123">
        <v>0</v>
      </c>
      <c r="NO41" s="162"/>
      <c r="NP41" s="122">
        <v>0</v>
      </c>
      <c r="NQ41" s="122">
        <v>0</v>
      </c>
      <c r="NR41" s="122">
        <v>0</v>
      </c>
      <c r="NS41" s="122">
        <v>294660</v>
      </c>
      <c r="NT41" s="122">
        <v>158448</v>
      </c>
      <c r="NU41" s="123">
        <v>453108</v>
      </c>
      <c r="NV41" s="124">
        <v>453108</v>
      </c>
      <c r="NW41" s="159">
        <v>0</v>
      </c>
      <c r="NX41" s="122">
        <v>0</v>
      </c>
      <c r="NY41" s="123">
        <v>0</v>
      </c>
      <c r="NZ41" s="162"/>
      <c r="OA41" s="122">
        <v>0</v>
      </c>
      <c r="OB41" s="122">
        <v>0</v>
      </c>
      <c r="OC41" s="122">
        <v>0</v>
      </c>
      <c r="OD41" s="122">
        <v>1455353</v>
      </c>
      <c r="OE41" s="122">
        <v>356813</v>
      </c>
      <c r="OF41" s="123">
        <v>1812166</v>
      </c>
      <c r="OG41" s="124">
        <v>1812166</v>
      </c>
      <c r="OH41" s="159">
        <v>1173739</v>
      </c>
      <c r="OI41" s="122">
        <v>2658623</v>
      </c>
      <c r="OJ41" s="158">
        <v>3832362</v>
      </c>
      <c r="OK41" s="121">
        <v>0</v>
      </c>
      <c r="OL41" s="122">
        <v>28582605</v>
      </c>
      <c r="OM41" s="122">
        <v>39109106</v>
      </c>
      <c r="ON41" s="122">
        <v>51614998</v>
      </c>
      <c r="OO41" s="122">
        <v>51472246</v>
      </c>
      <c r="OP41" s="122">
        <v>43205376</v>
      </c>
      <c r="OQ41" s="123">
        <v>213984331</v>
      </c>
      <c r="OR41" s="160">
        <v>217816693</v>
      </c>
    </row>
    <row r="42" spans="1:408" ht="18.75" customHeight="1" thickBot="1" x14ac:dyDescent="0.25">
      <c r="A42" s="63" t="s">
        <v>37</v>
      </c>
      <c r="B42" s="119">
        <v>224150</v>
      </c>
      <c r="C42" s="205">
        <v>85349</v>
      </c>
      <c r="D42" s="206">
        <v>309499</v>
      </c>
      <c r="E42" s="207">
        <v>0</v>
      </c>
      <c r="F42" s="205">
        <v>2574307</v>
      </c>
      <c r="G42" s="205">
        <v>1591532</v>
      </c>
      <c r="H42" s="205">
        <v>1637511</v>
      </c>
      <c r="I42" s="205">
        <v>1251651</v>
      </c>
      <c r="J42" s="205">
        <v>965248</v>
      </c>
      <c r="K42" s="207">
        <v>8020249</v>
      </c>
      <c r="L42" s="208">
        <v>8329748</v>
      </c>
      <c r="M42" s="119">
        <v>0</v>
      </c>
      <c r="N42" s="205">
        <v>29657</v>
      </c>
      <c r="O42" s="206">
        <v>29657</v>
      </c>
      <c r="P42" s="119">
        <v>0</v>
      </c>
      <c r="Q42" s="205">
        <v>878420</v>
      </c>
      <c r="R42" s="205">
        <v>462498</v>
      </c>
      <c r="S42" s="205">
        <v>325327</v>
      </c>
      <c r="T42" s="205">
        <v>212249</v>
      </c>
      <c r="U42" s="205">
        <v>495369</v>
      </c>
      <c r="V42" s="206">
        <v>2373863</v>
      </c>
      <c r="W42" s="208">
        <v>2403520</v>
      </c>
      <c r="X42" s="119">
        <v>0</v>
      </c>
      <c r="Y42" s="205">
        <v>0</v>
      </c>
      <c r="Z42" s="206">
        <v>0</v>
      </c>
      <c r="AA42" s="119">
        <v>0</v>
      </c>
      <c r="AB42" s="205">
        <v>61097</v>
      </c>
      <c r="AC42" s="205">
        <v>207849</v>
      </c>
      <c r="AD42" s="205">
        <v>158636</v>
      </c>
      <c r="AE42" s="205">
        <v>37960</v>
      </c>
      <c r="AF42" s="205">
        <v>387808</v>
      </c>
      <c r="AG42" s="206">
        <v>853350</v>
      </c>
      <c r="AH42" s="208">
        <v>853350</v>
      </c>
      <c r="AI42" s="119">
        <v>0</v>
      </c>
      <c r="AJ42" s="205">
        <v>0</v>
      </c>
      <c r="AK42" s="206">
        <v>0</v>
      </c>
      <c r="AL42" s="119">
        <v>0</v>
      </c>
      <c r="AM42" s="205">
        <v>0</v>
      </c>
      <c r="AN42" s="205">
        <v>0</v>
      </c>
      <c r="AO42" s="205">
        <v>0</v>
      </c>
      <c r="AP42" s="205">
        <v>0</v>
      </c>
      <c r="AQ42" s="205">
        <v>0</v>
      </c>
      <c r="AR42" s="206">
        <v>0</v>
      </c>
      <c r="AS42" s="208">
        <v>0</v>
      </c>
      <c r="AT42" s="119">
        <v>0</v>
      </c>
      <c r="AU42" s="205">
        <v>29657</v>
      </c>
      <c r="AV42" s="206">
        <v>29657</v>
      </c>
      <c r="AW42" s="119">
        <v>0</v>
      </c>
      <c r="AX42" s="205">
        <v>210980</v>
      </c>
      <c r="AY42" s="205">
        <v>200901</v>
      </c>
      <c r="AZ42" s="205">
        <v>60602</v>
      </c>
      <c r="BA42" s="205">
        <v>112882</v>
      </c>
      <c r="BB42" s="205">
        <v>79111</v>
      </c>
      <c r="BC42" s="206">
        <v>664476</v>
      </c>
      <c r="BD42" s="208">
        <v>694133</v>
      </c>
      <c r="BE42" s="119">
        <v>0</v>
      </c>
      <c r="BF42" s="205">
        <v>0</v>
      </c>
      <c r="BG42" s="210">
        <v>0</v>
      </c>
      <c r="BH42" s="209">
        <v>0</v>
      </c>
      <c r="BI42" s="205">
        <v>569092</v>
      </c>
      <c r="BJ42" s="205">
        <v>19719</v>
      </c>
      <c r="BK42" s="205">
        <v>36033</v>
      </c>
      <c r="BL42" s="205">
        <v>38337</v>
      </c>
      <c r="BM42" s="205">
        <v>0</v>
      </c>
      <c r="BN42" s="206">
        <v>663181</v>
      </c>
      <c r="BO42" s="208">
        <v>663181</v>
      </c>
      <c r="BP42" s="119">
        <v>0</v>
      </c>
      <c r="BQ42" s="205">
        <v>0</v>
      </c>
      <c r="BR42" s="206">
        <v>0</v>
      </c>
      <c r="BS42" s="119">
        <v>0</v>
      </c>
      <c r="BT42" s="205">
        <v>37251</v>
      </c>
      <c r="BU42" s="205">
        <v>34029</v>
      </c>
      <c r="BV42" s="205">
        <v>70056</v>
      </c>
      <c r="BW42" s="205">
        <v>23070</v>
      </c>
      <c r="BX42" s="205">
        <v>28450</v>
      </c>
      <c r="BY42" s="206">
        <v>192856</v>
      </c>
      <c r="BZ42" s="208">
        <v>192856</v>
      </c>
      <c r="CA42" s="119">
        <v>0</v>
      </c>
      <c r="CB42" s="205">
        <v>0</v>
      </c>
      <c r="CC42" s="206">
        <v>0</v>
      </c>
      <c r="CD42" s="119">
        <v>0</v>
      </c>
      <c r="CE42" s="205">
        <v>667154</v>
      </c>
      <c r="CF42" s="205">
        <v>403123</v>
      </c>
      <c r="CG42" s="205">
        <v>617191</v>
      </c>
      <c r="CH42" s="205">
        <v>466100</v>
      </c>
      <c r="CI42" s="205">
        <v>52068</v>
      </c>
      <c r="CJ42" s="206">
        <v>2205636</v>
      </c>
      <c r="CK42" s="208">
        <v>2205636</v>
      </c>
      <c r="CL42" s="119">
        <v>0</v>
      </c>
      <c r="CM42" s="205">
        <v>0</v>
      </c>
      <c r="CN42" s="206">
        <v>0</v>
      </c>
      <c r="CO42" s="209">
        <v>0</v>
      </c>
      <c r="CP42" s="205">
        <v>327319</v>
      </c>
      <c r="CQ42" s="205">
        <v>209070</v>
      </c>
      <c r="CR42" s="205">
        <v>386900</v>
      </c>
      <c r="CS42" s="205">
        <v>70244</v>
      </c>
      <c r="CT42" s="205">
        <v>52068</v>
      </c>
      <c r="CU42" s="206">
        <v>1045601</v>
      </c>
      <c r="CV42" s="208">
        <v>1045601</v>
      </c>
      <c r="CW42" s="119">
        <v>0</v>
      </c>
      <c r="CX42" s="205">
        <v>0</v>
      </c>
      <c r="CY42" s="206">
        <v>0</v>
      </c>
      <c r="CZ42" s="119">
        <v>0</v>
      </c>
      <c r="DA42" s="205">
        <v>339835</v>
      </c>
      <c r="DB42" s="205">
        <v>194053</v>
      </c>
      <c r="DC42" s="205">
        <v>230291</v>
      </c>
      <c r="DD42" s="205">
        <v>395856</v>
      </c>
      <c r="DE42" s="205">
        <v>0</v>
      </c>
      <c r="DF42" s="206">
        <v>1160035</v>
      </c>
      <c r="DG42" s="208">
        <v>1160035</v>
      </c>
      <c r="DH42" s="119">
        <v>0</v>
      </c>
      <c r="DI42" s="205">
        <v>0</v>
      </c>
      <c r="DJ42" s="210">
        <v>0</v>
      </c>
      <c r="DK42" s="209">
        <v>0</v>
      </c>
      <c r="DL42" s="205">
        <v>43824</v>
      </c>
      <c r="DM42" s="205">
        <v>0</v>
      </c>
      <c r="DN42" s="205">
        <v>222589</v>
      </c>
      <c r="DO42" s="205">
        <v>113023</v>
      </c>
      <c r="DP42" s="205">
        <v>92696</v>
      </c>
      <c r="DQ42" s="206">
        <v>472132</v>
      </c>
      <c r="DR42" s="208">
        <v>472132</v>
      </c>
      <c r="DS42" s="119">
        <v>0</v>
      </c>
      <c r="DT42" s="205">
        <v>0</v>
      </c>
      <c r="DU42" s="206">
        <v>0</v>
      </c>
      <c r="DV42" s="119">
        <v>0</v>
      </c>
      <c r="DW42" s="205">
        <v>43824</v>
      </c>
      <c r="DX42" s="205">
        <v>0</v>
      </c>
      <c r="DY42" s="205">
        <v>198477</v>
      </c>
      <c r="DZ42" s="205">
        <v>0</v>
      </c>
      <c r="EA42" s="205">
        <v>92696</v>
      </c>
      <c r="EB42" s="206">
        <v>334997</v>
      </c>
      <c r="EC42" s="208">
        <v>334997</v>
      </c>
      <c r="ED42" s="119">
        <v>0</v>
      </c>
      <c r="EE42" s="210">
        <v>0</v>
      </c>
      <c r="EF42" s="206">
        <v>0</v>
      </c>
      <c r="EG42" s="119">
        <v>0</v>
      </c>
      <c r="EH42" s="205">
        <v>0</v>
      </c>
      <c r="EI42" s="205">
        <v>0</v>
      </c>
      <c r="EJ42" s="205">
        <v>24112</v>
      </c>
      <c r="EK42" s="205">
        <v>113023</v>
      </c>
      <c r="EL42" s="205">
        <v>0</v>
      </c>
      <c r="EM42" s="210">
        <v>137135</v>
      </c>
      <c r="EN42" s="208">
        <v>137135</v>
      </c>
      <c r="EO42" s="119">
        <v>0</v>
      </c>
      <c r="EP42" s="205">
        <v>0</v>
      </c>
      <c r="EQ42" s="210">
        <v>0</v>
      </c>
      <c r="ER42" s="209">
        <v>0</v>
      </c>
      <c r="ES42" s="205">
        <v>0</v>
      </c>
      <c r="ET42" s="205">
        <v>0</v>
      </c>
      <c r="EU42" s="205">
        <v>0</v>
      </c>
      <c r="EV42" s="205">
        <v>0</v>
      </c>
      <c r="EW42" s="205">
        <v>0</v>
      </c>
      <c r="EX42" s="206">
        <v>0</v>
      </c>
      <c r="EY42" s="208">
        <v>0</v>
      </c>
      <c r="EZ42" s="119">
        <v>0</v>
      </c>
      <c r="FA42" s="205">
        <v>0</v>
      </c>
      <c r="FB42" s="210">
        <v>0</v>
      </c>
      <c r="FC42" s="391"/>
      <c r="FD42" s="205">
        <v>0</v>
      </c>
      <c r="FE42" s="205">
        <v>0</v>
      </c>
      <c r="FF42" s="205">
        <v>0</v>
      </c>
      <c r="FG42" s="205">
        <v>0</v>
      </c>
      <c r="FH42" s="205">
        <v>0</v>
      </c>
      <c r="FI42" s="206">
        <v>0</v>
      </c>
      <c r="FJ42" s="208">
        <v>0</v>
      </c>
      <c r="FK42" s="119">
        <v>196772</v>
      </c>
      <c r="FL42" s="205">
        <v>28314</v>
      </c>
      <c r="FM42" s="206">
        <v>225086</v>
      </c>
      <c r="FN42" s="119">
        <v>0</v>
      </c>
      <c r="FO42" s="205">
        <v>435293</v>
      </c>
      <c r="FP42" s="205">
        <v>429990</v>
      </c>
      <c r="FQ42" s="205">
        <v>221094</v>
      </c>
      <c r="FR42" s="205">
        <v>164330</v>
      </c>
      <c r="FS42" s="205">
        <v>61736</v>
      </c>
      <c r="FT42" s="206">
        <v>1312443</v>
      </c>
      <c r="FU42" s="208">
        <v>1537529</v>
      </c>
      <c r="FV42" s="211">
        <v>42872</v>
      </c>
      <c r="FW42" s="205">
        <v>28314</v>
      </c>
      <c r="FX42" s="210">
        <v>71186</v>
      </c>
      <c r="FY42" s="209">
        <v>0</v>
      </c>
      <c r="FZ42" s="205">
        <v>255293</v>
      </c>
      <c r="GA42" s="205">
        <v>351690</v>
      </c>
      <c r="GB42" s="205">
        <v>221094</v>
      </c>
      <c r="GC42" s="205">
        <v>140966</v>
      </c>
      <c r="GD42" s="205">
        <v>61736</v>
      </c>
      <c r="GE42" s="206">
        <v>1030779</v>
      </c>
      <c r="GF42" s="355">
        <v>1101965</v>
      </c>
      <c r="GG42" s="211">
        <v>0</v>
      </c>
      <c r="GH42" s="205">
        <v>0</v>
      </c>
      <c r="GI42" s="210">
        <v>0</v>
      </c>
      <c r="GJ42" s="209">
        <v>0</v>
      </c>
      <c r="GK42" s="205">
        <v>0</v>
      </c>
      <c r="GL42" s="205">
        <v>0</v>
      </c>
      <c r="GM42" s="205">
        <v>0</v>
      </c>
      <c r="GN42" s="205">
        <v>23364</v>
      </c>
      <c r="GO42" s="205">
        <v>0</v>
      </c>
      <c r="GP42" s="206">
        <v>23364</v>
      </c>
      <c r="GQ42" s="208">
        <v>23364</v>
      </c>
      <c r="GR42" s="119">
        <v>153900</v>
      </c>
      <c r="GS42" s="205">
        <v>0</v>
      </c>
      <c r="GT42" s="206">
        <v>153900</v>
      </c>
      <c r="GU42" s="119">
        <v>0</v>
      </c>
      <c r="GV42" s="205">
        <v>180000</v>
      </c>
      <c r="GW42" s="205">
        <v>78300</v>
      </c>
      <c r="GX42" s="205">
        <v>0</v>
      </c>
      <c r="GY42" s="205">
        <v>0</v>
      </c>
      <c r="GZ42" s="205">
        <v>0</v>
      </c>
      <c r="HA42" s="210">
        <v>258300</v>
      </c>
      <c r="HB42" s="208">
        <v>412200</v>
      </c>
      <c r="HC42" s="119">
        <v>0</v>
      </c>
      <c r="HD42" s="205">
        <v>0</v>
      </c>
      <c r="HE42" s="210">
        <v>0</v>
      </c>
      <c r="HF42" s="209">
        <v>0</v>
      </c>
      <c r="HG42" s="205">
        <v>0</v>
      </c>
      <c r="HH42" s="205">
        <v>0</v>
      </c>
      <c r="HI42" s="205">
        <v>0</v>
      </c>
      <c r="HJ42" s="205">
        <v>167216</v>
      </c>
      <c r="HK42" s="205">
        <v>215673</v>
      </c>
      <c r="HL42" s="206">
        <v>382889</v>
      </c>
      <c r="HM42" s="207">
        <v>382889</v>
      </c>
      <c r="HN42" s="211">
        <v>27378</v>
      </c>
      <c r="HO42" s="205">
        <v>27378</v>
      </c>
      <c r="HP42" s="206">
        <v>54756</v>
      </c>
      <c r="HQ42" s="119">
        <v>0</v>
      </c>
      <c r="HR42" s="205">
        <v>549616</v>
      </c>
      <c r="HS42" s="205">
        <v>295921</v>
      </c>
      <c r="HT42" s="205">
        <v>251310</v>
      </c>
      <c r="HU42" s="205">
        <v>128733</v>
      </c>
      <c r="HV42" s="205">
        <v>47706</v>
      </c>
      <c r="HW42" s="210">
        <v>1273286</v>
      </c>
      <c r="HX42" s="208">
        <v>1328042</v>
      </c>
      <c r="HY42" s="168">
        <v>0</v>
      </c>
      <c r="HZ42" s="169">
        <v>0</v>
      </c>
      <c r="IA42" s="170">
        <v>0</v>
      </c>
      <c r="IB42" s="171">
        <v>0</v>
      </c>
      <c r="IC42" s="172">
        <v>1306201</v>
      </c>
      <c r="ID42" s="173">
        <v>694623</v>
      </c>
      <c r="IE42" s="174">
        <v>1421790</v>
      </c>
      <c r="IF42" s="172">
        <v>465653</v>
      </c>
      <c r="IG42" s="174">
        <v>136558</v>
      </c>
      <c r="IH42" s="175">
        <v>4024825</v>
      </c>
      <c r="II42" s="176">
        <v>4024825</v>
      </c>
      <c r="IJ42" s="262">
        <v>0</v>
      </c>
      <c r="IK42" s="270">
        <v>0</v>
      </c>
      <c r="IL42" s="271">
        <v>0</v>
      </c>
      <c r="IM42" s="177"/>
      <c r="IN42" s="178">
        <v>0</v>
      </c>
      <c r="IO42" s="178">
        <v>0</v>
      </c>
      <c r="IP42" s="178">
        <v>0</v>
      </c>
      <c r="IQ42" s="178">
        <v>0</v>
      </c>
      <c r="IR42" s="178">
        <v>0</v>
      </c>
      <c r="IS42" s="179">
        <v>0</v>
      </c>
      <c r="IT42" s="358">
        <v>0</v>
      </c>
      <c r="IU42" s="180">
        <v>0</v>
      </c>
      <c r="IV42" s="178">
        <v>0</v>
      </c>
      <c r="IW42" s="182">
        <v>0</v>
      </c>
      <c r="IX42" s="185"/>
      <c r="IY42" s="178">
        <v>0</v>
      </c>
      <c r="IZ42" s="178">
        <v>0</v>
      </c>
      <c r="JA42" s="178">
        <v>0</v>
      </c>
      <c r="JB42" s="178">
        <v>0</v>
      </c>
      <c r="JC42" s="178">
        <v>0</v>
      </c>
      <c r="JD42" s="182">
        <v>0</v>
      </c>
      <c r="JE42" s="183">
        <v>0</v>
      </c>
      <c r="JF42" s="180">
        <v>0</v>
      </c>
      <c r="JG42" s="178">
        <v>0</v>
      </c>
      <c r="JH42" s="179">
        <v>0</v>
      </c>
      <c r="JI42" s="181">
        <v>0</v>
      </c>
      <c r="JJ42" s="178">
        <v>1036176</v>
      </c>
      <c r="JK42" s="178">
        <v>694623</v>
      </c>
      <c r="JL42" s="178">
        <v>459261</v>
      </c>
      <c r="JM42" s="178">
        <v>0</v>
      </c>
      <c r="JN42" s="178">
        <v>136558</v>
      </c>
      <c r="JO42" s="182">
        <v>2326618</v>
      </c>
      <c r="JP42" s="358">
        <v>2326618</v>
      </c>
      <c r="JQ42" s="180">
        <v>0</v>
      </c>
      <c r="JR42" s="178">
        <v>0</v>
      </c>
      <c r="JS42" s="179">
        <v>0</v>
      </c>
      <c r="JT42" s="181">
        <v>0</v>
      </c>
      <c r="JU42" s="178">
        <v>36825</v>
      </c>
      <c r="JV42" s="178">
        <v>0</v>
      </c>
      <c r="JW42" s="178">
        <v>210993</v>
      </c>
      <c r="JX42" s="178">
        <v>465653</v>
      </c>
      <c r="JY42" s="178">
        <v>0</v>
      </c>
      <c r="JZ42" s="182">
        <v>713471</v>
      </c>
      <c r="KA42" s="358">
        <v>713471</v>
      </c>
      <c r="KB42" s="265">
        <v>0</v>
      </c>
      <c r="KC42" s="259">
        <v>0</v>
      </c>
      <c r="KD42" s="182">
        <v>0</v>
      </c>
      <c r="KE42" s="181">
        <v>0</v>
      </c>
      <c r="KF42" s="178">
        <v>0</v>
      </c>
      <c r="KG42" s="178">
        <v>0</v>
      </c>
      <c r="KH42" s="178">
        <v>0</v>
      </c>
      <c r="KI42" s="178">
        <v>0</v>
      </c>
      <c r="KJ42" s="178">
        <v>0</v>
      </c>
      <c r="KK42" s="182">
        <v>0</v>
      </c>
      <c r="KL42" s="184">
        <v>0</v>
      </c>
      <c r="KM42" s="262">
        <v>0</v>
      </c>
      <c r="KN42" s="270">
        <v>0</v>
      </c>
      <c r="KO42" s="271">
        <v>0</v>
      </c>
      <c r="KP42" s="177"/>
      <c r="KQ42" s="178">
        <v>233200</v>
      </c>
      <c r="KR42" s="178">
        <v>0</v>
      </c>
      <c r="KS42" s="178">
        <v>751536</v>
      </c>
      <c r="KT42" s="178">
        <v>0</v>
      </c>
      <c r="KU42" s="178">
        <v>0</v>
      </c>
      <c r="KV42" s="182">
        <v>984736</v>
      </c>
      <c r="KW42" s="358">
        <v>984736</v>
      </c>
      <c r="KX42" s="180">
        <v>0</v>
      </c>
      <c r="KY42" s="178">
        <v>0</v>
      </c>
      <c r="KZ42" s="182">
        <v>0</v>
      </c>
      <c r="LA42" s="186"/>
      <c r="LB42" s="178">
        <v>0</v>
      </c>
      <c r="LC42" s="178">
        <v>0</v>
      </c>
      <c r="LD42" s="178">
        <v>0</v>
      </c>
      <c r="LE42" s="178">
        <v>0</v>
      </c>
      <c r="LF42" s="178">
        <v>0</v>
      </c>
      <c r="LG42" s="182">
        <v>0</v>
      </c>
      <c r="LH42" s="183">
        <v>0</v>
      </c>
      <c r="LI42" s="180">
        <v>0</v>
      </c>
      <c r="LJ42" s="178">
        <v>0</v>
      </c>
      <c r="LK42" s="182">
        <v>0</v>
      </c>
      <c r="LL42" s="186"/>
      <c r="LM42" s="178">
        <v>0</v>
      </c>
      <c r="LN42" s="178">
        <v>0</v>
      </c>
      <c r="LO42" s="178">
        <v>0</v>
      </c>
      <c r="LP42" s="178">
        <v>0</v>
      </c>
      <c r="LQ42" s="178">
        <v>0</v>
      </c>
      <c r="LR42" s="182">
        <v>0</v>
      </c>
      <c r="LS42" s="358">
        <v>0</v>
      </c>
      <c r="LT42" s="180">
        <v>0</v>
      </c>
      <c r="LU42" s="178">
        <v>0</v>
      </c>
      <c r="LV42" s="182">
        <v>0</v>
      </c>
      <c r="LW42" s="186"/>
      <c r="LX42" s="178">
        <v>0</v>
      </c>
      <c r="LY42" s="178">
        <v>0</v>
      </c>
      <c r="LZ42" s="178">
        <v>0</v>
      </c>
      <c r="MA42" s="178">
        <v>0</v>
      </c>
      <c r="MB42" s="178">
        <v>0</v>
      </c>
      <c r="MC42" s="182">
        <v>0</v>
      </c>
      <c r="MD42" s="183">
        <v>0</v>
      </c>
      <c r="ME42" s="180">
        <v>0</v>
      </c>
      <c r="MF42" s="178">
        <v>0</v>
      </c>
      <c r="MG42" s="182">
        <v>0</v>
      </c>
      <c r="MH42" s="186"/>
      <c r="MI42" s="178">
        <v>464114</v>
      </c>
      <c r="MJ42" s="178">
        <v>246946</v>
      </c>
      <c r="MK42" s="178">
        <v>2954927</v>
      </c>
      <c r="ML42" s="178">
        <v>3330630</v>
      </c>
      <c r="MM42" s="178">
        <v>1998716</v>
      </c>
      <c r="MN42" s="182">
        <v>8995333</v>
      </c>
      <c r="MO42" s="184">
        <v>8995333</v>
      </c>
      <c r="MP42" s="180">
        <v>0</v>
      </c>
      <c r="MQ42" s="178">
        <v>0</v>
      </c>
      <c r="MR42" s="182">
        <v>0</v>
      </c>
      <c r="MS42" s="186"/>
      <c r="MT42" s="178">
        <v>0</v>
      </c>
      <c r="MU42" s="178">
        <v>0</v>
      </c>
      <c r="MV42" s="178">
        <v>1850588</v>
      </c>
      <c r="MW42" s="178">
        <v>2018689</v>
      </c>
      <c r="MX42" s="178">
        <v>1687343</v>
      </c>
      <c r="MY42" s="182">
        <v>5556620</v>
      </c>
      <c r="MZ42" s="184">
        <v>5556620</v>
      </c>
      <c r="NA42" s="180">
        <v>0</v>
      </c>
      <c r="NB42" s="178">
        <v>0</v>
      </c>
      <c r="NC42" s="182">
        <v>0</v>
      </c>
      <c r="ND42" s="186"/>
      <c r="NE42" s="178">
        <v>464114</v>
      </c>
      <c r="NF42" s="178">
        <v>246946</v>
      </c>
      <c r="NG42" s="178">
        <v>1104339</v>
      </c>
      <c r="NH42" s="178">
        <v>972048</v>
      </c>
      <c r="NI42" s="178">
        <v>0</v>
      </c>
      <c r="NJ42" s="182">
        <v>2787447</v>
      </c>
      <c r="NK42" s="358">
        <v>2787447</v>
      </c>
      <c r="NL42" s="180">
        <v>0</v>
      </c>
      <c r="NM42" s="178">
        <v>0</v>
      </c>
      <c r="NN42" s="182">
        <v>0</v>
      </c>
      <c r="NO42" s="186"/>
      <c r="NP42" s="178">
        <v>0</v>
      </c>
      <c r="NQ42" s="178">
        <v>0</v>
      </c>
      <c r="NR42" s="178">
        <v>0</v>
      </c>
      <c r="NS42" s="178">
        <v>339893</v>
      </c>
      <c r="NT42" s="178">
        <v>0</v>
      </c>
      <c r="NU42" s="182">
        <v>339893</v>
      </c>
      <c r="NV42" s="183">
        <v>339893</v>
      </c>
      <c r="NW42" s="180">
        <v>0</v>
      </c>
      <c r="NX42" s="178">
        <v>0</v>
      </c>
      <c r="NY42" s="182">
        <v>0</v>
      </c>
      <c r="NZ42" s="186"/>
      <c r="OA42" s="178">
        <v>0</v>
      </c>
      <c r="OB42" s="178">
        <v>0</v>
      </c>
      <c r="OC42" s="178">
        <v>0</v>
      </c>
      <c r="OD42" s="178">
        <v>0</v>
      </c>
      <c r="OE42" s="178">
        <v>311373</v>
      </c>
      <c r="OF42" s="182">
        <v>311373</v>
      </c>
      <c r="OG42" s="183">
        <v>311373</v>
      </c>
      <c r="OH42" s="180">
        <v>224150</v>
      </c>
      <c r="OI42" s="178">
        <v>85349</v>
      </c>
      <c r="OJ42" s="179">
        <v>309499</v>
      </c>
      <c r="OK42" s="181">
        <v>0</v>
      </c>
      <c r="OL42" s="178">
        <v>4344622</v>
      </c>
      <c r="OM42" s="178">
        <v>2533101</v>
      </c>
      <c r="ON42" s="178">
        <v>6014228</v>
      </c>
      <c r="OO42" s="178">
        <v>5047934</v>
      </c>
      <c r="OP42" s="178">
        <v>3100522</v>
      </c>
      <c r="OQ42" s="182">
        <v>21040407</v>
      </c>
      <c r="OR42" s="184">
        <v>21349906</v>
      </c>
    </row>
    <row r="43" spans="1:408" x14ac:dyDescent="0.2">
      <c r="A43" s="1" t="s">
        <v>84</v>
      </c>
    </row>
  </sheetData>
  <mergeCells count="159">
    <mergeCell ref="FJ7:FJ8"/>
    <mergeCell ref="DH5:FJ5"/>
    <mergeCell ref="H1:I1"/>
    <mergeCell ref="GR6:HB6"/>
    <mergeCell ref="GG6:GQ6"/>
    <mergeCell ref="M6:W6"/>
    <mergeCell ref="CA6:CK6"/>
    <mergeCell ref="DH6:DR6"/>
    <mergeCell ref="DS6:EC6"/>
    <mergeCell ref="ED6:EN6"/>
    <mergeCell ref="EO6:EY6"/>
    <mergeCell ref="FK6:FU6"/>
    <mergeCell ref="FV6:GF6"/>
    <mergeCell ref="EZ6:FJ6"/>
    <mergeCell ref="CW6:DG6"/>
    <mergeCell ref="BP6:BZ6"/>
    <mergeCell ref="CL6:CV6"/>
    <mergeCell ref="AI6:AS6"/>
    <mergeCell ref="AT6:BD6"/>
    <mergeCell ref="BE6:BO6"/>
    <mergeCell ref="A4:A8"/>
    <mergeCell ref="B4:L6"/>
    <mergeCell ref="M4:HX4"/>
    <mergeCell ref="M5:BZ5"/>
    <mergeCell ref="CA5:DG5"/>
    <mergeCell ref="FK5:HB5"/>
    <mergeCell ref="HC5:HM6"/>
    <mergeCell ref="HN5:HX6"/>
    <mergeCell ref="X6:AH6"/>
    <mergeCell ref="P7:V7"/>
    <mergeCell ref="W7:W8"/>
    <mergeCell ref="X7:Z7"/>
    <mergeCell ref="AA7:AG7"/>
    <mergeCell ref="B7:D7"/>
    <mergeCell ref="E7:K7"/>
    <mergeCell ref="L7:L8"/>
    <mergeCell ref="M7:O7"/>
    <mergeCell ref="AT7:AV7"/>
    <mergeCell ref="AW7:BC7"/>
    <mergeCell ref="BD7:BD8"/>
    <mergeCell ref="AH7:AH8"/>
    <mergeCell ref="AI7:AK7"/>
    <mergeCell ref="AL7:AR7"/>
    <mergeCell ref="AS7:AS8"/>
    <mergeCell ref="HX7:HX8"/>
    <mergeCell ref="HF7:HL7"/>
    <mergeCell ref="HM7:HM8"/>
    <mergeCell ref="HN7:HP7"/>
    <mergeCell ref="HQ7:HW7"/>
    <mergeCell ref="FK7:FM7"/>
    <mergeCell ref="FN7:FT7"/>
    <mergeCell ref="ED7:EF7"/>
    <mergeCell ref="EG7:EM7"/>
    <mergeCell ref="EN7:EN8"/>
    <mergeCell ref="EO7:EQ7"/>
    <mergeCell ref="GR7:GT7"/>
    <mergeCell ref="GU7:HA7"/>
    <mergeCell ref="HB7:HB8"/>
    <mergeCell ref="HC7:HE7"/>
    <mergeCell ref="FU7:FU8"/>
    <mergeCell ref="FV7:FX7"/>
    <mergeCell ref="FY7:GE7"/>
    <mergeCell ref="GF7:GF8"/>
    <mergeCell ref="GQ7:GQ8"/>
    <mergeCell ref="GJ7:GP7"/>
    <mergeCell ref="GG7:GI7"/>
    <mergeCell ref="EZ7:FB7"/>
    <mergeCell ref="FC7:FI7"/>
    <mergeCell ref="F2:G2"/>
    <mergeCell ref="ER7:EX7"/>
    <mergeCell ref="EY7:EY8"/>
    <mergeCell ref="DR7:DR8"/>
    <mergeCell ref="DS7:DU7"/>
    <mergeCell ref="DV7:EB7"/>
    <mergeCell ref="EC7:EC8"/>
    <mergeCell ref="DK7:DQ7"/>
    <mergeCell ref="CL7:CN7"/>
    <mergeCell ref="CO7:CU7"/>
    <mergeCell ref="CV7:CV8"/>
    <mergeCell ref="CW7:CY7"/>
    <mergeCell ref="CZ7:DF7"/>
    <mergeCell ref="DG7:DG8"/>
    <mergeCell ref="DH7:DJ7"/>
    <mergeCell ref="CK7:CK8"/>
    <mergeCell ref="BH7:BN7"/>
    <mergeCell ref="BO7:BO8"/>
    <mergeCell ref="BP7:BR7"/>
    <mergeCell ref="BS7:BY7"/>
    <mergeCell ref="BE7:BG7"/>
    <mergeCell ref="BZ7:BZ8"/>
    <mergeCell ref="CA7:CC7"/>
    <mergeCell ref="CD7:CJ7"/>
    <mergeCell ref="IC1:ID1"/>
    <mergeCell ref="HY4:MD4"/>
    <mergeCell ref="JI7:JO7"/>
    <mergeCell ref="JP7:JP8"/>
    <mergeCell ref="JQ7:JS7"/>
    <mergeCell ref="JT7:JZ7"/>
    <mergeCell ref="KA7:KA8"/>
    <mergeCell ref="NW5:OG6"/>
    <mergeCell ref="LL7:LR7"/>
    <mergeCell ref="LS7:LS8"/>
    <mergeCell ref="LT7:LV7"/>
    <mergeCell ref="IT7:IT8"/>
    <mergeCell ref="IU7:IW7"/>
    <mergeCell ref="IX7:JD7"/>
    <mergeCell ref="JE7:JE8"/>
    <mergeCell ref="JF7:JH7"/>
    <mergeCell ref="HY7:IA7"/>
    <mergeCell ref="IB7:IH7"/>
    <mergeCell ref="II7:II8"/>
    <mergeCell ref="IJ7:IL7"/>
    <mergeCell ref="IM7:IS7"/>
    <mergeCell ref="KW7:KW8"/>
    <mergeCell ref="KX7:KZ7"/>
    <mergeCell ref="LA7:LG7"/>
    <mergeCell ref="OH4:OR6"/>
    <mergeCell ref="HY5:II6"/>
    <mergeCell ref="IJ5:IT6"/>
    <mergeCell ref="IU5:JE6"/>
    <mergeCell ref="JF5:JP6"/>
    <mergeCell ref="JQ5:KA6"/>
    <mergeCell ref="KB5:KL6"/>
    <mergeCell ref="KM5:KW6"/>
    <mergeCell ref="KX5:LH6"/>
    <mergeCell ref="LI5:LS6"/>
    <mergeCell ref="LT5:MD6"/>
    <mergeCell ref="ME5:MO6"/>
    <mergeCell ref="MP5:MZ6"/>
    <mergeCell ref="NA5:NK6"/>
    <mergeCell ref="NL5:NV6"/>
    <mergeCell ref="ME4:OG4"/>
    <mergeCell ref="LH7:LH8"/>
    <mergeCell ref="LI7:LK7"/>
    <mergeCell ref="KB7:KD7"/>
    <mergeCell ref="KE7:KK7"/>
    <mergeCell ref="KL7:KL8"/>
    <mergeCell ref="KM7:KO7"/>
    <mergeCell ref="KP7:KV7"/>
    <mergeCell ref="MP7:MR7"/>
    <mergeCell ref="MS7:MY7"/>
    <mergeCell ref="MZ7:MZ8"/>
    <mergeCell ref="NA7:NC7"/>
    <mergeCell ref="ND7:NJ7"/>
    <mergeCell ref="LW7:MC7"/>
    <mergeCell ref="MD7:MD8"/>
    <mergeCell ref="ME7:MG7"/>
    <mergeCell ref="MH7:MN7"/>
    <mergeCell ref="MO7:MO8"/>
    <mergeCell ref="NZ7:OF7"/>
    <mergeCell ref="OG7:OG8"/>
    <mergeCell ref="OH7:OJ7"/>
    <mergeCell ref="OK7:OQ7"/>
    <mergeCell ref="OR7:OR8"/>
    <mergeCell ref="NK7:NK8"/>
    <mergeCell ref="NL7:NN7"/>
    <mergeCell ref="NO7:NU7"/>
    <mergeCell ref="NV7:NV8"/>
    <mergeCell ref="NW7:NY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3" max="1048575" man="1"/>
    <brk id="45" max="1048575" man="1"/>
    <brk id="67" max="1048575" man="1"/>
    <brk id="89" max="1048575" man="1"/>
    <brk id="111" max="1048575" man="1"/>
    <brk id="133" max="1048575" man="1"/>
    <brk id="166" max="1048575" man="1"/>
    <brk id="188" max="1048575" man="1"/>
    <brk id="210"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R43"/>
  <sheetViews>
    <sheetView zoomScaleNormal="100" workbookViewId="0">
      <pane xSplit="1" ySplit="9" topLeftCell="D10" activePane="bottomRight" state="frozen"/>
      <selection activeCell="F37" sqref="F37"/>
      <selection pane="topRight" activeCell="F37" sqref="F37"/>
      <selection pane="bottomLeft" activeCell="F37" sqref="F37"/>
      <selection pane="bottomRight"/>
    </sheetView>
  </sheetViews>
  <sheetFormatPr defaultColWidth="8.21875" defaultRowHeight="13.2" x14ac:dyDescent="0.2"/>
  <cols>
    <col min="1" max="1" width="9.21875" style="44" customWidth="1"/>
    <col min="2" max="2" width="8.21875" style="44" customWidth="1"/>
    <col min="3" max="4" width="10" style="44" customWidth="1"/>
    <col min="5" max="5" width="7.21875" style="44" customWidth="1"/>
    <col min="6" max="7" width="10" style="44" customWidth="1"/>
    <col min="8" max="8" width="9.88671875" style="44" customWidth="1"/>
    <col min="9" max="9" width="9.77734375" style="44" customWidth="1"/>
    <col min="10" max="10" width="9.88671875" style="44" customWidth="1"/>
    <col min="11" max="11" width="10.88671875" style="44" customWidth="1"/>
    <col min="12" max="12" width="11.109375" style="44" customWidth="1"/>
    <col min="13" max="15" width="8.21875" style="44" customWidth="1"/>
    <col min="16" max="16" width="7.21875" style="44" customWidth="1"/>
    <col min="17" max="17" width="10" style="44" customWidth="1"/>
    <col min="18" max="18" width="10.109375" style="44" customWidth="1"/>
    <col min="19" max="19" width="9.109375" style="44" customWidth="1"/>
    <col min="20" max="20" width="9.77734375" style="44" customWidth="1"/>
    <col min="21" max="21" width="10.33203125" style="44" customWidth="1"/>
    <col min="22" max="22" width="10.44140625" style="44" customWidth="1"/>
    <col min="23" max="23" width="11" style="44" customWidth="1"/>
    <col min="24" max="26" width="8.21875" style="44" customWidth="1"/>
    <col min="27" max="27" width="7" style="44" customWidth="1"/>
    <col min="28" max="32" width="8.21875" style="44" customWidth="1"/>
    <col min="33" max="33" width="10.6640625" style="44" customWidth="1"/>
    <col min="34" max="34" width="10" style="44" customWidth="1"/>
    <col min="35" max="37" width="8.21875" style="44" customWidth="1"/>
    <col min="38" max="38" width="7" style="44" customWidth="1"/>
    <col min="39" max="48" width="8.21875" style="44" customWidth="1"/>
    <col min="49" max="49" width="7.21875" style="44" customWidth="1"/>
    <col min="50" max="54" width="8.21875" style="44" customWidth="1"/>
    <col min="55" max="56" width="9.33203125" style="44" customWidth="1"/>
    <col min="57" max="59" width="8.21875" style="44" customWidth="1"/>
    <col min="60" max="60" width="6.88671875" style="44" customWidth="1"/>
    <col min="61" max="70" width="8.21875" style="44" customWidth="1"/>
    <col min="71" max="71" width="7.21875" style="44" customWidth="1"/>
    <col min="72" max="78" width="8.21875" style="44" customWidth="1"/>
    <col min="79" max="81" width="8.21875" style="361" customWidth="1"/>
    <col min="82" max="82" width="7.6640625" style="361" customWidth="1"/>
    <col min="83" max="83" width="9.88671875" style="361" customWidth="1"/>
    <col min="84" max="84" width="10" style="361" customWidth="1"/>
    <col min="85" max="85" width="9.77734375" style="361" customWidth="1"/>
    <col min="86" max="86" width="9.21875" style="361" customWidth="1"/>
    <col min="87" max="87" width="8.77734375" style="361" customWidth="1"/>
    <col min="88" max="88" width="9.88671875" style="361" customWidth="1"/>
    <col min="89" max="89" width="9.77734375" style="361" customWidth="1"/>
    <col min="90" max="92" width="8.21875" style="44" customWidth="1"/>
    <col min="93" max="93" width="7.33203125" style="44" customWidth="1"/>
    <col min="94" max="94" width="9.88671875" style="44" bestFit="1" customWidth="1"/>
    <col min="95" max="95" width="10" style="44" customWidth="1"/>
    <col min="96" max="96" width="9.6640625" style="44" customWidth="1"/>
    <col min="97" max="98" width="8.21875" style="44" customWidth="1"/>
    <col min="99" max="100" width="9.88671875" style="44" customWidth="1"/>
    <col min="101" max="103" width="8.21875" style="44" customWidth="1"/>
    <col min="104" max="104" width="7.44140625" style="44" customWidth="1"/>
    <col min="105" max="109" width="8.21875" style="44" customWidth="1"/>
    <col min="110" max="110" width="10" style="44" customWidth="1"/>
    <col min="111" max="111" width="9.88671875" style="44" customWidth="1"/>
    <col min="112" max="114" width="8.21875" style="361" customWidth="1"/>
    <col min="115" max="115" width="7.21875" style="361" customWidth="1"/>
    <col min="116" max="120" width="8.21875" style="361" customWidth="1"/>
    <col min="121" max="121" width="10.109375" style="361" customWidth="1"/>
    <col min="122" max="122" width="9.77734375" style="361" customWidth="1"/>
    <col min="123" max="125" width="8.21875" style="44" customWidth="1"/>
    <col min="126" max="126" width="7.33203125" style="44" customWidth="1"/>
    <col min="127" max="131" width="8.21875" style="44" customWidth="1"/>
    <col min="132" max="132" width="10.33203125" style="44" customWidth="1"/>
    <col min="133" max="133" width="10.109375" style="44" customWidth="1"/>
    <col min="134" max="136" width="8.21875" style="44" customWidth="1"/>
    <col min="137" max="137" width="7.109375" style="44" customWidth="1"/>
    <col min="138" max="147" width="8.21875" style="44" customWidth="1"/>
    <col min="148" max="148" width="7.21875" style="44" customWidth="1"/>
    <col min="149" max="158" width="8.21875" style="44" customWidth="1"/>
    <col min="159" max="159" width="7.21875" style="44" customWidth="1"/>
    <col min="160" max="166" width="8.21875" style="44" customWidth="1"/>
    <col min="167" max="169" width="8.21875" style="361" customWidth="1"/>
    <col min="170" max="170" width="6.6640625" style="361" customWidth="1"/>
    <col min="171" max="175" width="8.21875" style="361" customWidth="1"/>
    <col min="176" max="176" width="10.109375" style="361" customWidth="1"/>
    <col min="177" max="177" width="9.88671875" style="361" customWidth="1"/>
    <col min="178" max="180" width="8.21875" style="44" customWidth="1"/>
    <col min="181" max="181" width="7.33203125" style="44" customWidth="1"/>
    <col min="182" max="186" width="8.21875" style="44" customWidth="1"/>
    <col min="187" max="187" width="10" style="44" customWidth="1"/>
    <col min="188" max="188" width="10.6640625" style="44" customWidth="1"/>
    <col min="189" max="191" width="8.21875" style="44" customWidth="1"/>
    <col min="192" max="192" width="7.21875" style="44" customWidth="1"/>
    <col min="193" max="202" width="8.21875" style="44" customWidth="1"/>
    <col min="203" max="203" width="7.109375" style="44" customWidth="1"/>
    <col min="204" max="213" width="8.21875" style="44" customWidth="1"/>
    <col min="214" max="214" width="7.109375" style="44" customWidth="1"/>
    <col min="215" max="219" width="8.21875" style="44" customWidth="1"/>
    <col min="220" max="221" width="9.77734375" style="44" customWidth="1"/>
    <col min="222" max="224" width="8.21875" style="44" customWidth="1"/>
    <col min="225" max="225" width="7.21875" style="44" customWidth="1"/>
    <col min="226" max="230" width="8.21875" style="44" customWidth="1"/>
    <col min="231" max="232" width="10" style="44" customWidth="1"/>
    <col min="233" max="234" width="7.44140625" style="39" customWidth="1"/>
    <col min="235" max="235" width="9.33203125" style="39" customWidth="1"/>
    <col min="236" max="236" width="7.44140625" style="39" customWidth="1"/>
    <col min="237" max="243" width="10.109375" style="39" customWidth="1"/>
    <col min="244" max="246" width="10.109375" style="1" customWidth="1"/>
    <col min="247" max="247" width="7.109375" style="1" customWidth="1"/>
    <col min="248" max="257" width="10.109375" style="1" customWidth="1"/>
    <col min="258" max="258" width="7.33203125" style="1" customWidth="1"/>
    <col min="259" max="268" width="10.109375" style="1" customWidth="1"/>
    <col min="269" max="269" width="7.21875" style="1" customWidth="1"/>
    <col min="270" max="279" width="10.109375" style="1" customWidth="1"/>
    <col min="280" max="280" width="7.6640625" style="1" customWidth="1"/>
    <col min="281" max="290" width="10.109375" style="1" customWidth="1"/>
    <col min="291" max="291" width="6.33203125" style="1" customWidth="1"/>
    <col min="292" max="301" width="10.109375" style="1" customWidth="1"/>
    <col min="302" max="302" width="7.44140625" style="1" customWidth="1"/>
    <col min="303" max="309" width="10.109375" style="1" customWidth="1"/>
    <col min="310" max="312" width="10.109375" style="39" customWidth="1"/>
    <col min="313" max="313" width="7.109375" style="39" customWidth="1"/>
    <col min="314" max="323" width="10.109375" style="39" customWidth="1"/>
    <col min="324" max="324" width="7.44140625" style="39" customWidth="1"/>
    <col min="325" max="334" width="10.109375" style="39" customWidth="1"/>
    <col min="335" max="335" width="6.88671875" style="39" customWidth="1"/>
    <col min="336" max="342" width="10.109375" style="39" customWidth="1"/>
    <col min="343" max="345" width="10.109375" style="1" customWidth="1"/>
    <col min="346" max="346" width="7.21875" style="1" customWidth="1"/>
    <col min="347" max="356" width="10.109375" style="1" customWidth="1"/>
    <col min="357" max="357" width="7.21875" style="1" customWidth="1"/>
    <col min="358" max="367" width="10.109375" style="1" customWidth="1"/>
    <col min="368" max="368" width="7" style="1" customWidth="1"/>
    <col min="369" max="378" width="10.109375" style="1" customWidth="1"/>
    <col min="379" max="379" width="6.88671875" style="1" customWidth="1"/>
    <col min="380" max="384" width="10.109375" style="1" customWidth="1"/>
    <col min="385" max="386" width="10.33203125" style="1" customWidth="1"/>
    <col min="387" max="389" width="10.109375" style="1" customWidth="1"/>
    <col min="390" max="390" width="6.88671875" style="1" customWidth="1"/>
    <col min="391" max="395" width="10.109375" style="1" customWidth="1"/>
    <col min="396" max="397" width="10.33203125" style="1" customWidth="1"/>
    <col min="398" max="400" width="9.21875" style="1" customWidth="1"/>
    <col min="401" max="401" width="7" style="1" customWidth="1"/>
    <col min="402" max="403" width="9.21875" style="1" customWidth="1"/>
    <col min="404" max="404" width="10.44140625" style="1" customWidth="1"/>
    <col min="405" max="405" width="12.109375" style="1" customWidth="1"/>
    <col min="406" max="406" width="10.109375" style="1" customWidth="1"/>
    <col min="407" max="408" width="10.33203125" style="1" customWidth="1"/>
    <col min="409" max="16384" width="8.21875" style="44"/>
  </cols>
  <sheetData>
    <row r="1" spans="1:408" ht="21.75" customHeight="1" x14ac:dyDescent="0.2">
      <c r="A1" s="20" t="s">
        <v>136</v>
      </c>
      <c r="D1" s="520">
        <f>第１表!F2</f>
        <v>4</v>
      </c>
      <c r="E1" s="280">
        <f>第１表!G2</f>
        <v>4</v>
      </c>
      <c r="F1" s="670">
        <f>IF(E1&lt;3,E1-2+12,E1-2)</f>
        <v>2</v>
      </c>
      <c r="G1" s="670"/>
      <c r="IA1" s="411"/>
      <c r="IB1" s="287"/>
      <c r="IC1" s="661"/>
      <c r="ID1" s="661"/>
    </row>
    <row r="2" spans="1:408" ht="21.75" customHeight="1" x14ac:dyDescent="0.2">
      <c r="A2" s="20" t="s">
        <v>147</v>
      </c>
      <c r="D2" s="284"/>
      <c r="E2" s="285"/>
      <c r="F2" s="383"/>
      <c r="G2" s="383"/>
      <c r="IA2" s="286"/>
      <c r="IB2" s="287"/>
      <c r="IC2" s="414"/>
      <c r="ID2" s="414"/>
    </row>
    <row r="3" spans="1:408" ht="24" customHeight="1" thickBot="1" x14ac:dyDescent="0.25">
      <c r="A3" s="20" t="s">
        <v>137</v>
      </c>
    </row>
    <row r="4" spans="1:408" ht="19.5" customHeight="1" thickBot="1" x14ac:dyDescent="0.25">
      <c r="A4" s="697" t="s">
        <v>42</v>
      </c>
      <c r="B4" s="700" t="s">
        <v>63</v>
      </c>
      <c r="C4" s="700"/>
      <c r="D4" s="700"/>
      <c r="E4" s="700"/>
      <c r="F4" s="700"/>
      <c r="G4" s="700"/>
      <c r="H4" s="700"/>
      <c r="I4" s="700"/>
      <c r="J4" s="700"/>
      <c r="K4" s="700"/>
      <c r="L4" s="700"/>
      <c r="M4" s="703"/>
      <c r="N4" s="703"/>
      <c r="O4" s="703"/>
      <c r="P4" s="703"/>
      <c r="Q4" s="703"/>
      <c r="R4" s="703"/>
      <c r="S4" s="703"/>
      <c r="T4" s="703"/>
      <c r="U4" s="703"/>
      <c r="V4" s="703"/>
      <c r="W4" s="703"/>
      <c r="X4" s="703"/>
      <c r="Y4" s="703"/>
      <c r="Z4" s="703"/>
      <c r="AA4" s="703"/>
      <c r="AB4" s="703"/>
      <c r="AC4" s="703"/>
      <c r="AD4" s="703"/>
      <c r="AE4" s="703"/>
      <c r="AF4" s="703"/>
      <c r="AG4" s="703"/>
      <c r="AH4" s="703"/>
      <c r="AI4" s="703"/>
      <c r="AJ4" s="703"/>
      <c r="AK4" s="703"/>
      <c r="AL4" s="703"/>
      <c r="AM4" s="703"/>
      <c r="AN4" s="703"/>
      <c r="AO4" s="703"/>
      <c r="AP4" s="703"/>
      <c r="AQ4" s="703"/>
      <c r="AR4" s="703"/>
      <c r="AS4" s="703"/>
      <c r="AT4" s="703"/>
      <c r="AU4" s="703"/>
      <c r="AV4" s="703"/>
      <c r="AW4" s="703"/>
      <c r="AX4" s="703"/>
      <c r="AY4" s="703"/>
      <c r="AZ4" s="703"/>
      <c r="BA4" s="703"/>
      <c r="BB4" s="703"/>
      <c r="BC4" s="703"/>
      <c r="BD4" s="703"/>
      <c r="BE4" s="703"/>
      <c r="BF4" s="703"/>
      <c r="BG4" s="703"/>
      <c r="BH4" s="703"/>
      <c r="BI4" s="703"/>
      <c r="BJ4" s="703"/>
      <c r="BK4" s="703"/>
      <c r="BL4" s="703"/>
      <c r="BM4" s="703"/>
      <c r="BN4" s="703"/>
      <c r="BO4" s="703"/>
      <c r="BP4" s="703"/>
      <c r="BQ4" s="703"/>
      <c r="BR4" s="703"/>
      <c r="BS4" s="703"/>
      <c r="BT4" s="703"/>
      <c r="BU4" s="703"/>
      <c r="BV4" s="703"/>
      <c r="BW4" s="703"/>
      <c r="BX4" s="703"/>
      <c r="BY4" s="703"/>
      <c r="BZ4" s="703"/>
      <c r="CA4" s="703"/>
      <c r="CB4" s="703"/>
      <c r="CC4" s="703"/>
      <c r="CD4" s="703"/>
      <c r="CE4" s="703"/>
      <c r="CF4" s="703"/>
      <c r="CG4" s="703"/>
      <c r="CH4" s="703"/>
      <c r="CI4" s="703"/>
      <c r="CJ4" s="703"/>
      <c r="CK4" s="703"/>
      <c r="CL4" s="703"/>
      <c r="CM4" s="703"/>
      <c r="CN4" s="703"/>
      <c r="CO4" s="703"/>
      <c r="CP4" s="703"/>
      <c r="CQ4" s="703"/>
      <c r="CR4" s="703"/>
      <c r="CS4" s="703"/>
      <c r="CT4" s="703"/>
      <c r="CU4" s="703"/>
      <c r="CV4" s="703"/>
      <c r="CW4" s="703"/>
      <c r="CX4" s="703"/>
      <c r="CY4" s="703"/>
      <c r="CZ4" s="703"/>
      <c r="DA4" s="703"/>
      <c r="DB4" s="703"/>
      <c r="DC4" s="703"/>
      <c r="DD4" s="703"/>
      <c r="DE4" s="703"/>
      <c r="DF4" s="703"/>
      <c r="DG4" s="703"/>
      <c r="DH4" s="703"/>
      <c r="DI4" s="703"/>
      <c r="DJ4" s="703"/>
      <c r="DK4" s="703"/>
      <c r="DL4" s="703"/>
      <c r="DM4" s="703"/>
      <c r="DN4" s="703"/>
      <c r="DO4" s="703"/>
      <c r="DP4" s="703"/>
      <c r="DQ4" s="703"/>
      <c r="DR4" s="703"/>
      <c r="DS4" s="703"/>
      <c r="DT4" s="703"/>
      <c r="DU4" s="703"/>
      <c r="DV4" s="703"/>
      <c r="DW4" s="703"/>
      <c r="DX4" s="703"/>
      <c r="DY4" s="703"/>
      <c r="DZ4" s="703"/>
      <c r="EA4" s="703"/>
      <c r="EB4" s="703"/>
      <c r="EC4" s="703"/>
      <c r="ED4" s="703"/>
      <c r="EE4" s="703"/>
      <c r="EF4" s="703"/>
      <c r="EG4" s="703"/>
      <c r="EH4" s="703"/>
      <c r="EI4" s="703"/>
      <c r="EJ4" s="703"/>
      <c r="EK4" s="703"/>
      <c r="EL4" s="703"/>
      <c r="EM4" s="703"/>
      <c r="EN4" s="703"/>
      <c r="EO4" s="703"/>
      <c r="EP4" s="703"/>
      <c r="EQ4" s="703"/>
      <c r="ER4" s="703"/>
      <c r="ES4" s="703"/>
      <c r="ET4" s="703"/>
      <c r="EU4" s="703"/>
      <c r="EV4" s="703"/>
      <c r="EW4" s="703"/>
      <c r="EX4" s="703"/>
      <c r="EY4" s="703"/>
      <c r="EZ4" s="703"/>
      <c r="FA4" s="703"/>
      <c r="FB4" s="703"/>
      <c r="FC4" s="703"/>
      <c r="FD4" s="703"/>
      <c r="FE4" s="703"/>
      <c r="FF4" s="703"/>
      <c r="FG4" s="703"/>
      <c r="FH4" s="703"/>
      <c r="FI4" s="703"/>
      <c r="FJ4" s="703"/>
      <c r="FK4" s="703"/>
      <c r="FL4" s="703"/>
      <c r="FM4" s="703"/>
      <c r="FN4" s="703"/>
      <c r="FO4" s="703"/>
      <c r="FP4" s="703"/>
      <c r="FQ4" s="703"/>
      <c r="FR4" s="703"/>
      <c r="FS4" s="703"/>
      <c r="FT4" s="703"/>
      <c r="FU4" s="703"/>
      <c r="FV4" s="703"/>
      <c r="FW4" s="703"/>
      <c r="FX4" s="703"/>
      <c r="FY4" s="703"/>
      <c r="FZ4" s="703"/>
      <c r="GA4" s="703"/>
      <c r="GB4" s="703"/>
      <c r="GC4" s="703"/>
      <c r="GD4" s="703"/>
      <c r="GE4" s="703"/>
      <c r="GF4" s="703"/>
      <c r="GG4" s="703"/>
      <c r="GH4" s="703"/>
      <c r="GI4" s="703"/>
      <c r="GJ4" s="703"/>
      <c r="GK4" s="703"/>
      <c r="GL4" s="703"/>
      <c r="GM4" s="703"/>
      <c r="GN4" s="703"/>
      <c r="GO4" s="703"/>
      <c r="GP4" s="703"/>
      <c r="GQ4" s="703"/>
      <c r="GR4" s="703"/>
      <c r="GS4" s="703"/>
      <c r="GT4" s="703"/>
      <c r="GU4" s="703"/>
      <c r="GV4" s="703"/>
      <c r="GW4" s="703"/>
      <c r="GX4" s="703"/>
      <c r="GY4" s="703"/>
      <c r="GZ4" s="703"/>
      <c r="HA4" s="703"/>
      <c r="HB4" s="703"/>
      <c r="HC4" s="703"/>
      <c r="HD4" s="703"/>
      <c r="HE4" s="703"/>
      <c r="HF4" s="703"/>
      <c r="HG4" s="703"/>
      <c r="HH4" s="703"/>
      <c r="HI4" s="703"/>
      <c r="HJ4" s="703"/>
      <c r="HK4" s="703"/>
      <c r="HL4" s="703"/>
      <c r="HM4" s="703"/>
      <c r="HN4" s="703"/>
      <c r="HO4" s="703"/>
      <c r="HP4" s="703"/>
      <c r="HQ4" s="703"/>
      <c r="HR4" s="703"/>
      <c r="HS4" s="703"/>
      <c r="HT4" s="703"/>
      <c r="HU4" s="703"/>
      <c r="HV4" s="703"/>
      <c r="HW4" s="703"/>
      <c r="HX4" s="704"/>
      <c r="HY4" s="658" t="s">
        <v>85</v>
      </c>
      <c r="HZ4" s="659"/>
      <c r="IA4" s="659"/>
      <c r="IB4" s="659"/>
      <c r="IC4" s="659"/>
      <c r="ID4" s="659"/>
      <c r="IE4" s="659"/>
      <c r="IF4" s="659"/>
      <c r="IG4" s="659"/>
      <c r="IH4" s="659"/>
      <c r="II4" s="659"/>
      <c r="IJ4" s="659"/>
      <c r="IK4" s="659"/>
      <c r="IL4" s="659"/>
      <c r="IM4" s="659"/>
      <c r="IN4" s="659"/>
      <c r="IO4" s="659"/>
      <c r="IP4" s="659"/>
      <c r="IQ4" s="659"/>
      <c r="IR4" s="659"/>
      <c r="IS4" s="659"/>
      <c r="IT4" s="659"/>
      <c r="IU4" s="659"/>
      <c r="IV4" s="659"/>
      <c r="IW4" s="659"/>
      <c r="IX4" s="659"/>
      <c r="IY4" s="659"/>
      <c r="IZ4" s="659"/>
      <c r="JA4" s="659"/>
      <c r="JB4" s="659"/>
      <c r="JC4" s="659"/>
      <c r="JD4" s="659"/>
      <c r="JE4" s="659"/>
      <c r="JF4" s="659"/>
      <c r="JG4" s="659"/>
      <c r="JH4" s="659"/>
      <c r="JI4" s="659"/>
      <c r="JJ4" s="659"/>
      <c r="JK4" s="659"/>
      <c r="JL4" s="659"/>
      <c r="JM4" s="659"/>
      <c r="JN4" s="659"/>
      <c r="JO4" s="659"/>
      <c r="JP4" s="659"/>
      <c r="JQ4" s="659"/>
      <c r="JR4" s="659"/>
      <c r="JS4" s="659"/>
      <c r="JT4" s="659"/>
      <c r="JU4" s="659"/>
      <c r="JV4" s="659"/>
      <c r="JW4" s="659"/>
      <c r="JX4" s="659"/>
      <c r="JY4" s="659"/>
      <c r="JZ4" s="659"/>
      <c r="KA4" s="659"/>
      <c r="KB4" s="659"/>
      <c r="KC4" s="659"/>
      <c r="KD4" s="659"/>
      <c r="KE4" s="659"/>
      <c r="KF4" s="659"/>
      <c r="KG4" s="659"/>
      <c r="KH4" s="659"/>
      <c r="KI4" s="659"/>
      <c r="KJ4" s="659"/>
      <c r="KK4" s="659"/>
      <c r="KL4" s="659"/>
      <c r="KM4" s="659"/>
      <c r="KN4" s="659"/>
      <c r="KO4" s="659"/>
      <c r="KP4" s="659"/>
      <c r="KQ4" s="659"/>
      <c r="KR4" s="659"/>
      <c r="KS4" s="659"/>
      <c r="KT4" s="659"/>
      <c r="KU4" s="659"/>
      <c r="KV4" s="659"/>
      <c r="KW4" s="659"/>
      <c r="KX4" s="659"/>
      <c r="KY4" s="659"/>
      <c r="KZ4" s="659"/>
      <c r="LA4" s="659"/>
      <c r="LB4" s="659"/>
      <c r="LC4" s="659"/>
      <c r="LD4" s="659"/>
      <c r="LE4" s="659"/>
      <c r="LF4" s="659"/>
      <c r="LG4" s="659"/>
      <c r="LH4" s="659"/>
      <c r="LI4" s="659"/>
      <c r="LJ4" s="659"/>
      <c r="LK4" s="659"/>
      <c r="LL4" s="659"/>
      <c r="LM4" s="659"/>
      <c r="LN4" s="659"/>
      <c r="LO4" s="659"/>
      <c r="LP4" s="659"/>
      <c r="LQ4" s="659"/>
      <c r="LR4" s="659"/>
      <c r="LS4" s="659"/>
      <c r="LT4" s="659"/>
      <c r="LU4" s="659"/>
      <c r="LV4" s="659"/>
      <c r="LW4" s="659"/>
      <c r="LX4" s="659"/>
      <c r="LY4" s="659"/>
      <c r="LZ4" s="659"/>
      <c r="MA4" s="659"/>
      <c r="MB4" s="659"/>
      <c r="MC4" s="659"/>
      <c r="MD4" s="660"/>
      <c r="ME4" s="658" t="s">
        <v>86</v>
      </c>
      <c r="MF4" s="659"/>
      <c r="MG4" s="659"/>
      <c r="MH4" s="659"/>
      <c r="MI4" s="659"/>
      <c r="MJ4" s="659"/>
      <c r="MK4" s="659"/>
      <c r="ML4" s="659"/>
      <c r="MM4" s="659"/>
      <c r="MN4" s="659"/>
      <c r="MO4" s="659"/>
      <c r="MP4" s="659"/>
      <c r="MQ4" s="659"/>
      <c r="MR4" s="659"/>
      <c r="MS4" s="659"/>
      <c r="MT4" s="659"/>
      <c r="MU4" s="659"/>
      <c r="MV4" s="659"/>
      <c r="MW4" s="659"/>
      <c r="MX4" s="659"/>
      <c r="MY4" s="659"/>
      <c r="MZ4" s="659"/>
      <c r="NA4" s="659"/>
      <c r="NB4" s="659"/>
      <c r="NC4" s="659"/>
      <c r="ND4" s="659"/>
      <c r="NE4" s="659"/>
      <c r="NF4" s="659"/>
      <c r="NG4" s="659"/>
      <c r="NH4" s="659"/>
      <c r="NI4" s="659"/>
      <c r="NJ4" s="659"/>
      <c r="NK4" s="659"/>
      <c r="NL4" s="659"/>
      <c r="NM4" s="659"/>
      <c r="NN4" s="659"/>
      <c r="NO4" s="659"/>
      <c r="NP4" s="659"/>
      <c r="NQ4" s="659"/>
      <c r="NR4" s="659"/>
      <c r="NS4" s="659"/>
      <c r="NT4" s="659"/>
      <c r="NU4" s="659"/>
      <c r="NV4" s="659"/>
      <c r="NW4" s="659"/>
      <c r="NX4" s="659"/>
      <c r="NY4" s="659"/>
      <c r="NZ4" s="659"/>
      <c r="OA4" s="659"/>
      <c r="OB4" s="659"/>
      <c r="OC4" s="659"/>
      <c r="OD4" s="659"/>
      <c r="OE4" s="659"/>
      <c r="OF4" s="659"/>
      <c r="OG4" s="660"/>
      <c r="OH4" s="614" t="s">
        <v>60</v>
      </c>
      <c r="OI4" s="524"/>
      <c r="OJ4" s="524"/>
      <c r="OK4" s="524"/>
      <c r="OL4" s="524"/>
      <c r="OM4" s="524"/>
      <c r="ON4" s="524"/>
      <c r="OO4" s="524"/>
      <c r="OP4" s="524"/>
      <c r="OQ4" s="524"/>
      <c r="OR4" s="525"/>
    </row>
    <row r="5" spans="1:408" ht="19.5" customHeight="1" thickBot="1" x14ac:dyDescent="0.25">
      <c r="A5" s="698"/>
      <c r="B5" s="701"/>
      <c r="C5" s="701"/>
      <c r="D5" s="701"/>
      <c r="E5" s="701"/>
      <c r="F5" s="701"/>
      <c r="G5" s="701"/>
      <c r="H5" s="701"/>
      <c r="I5" s="701"/>
      <c r="J5" s="701"/>
      <c r="K5" s="701"/>
      <c r="L5" s="701"/>
      <c r="M5" s="705" t="s">
        <v>64</v>
      </c>
      <c r="N5" s="706"/>
      <c r="O5" s="706"/>
      <c r="P5" s="706"/>
      <c r="Q5" s="706"/>
      <c r="R5" s="706"/>
      <c r="S5" s="706"/>
      <c r="T5" s="706"/>
      <c r="U5" s="706"/>
      <c r="V5" s="706"/>
      <c r="W5" s="706"/>
      <c r="X5" s="706"/>
      <c r="Y5" s="706"/>
      <c r="Z5" s="706"/>
      <c r="AA5" s="706"/>
      <c r="AB5" s="706"/>
      <c r="AC5" s="706"/>
      <c r="AD5" s="706"/>
      <c r="AE5" s="706"/>
      <c r="AF5" s="706"/>
      <c r="AG5" s="706"/>
      <c r="AH5" s="706"/>
      <c r="AI5" s="706"/>
      <c r="AJ5" s="706"/>
      <c r="AK5" s="706"/>
      <c r="AL5" s="706"/>
      <c r="AM5" s="706"/>
      <c r="AN5" s="706"/>
      <c r="AO5" s="706"/>
      <c r="AP5" s="706"/>
      <c r="AQ5" s="706"/>
      <c r="AR5" s="706"/>
      <c r="AS5" s="706"/>
      <c r="AT5" s="706"/>
      <c r="AU5" s="706"/>
      <c r="AV5" s="706"/>
      <c r="AW5" s="706"/>
      <c r="AX5" s="706"/>
      <c r="AY5" s="706"/>
      <c r="AZ5" s="706"/>
      <c r="BA5" s="706"/>
      <c r="BB5" s="706"/>
      <c r="BC5" s="706"/>
      <c r="BD5" s="706"/>
      <c r="BE5" s="706"/>
      <c r="BF5" s="706"/>
      <c r="BG5" s="706"/>
      <c r="BH5" s="706"/>
      <c r="BI5" s="706"/>
      <c r="BJ5" s="706"/>
      <c r="BK5" s="706"/>
      <c r="BL5" s="706"/>
      <c r="BM5" s="706"/>
      <c r="BN5" s="706"/>
      <c r="BO5" s="706"/>
      <c r="BP5" s="706"/>
      <c r="BQ5" s="706"/>
      <c r="BR5" s="706"/>
      <c r="BS5" s="706"/>
      <c r="BT5" s="706"/>
      <c r="BU5" s="706"/>
      <c r="BV5" s="706"/>
      <c r="BW5" s="706"/>
      <c r="BX5" s="706"/>
      <c r="BY5" s="706"/>
      <c r="BZ5" s="707"/>
      <c r="CA5" s="705" t="s">
        <v>65</v>
      </c>
      <c r="CB5" s="706"/>
      <c r="CC5" s="706"/>
      <c r="CD5" s="706"/>
      <c r="CE5" s="706"/>
      <c r="CF5" s="706"/>
      <c r="CG5" s="706"/>
      <c r="CH5" s="706"/>
      <c r="CI5" s="706"/>
      <c r="CJ5" s="706"/>
      <c r="CK5" s="706"/>
      <c r="CL5" s="706"/>
      <c r="CM5" s="706"/>
      <c r="CN5" s="706"/>
      <c r="CO5" s="706"/>
      <c r="CP5" s="706"/>
      <c r="CQ5" s="706"/>
      <c r="CR5" s="706"/>
      <c r="CS5" s="706"/>
      <c r="CT5" s="706"/>
      <c r="CU5" s="706"/>
      <c r="CV5" s="706"/>
      <c r="CW5" s="706"/>
      <c r="CX5" s="706"/>
      <c r="CY5" s="706"/>
      <c r="CZ5" s="706"/>
      <c r="DA5" s="706"/>
      <c r="DB5" s="706"/>
      <c r="DC5" s="706"/>
      <c r="DD5" s="706"/>
      <c r="DE5" s="706"/>
      <c r="DF5" s="706"/>
      <c r="DG5" s="707"/>
      <c r="DH5" s="528" t="s">
        <v>66</v>
      </c>
      <c r="DI5" s="529"/>
      <c r="DJ5" s="529"/>
      <c r="DK5" s="529"/>
      <c r="DL5" s="529"/>
      <c r="DM5" s="529"/>
      <c r="DN5" s="529"/>
      <c r="DO5" s="529"/>
      <c r="DP5" s="529"/>
      <c r="DQ5" s="529"/>
      <c r="DR5" s="529"/>
      <c r="DS5" s="529"/>
      <c r="DT5" s="529"/>
      <c r="DU5" s="529"/>
      <c r="DV5" s="529"/>
      <c r="DW5" s="529"/>
      <c r="DX5" s="529"/>
      <c r="DY5" s="529"/>
      <c r="DZ5" s="529"/>
      <c r="EA5" s="529"/>
      <c r="EB5" s="529"/>
      <c r="EC5" s="529"/>
      <c r="ED5" s="529"/>
      <c r="EE5" s="529"/>
      <c r="EF5" s="529"/>
      <c r="EG5" s="529"/>
      <c r="EH5" s="529"/>
      <c r="EI5" s="529"/>
      <c r="EJ5" s="529"/>
      <c r="EK5" s="529"/>
      <c r="EL5" s="529"/>
      <c r="EM5" s="529"/>
      <c r="EN5" s="529"/>
      <c r="EO5" s="529"/>
      <c r="EP5" s="529"/>
      <c r="EQ5" s="529"/>
      <c r="ER5" s="529"/>
      <c r="ES5" s="529"/>
      <c r="ET5" s="529"/>
      <c r="EU5" s="529"/>
      <c r="EV5" s="529"/>
      <c r="EW5" s="529"/>
      <c r="EX5" s="529"/>
      <c r="EY5" s="529"/>
      <c r="EZ5" s="529"/>
      <c r="FA5" s="529"/>
      <c r="FB5" s="529"/>
      <c r="FC5" s="529"/>
      <c r="FD5" s="529"/>
      <c r="FE5" s="529"/>
      <c r="FF5" s="529"/>
      <c r="FG5" s="529"/>
      <c r="FH5" s="529"/>
      <c r="FI5" s="529"/>
      <c r="FJ5" s="530"/>
      <c r="FK5" s="705" t="s">
        <v>67</v>
      </c>
      <c r="FL5" s="706"/>
      <c r="FM5" s="706"/>
      <c r="FN5" s="706"/>
      <c r="FO5" s="706"/>
      <c r="FP5" s="706"/>
      <c r="FQ5" s="706"/>
      <c r="FR5" s="706"/>
      <c r="FS5" s="706"/>
      <c r="FT5" s="706"/>
      <c r="FU5" s="706"/>
      <c r="FV5" s="706"/>
      <c r="FW5" s="706"/>
      <c r="FX5" s="706"/>
      <c r="FY5" s="706"/>
      <c r="FZ5" s="706"/>
      <c r="GA5" s="706"/>
      <c r="GB5" s="706"/>
      <c r="GC5" s="706"/>
      <c r="GD5" s="706"/>
      <c r="GE5" s="706"/>
      <c r="GF5" s="706"/>
      <c r="GG5" s="706"/>
      <c r="GH5" s="706"/>
      <c r="GI5" s="706"/>
      <c r="GJ5" s="706"/>
      <c r="GK5" s="706"/>
      <c r="GL5" s="706"/>
      <c r="GM5" s="706"/>
      <c r="GN5" s="706"/>
      <c r="GO5" s="706"/>
      <c r="GP5" s="706"/>
      <c r="GQ5" s="706"/>
      <c r="GR5" s="706"/>
      <c r="GS5" s="706"/>
      <c r="GT5" s="706"/>
      <c r="GU5" s="706"/>
      <c r="GV5" s="706"/>
      <c r="GW5" s="706"/>
      <c r="GX5" s="706"/>
      <c r="GY5" s="706"/>
      <c r="GZ5" s="706"/>
      <c r="HA5" s="706"/>
      <c r="HB5" s="707"/>
      <c r="HC5" s="708" t="s">
        <v>68</v>
      </c>
      <c r="HD5" s="709"/>
      <c r="HE5" s="709"/>
      <c r="HF5" s="709"/>
      <c r="HG5" s="709"/>
      <c r="HH5" s="709"/>
      <c r="HI5" s="709"/>
      <c r="HJ5" s="709"/>
      <c r="HK5" s="709"/>
      <c r="HL5" s="709"/>
      <c r="HM5" s="710"/>
      <c r="HN5" s="708" t="s">
        <v>69</v>
      </c>
      <c r="HO5" s="709"/>
      <c r="HP5" s="709"/>
      <c r="HQ5" s="709"/>
      <c r="HR5" s="709"/>
      <c r="HS5" s="709"/>
      <c r="HT5" s="709"/>
      <c r="HU5" s="709"/>
      <c r="HV5" s="709"/>
      <c r="HW5" s="709"/>
      <c r="HX5" s="710"/>
      <c r="HY5" s="637"/>
      <c r="HZ5" s="638"/>
      <c r="IA5" s="638"/>
      <c r="IB5" s="638"/>
      <c r="IC5" s="638"/>
      <c r="ID5" s="638"/>
      <c r="IE5" s="638"/>
      <c r="IF5" s="638"/>
      <c r="IG5" s="638"/>
      <c r="IH5" s="638"/>
      <c r="II5" s="639"/>
      <c r="IJ5" s="614" t="s">
        <v>94</v>
      </c>
      <c r="IK5" s="524"/>
      <c r="IL5" s="524"/>
      <c r="IM5" s="524"/>
      <c r="IN5" s="524"/>
      <c r="IO5" s="524"/>
      <c r="IP5" s="524"/>
      <c r="IQ5" s="524"/>
      <c r="IR5" s="524"/>
      <c r="IS5" s="524"/>
      <c r="IT5" s="525"/>
      <c r="IU5" s="614" t="s">
        <v>88</v>
      </c>
      <c r="IV5" s="524"/>
      <c r="IW5" s="524"/>
      <c r="IX5" s="524"/>
      <c r="IY5" s="524"/>
      <c r="IZ5" s="524"/>
      <c r="JA5" s="524"/>
      <c r="JB5" s="524"/>
      <c r="JC5" s="524"/>
      <c r="JD5" s="524"/>
      <c r="JE5" s="525"/>
      <c r="JF5" s="643" t="s">
        <v>144</v>
      </c>
      <c r="JG5" s="644"/>
      <c r="JH5" s="644"/>
      <c r="JI5" s="644"/>
      <c r="JJ5" s="644"/>
      <c r="JK5" s="644"/>
      <c r="JL5" s="644"/>
      <c r="JM5" s="644"/>
      <c r="JN5" s="644"/>
      <c r="JO5" s="644"/>
      <c r="JP5" s="645"/>
      <c r="JQ5" s="614" t="s">
        <v>90</v>
      </c>
      <c r="JR5" s="524"/>
      <c r="JS5" s="524"/>
      <c r="JT5" s="524"/>
      <c r="JU5" s="524"/>
      <c r="JV5" s="524"/>
      <c r="JW5" s="524"/>
      <c r="JX5" s="524"/>
      <c r="JY5" s="524"/>
      <c r="JZ5" s="524"/>
      <c r="KA5" s="525"/>
      <c r="KB5" s="614" t="s">
        <v>89</v>
      </c>
      <c r="KC5" s="524"/>
      <c r="KD5" s="524"/>
      <c r="KE5" s="524"/>
      <c r="KF5" s="524"/>
      <c r="KG5" s="524"/>
      <c r="KH5" s="524"/>
      <c r="KI5" s="524"/>
      <c r="KJ5" s="524"/>
      <c r="KK5" s="524"/>
      <c r="KL5" s="525"/>
      <c r="KM5" s="614" t="s">
        <v>91</v>
      </c>
      <c r="KN5" s="524"/>
      <c r="KO5" s="524"/>
      <c r="KP5" s="524"/>
      <c r="KQ5" s="524"/>
      <c r="KR5" s="524"/>
      <c r="KS5" s="524"/>
      <c r="KT5" s="524"/>
      <c r="KU5" s="524"/>
      <c r="KV5" s="524"/>
      <c r="KW5" s="525"/>
      <c r="KX5" s="614" t="s">
        <v>92</v>
      </c>
      <c r="KY5" s="524"/>
      <c r="KZ5" s="524"/>
      <c r="LA5" s="524"/>
      <c r="LB5" s="524"/>
      <c r="LC5" s="524"/>
      <c r="LD5" s="524"/>
      <c r="LE5" s="524"/>
      <c r="LF5" s="524"/>
      <c r="LG5" s="524"/>
      <c r="LH5" s="525"/>
      <c r="LI5" s="649" t="s">
        <v>93</v>
      </c>
      <c r="LJ5" s="650"/>
      <c r="LK5" s="650"/>
      <c r="LL5" s="650"/>
      <c r="LM5" s="650"/>
      <c r="LN5" s="650"/>
      <c r="LO5" s="650"/>
      <c r="LP5" s="650"/>
      <c r="LQ5" s="650"/>
      <c r="LR5" s="650"/>
      <c r="LS5" s="651"/>
      <c r="LT5" s="652" t="s">
        <v>145</v>
      </c>
      <c r="LU5" s="653"/>
      <c r="LV5" s="653"/>
      <c r="LW5" s="653"/>
      <c r="LX5" s="653"/>
      <c r="LY5" s="653"/>
      <c r="LZ5" s="653"/>
      <c r="MA5" s="653"/>
      <c r="MB5" s="653"/>
      <c r="MC5" s="653"/>
      <c r="MD5" s="654"/>
      <c r="ME5" s="637"/>
      <c r="MF5" s="638"/>
      <c r="MG5" s="638"/>
      <c r="MH5" s="638"/>
      <c r="MI5" s="638"/>
      <c r="MJ5" s="638"/>
      <c r="MK5" s="638"/>
      <c r="ML5" s="638"/>
      <c r="MM5" s="638"/>
      <c r="MN5" s="638"/>
      <c r="MO5" s="639"/>
      <c r="MP5" s="614" t="s">
        <v>57</v>
      </c>
      <c r="MQ5" s="524"/>
      <c r="MR5" s="524"/>
      <c r="MS5" s="524"/>
      <c r="MT5" s="524"/>
      <c r="MU5" s="524"/>
      <c r="MV5" s="524"/>
      <c r="MW5" s="524"/>
      <c r="MX5" s="524"/>
      <c r="MY5" s="524"/>
      <c r="MZ5" s="525"/>
      <c r="NA5" s="614" t="s">
        <v>58</v>
      </c>
      <c r="NB5" s="524"/>
      <c r="NC5" s="524"/>
      <c r="ND5" s="524"/>
      <c r="NE5" s="524"/>
      <c r="NF5" s="524"/>
      <c r="NG5" s="524"/>
      <c r="NH5" s="524"/>
      <c r="NI5" s="524"/>
      <c r="NJ5" s="524"/>
      <c r="NK5" s="525"/>
      <c r="NL5" s="614" t="s">
        <v>59</v>
      </c>
      <c r="NM5" s="524"/>
      <c r="NN5" s="524"/>
      <c r="NO5" s="524"/>
      <c r="NP5" s="524"/>
      <c r="NQ5" s="524"/>
      <c r="NR5" s="524"/>
      <c r="NS5" s="524"/>
      <c r="NT5" s="524"/>
      <c r="NU5" s="524"/>
      <c r="NV5" s="525"/>
      <c r="NW5" s="662" t="s">
        <v>151</v>
      </c>
      <c r="NX5" s="663"/>
      <c r="NY5" s="663"/>
      <c r="NZ5" s="663"/>
      <c r="OA5" s="663"/>
      <c r="OB5" s="663"/>
      <c r="OC5" s="663"/>
      <c r="OD5" s="663"/>
      <c r="OE5" s="663"/>
      <c r="OF5" s="663"/>
      <c r="OG5" s="664"/>
      <c r="OH5" s="634"/>
      <c r="OI5" s="635"/>
      <c r="OJ5" s="635"/>
      <c r="OK5" s="635"/>
      <c r="OL5" s="635"/>
      <c r="OM5" s="635"/>
      <c r="ON5" s="635"/>
      <c r="OO5" s="635"/>
      <c r="OP5" s="635"/>
      <c r="OQ5" s="635"/>
      <c r="OR5" s="636"/>
    </row>
    <row r="6" spans="1:408" ht="19.5" customHeight="1" thickBot="1" x14ac:dyDescent="0.25">
      <c r="A6" s="698"/>
      <c r="B6" s="702"/>
      <c r="C6" s="702"/>
      <c r="D6" s="702"/>
      <c r="E6" s="702"/>
      <c r="F6" s="702"/>
      <c r="G6" s="702"/>
      <c r="H6" s="702"/>
      <c r="I6" s="702"/>
      <c r="J6" s="702"/>
      <c r="K6" s="702"/>
      <c r="L6" s="702"/>
      <c r="M6" s="537"/>
      <c r="N6" s="538"/>
      <c r="O6" s="538"/>
      <c r="P6" s="538"/>
      <c r="Q6" s="538"/>
      <c r="R6" s="538"/>
      <c r="S6" s="538"/>
      <c r="T6" s="538"/>
      <c r="U6" s="538"/>
      <c r="V6" s="538"/>
      <c r="W6" s="539"/>
      <c r="X6" s="717" t="s">
        <v>70</v>
      </c>
      <c r="Y6" s="541"/>
      <c r="Z6" s="541"/>
      <c r="AA6" s="541"/>
      <c r="AB6" s="541"/>
      <c r="AC6" s="541"/>
      <c r="AD6" s="541"/>
      <c r="AE6" s="541"/>
      <c r="AF6" s="541"/>
      <c r="AG6" s="541"/>
      <c r="AH6" s="542"/>
      <c r="AI6" s="714" t="s">
        <v>71</v>
      </c>
      <c r="AJ6" s="715"/>
      <c r="AK6" s="715"/>
      <c r="AL6" s="715"/>
      <c r="AM6" s="715"/>
      <c r="AN6" s="715"/>
      <c r="AO6" s="715"/>
      <c r="AP6" s="715"/>
      <c r="AQ6" s="715"/>
      <c r="AR6" s="715"/>
      <c r="AS6" s="716"/>
      <c r="AT6" s="714" t="s">
        <v>72</v>
      </c>
      <c r="AU6" s="715"/>
      <c r="AV6" s="715"/>
      <c r="AW6" s="715"/>
      <c r="AX6" s="715"/>
      <c r="AY6" s="715"/>
      <c r="AZ6" s="715"/>
      <c r="BA6" s="715"/>
      <c r="BB6" s="715"/>
      <c r="BC6" s="715"/>
      <c r="BD6" s="716"/>
      <c r="BE6" s="714" t="s">
        <v>73</v>
      </c>
      <c r="BF6" s="715"/>
      <c r="BG6" s="715"/>
      <c r="BH6" s="715"/>
      <c r="BI6" s="715"/>
      <c r="BJ6" s="715"/>
      <c r="BK6" s="715"/>
      <c r="BL6" s="715"/>
      <c r="BM6" s="715"/>
      <c r="BN6" s="715"/>
      <c r="BO6" s="716"/>
      <c r="BP6" s="714" t="s">
        <v>74</v>
      </c>
      <c r="BQ6" s="715"/>
      <c r="BR6" s="715"/>
      <c r="BS6" s="715"/>
      <c r="BT6" s="715"/>
      <c r="BU6" s="715"/>
      <c r="BV6" s="715"/>
      <c r="BW6" s="715"/>
      <c r="BX6" s="715"/>
      <c r="BY6" s="715"/>
      <c r="BZ6" s="716"/>
      <c r="CA6" s="718"/>
      <c r="CB6" s="719"/>
      <c r="CC6" s="719"/>
      <c r="CD6" s="719"/>
      <c r="CE6" s="719"/>
      <c r="CF6" s="719"/>
      <c r="CG6" s="719"/>
      <c r="CH6" s="719"/>
      <c r="CI6" s="719"/>
      <c r="CJ6" s="719"/>
      <c r="CK6" s="720"/>
      <c r="CL6" s="714" t="s">
        <v>75</v>
      </c>
      <c r="CM6" s="715"/>
      <c r="CN6" s="715"/>
      <c r="CO6" s="715"/>
      <c r="CP6" s="715"/>
      <c r="CQ6" s="715"/>
      <c r="CR6" s="715"/>
      <c r="CS6" s="715"/>
      <c r="CT6" s="715"/>
      <c r="CU6" s="715"/>
      <c r="CV6" s="716"/>
      <c r="CW6" s="714" t="s">
        <v>76</v>
      </c>
      <c r="CX6" s="715"/>
      <c r="CY6" s="715"/>
      <c r="CZ6" s="715"/>
      <c r="DA6" s="715"/>
      <c r="DB6" s="715"/>
      <c r="DC6" s="715"/>
      <c r="DD6" s="715"/>
      <c r="DE6" s="715"/>
      <c r="DF6" s="715"/>
      <c r="DG6" s="716"/>
      <c r="DH6" s="718"/>
      <c r="DI6" s="719"/>
      <c r="DJ6" s="719"/>
      <c r="DK6" s="719"/>
      <c r="DL6" s="719"/>
      <c r="DM6" s="719"/>
      <c r="DN6" s="719"/>
      <c r="DO6" s="719"/>
      <c r="DP6" s="719"/>
      <c r="DQ6" s="719"/>
      <c r="DR6" s="719"/>
      <c r="DS6" s="714" t="s">
        <v>77</v>
      </c>
      <c r="DT6" s="715"/>
      <c r="DU6" s="715"/>
      <c r="DV6" s="715"/>
      <c r="DW6" s="715"/>
      <c r="DX6" s="715"/>
      <c r="DY6" s="715"/>
      <c r="DZ6" s="715"/>
      <c r="EA6" s="715"/>
      <c r="EB6" s="715"/>
      <c r="EC6" s="716"/>
      <c r="ED6" s="714" t="s">
        <v>78</v>
      </c>
      <c r="EE6" s="715"/>
      <c r="EF6" s="715"/>
      <c r="EG6" s="715"/>
      <c r="EH6" s="715"/>
      <c r="EI6" s="715"/>
      <c r="EJ6" s="715"/>
      <c r="EK6" s="715"/>
      <c r="EL6" s="715"/>
      <c r="EM6" s="715"/>
      <c r="EN6" s="716"/>
      <c r="EO6" s="714" t="s">
        <v>79</v>
      </c>
      <c r="EP6" s="715"/>
      <c r="EQ6" s="715"/>
      <c r="ER6" s="715"/>
      <c r="ES6" s="715"/>
      <c r="ET6" s="715"/>
      <c r="EU6" s="715"/>
      <c r="EV6" s="715"/>
      <c r="EW6" s="715"/>
      <c r="EX6" s="715"/>
      <c r="EY6" s="716"/>
      <c r="EZ6" s="696" t="s">
        <v>152</v>
      </c>
      <c r="FA6" s="715"/>
      <c r="FB6" s="715"/>
      <c r="FC6" s="715"/>
      <c r="FD6" s="715"/>
      <c r="FE6" s="715"/>
      <c r="FF6" s="715"/>
      <c r="FG6" s="715"/>
      <c r="FH6" s="715"/>
      <c r="FI6" s="715"/>
      <c r="FJ6" s="716"/>
      <c r="FK6" s="718"/>
      <c r="FL6" s="719"/>
      <c r="FM6" s="719"/>
      <c r="FN6" s="719"/>
      <c r="FO6" s="719"/>
      <c r="FP6" s="719"/>
      <c r="FQ6" s="719"/>
      <c r="FR6" s="719"/>
      <c r="FS6" s="719"/>
      <c r="FT6" s="719"/>
      <c r="FU6" s="719"/>
      <c r="FV6" s="714" t="s">
        <v>80</v>
      </c>
      <c r="FW6" s="715"/>
      <c r="FX6" s="715"/>
      <c r="FY6" s="715"/>
      <c r="FZ6" s="715"/>
      <c r="GA6" s="715"/>
      <c r="GB6" s="715"/>
      <c r="GC6" s="715"/>
      <c r="GD6" s="715"/>
      <c r="GE6" s="715"/>
      <c r="GF6" s="716"/>
      <c r="GG6" s="717" t="s">
        <v>81</v>
      </c>
      <c r="GH6" s="541"/>
      <c r="GI6" s="541"/>
      <c r="GJ6" s="541"/>
      <c r="GK6" s="541"/>
      <c r="GL6" s="541"/>
      <c r="GM6" s="541"/>
      <c r="GN6" s="541"/>
      <c r="GO6" s="541"/>
      <c r="GP6" s="541"/>
      <c r="GQ6" s="542"/>
      <c r="GR6" s="717" t="s">
        <v>82</v>
      </c>
      <c r="GS6" s="541"/>
      <c r="GT6" s="541"/>
      <c r="GU6" s="541"/>
      <c r="GV6" s="541"/>
      <c r="GW6" s="541"/>
      <c r="GX6" s="541"/>
      <c r="GY6" s="541"/>
      <c r="GZ6" s="541"/>
      <c r="HA6" s="541"/>
      <c r="HB6" s="542"/>
      <c r="HC6" s="711"/>
      <c r="HD6" s="712"/>
      <c r="HE6" s="712"/>
      <c r="HF6" s="712"/>
      <c r="HG6" s="712"/>
      <c r="HH6" s="712"/>
      <c r="HI6" s="712"/>
      <c r="HJ6" s="712"/>
      <c r="HK6" s="712"/>
      <c r="HL6" s="712"/>
      <c r="HM6" s="713"/>
      <c r="HN6" s="711"/>
      <c r="HO6" s="712"/>
      <c r="HP6" s="712"/>
      <c r="HQ6" s="712"/>
      <c r="HR6" s="712"/>
      <c r="HS6" s="712"/>
      <c r="HT6" s="712"/>
      <c r="HU6" s="712"/>
      <c r="HV6" s="712"/>
      <c r="HW6" s="712"/>
      <c r="HX6" s="713"/>
      <c r="HY6" s="640"/>
      <c r="HZ6" s="641"/>
      <c r="IA6" s="641"/>
      <c r="IB6" s="641"/>
      <c r="IC6" s="641"/>
      <c r="ID6" s="641"/>
      <c r="IE6" s="641"/>
      <c r="IF6" s="641"/>
      <c r="IG6" s="641"/>
      <c r="IH6" s="641"/>
      <c r="II6" s="642"/>
      <c r="IJ6" s="615"/>
      <c r="IK6" s="606"/>
      <c r="IL6" s="606"/>
      <c r="IM6" s="606"/>
      <c r="IN6" s="606"/>
      <c r="IO6" s="606"/>
      <c r="IP6" s="606"/>
      <c r="IQ6" s="606"/>
      <c r="IR6" s="606"/>
      <c r="IS6" s="606"/>
      <c r="IT6" s="616"/>
      <c r="IU6" s="615"/>
      <c r="IV6" s="606"/>
      <c r="IW6" s="606"/>
      <c r="IX6" s="606"/>
      <c r="IY6" s="606"/>
      <c r="IZ6" s="606"/>
      <c r="JA6" s="606"/>
      <c r="JB6" s="606"/>
      <c r="JC6" s="606"/>
      <c r="JD6" s="606"/>
      <c r="JE6" s="616"/>
      <c r="JF6" s="646"/>
      <c r="JG6" s="647"/>
      <c r="JH6" s="647"/>
      <c r="JI6" s="647"/>
      <c r="JJ6" s="647"/>
      <c r="JK6" s="647"/>
      <c r="JL6" s="647"/>
      <c r="JM6" s="647"/>
      <c r="JN6" s="647"/>
      <c r="JO6" s="647"/>
      <c r="JP6" s="648"/>
      <c r="JQ6" s="615"/>
      <c r="JR6" s="606"/>
      <c r="JS6" s="606"/>
      <c r="JT6" s="606"/>
      <c r="JU6" s="606"/>
      <c r="JV6" s="606"/>
      <c r="JW6" s="606"/>
      <c r="JX6" s="606"/>
      <c r="JY6" s="606"/>
      <c r="JZ6" s="606"/>
      <c r="KA6" s="616"/>
      <c r="KB6" s="615"/>
      <c r="KC6" s="606"/>
      <c r="KD6" s="606"/>
      <c r="KE6" s="606"/>
      <c r="KF6" s="606"/>
      <c r="KG6" s="606"/>
      <c r="KH6" s="606"/>
      <c r="KI6" s="606"/>
      <c r="KJ6" s="606"/>
      <c r="KK6" s="606"/>
      <c r="KL6" s="616"/>
      <c r="KM6" s="615"/>
      <c r="KN6" s="606"/>
      <c r="KO6" s="606"/>
      <c r="KP6" s="606"/>
      <c r="KQ6" s="606"/>
      <c r="KR6" s="606"/>
      <c r="KS6" s="606"/>
      <c r="KT6" s="606"/>
      <c r="KU6" s="606"/>
      <c r="KV6" s="606"/>
      <c r="KW6" s="616"/>
      <c r="KX6" s="615"/>
      <c r="KY6" s="606"/>
      <c r="KZ6" s="606"/>
      <c r="LA6" s="606"/>
      <c r="LB6" s="606"/>
      <c r="LC6" s="606"/>
      <c r="LD6" s="606"/>
      <c r="LE6" s="606"/>
      <c r="LF6" s="606"/>
      <c r="LG6" s="606"/>
      <c r="LH6" s="616"/>
      <c r="LI6" s="640"/>
      <c r="LJ6" s="641"/>
      <c r="LK6" s="641"/>
      <c r="LL6" s="641"/>
      <c r="LM6" s="641"/>
      <c r="LN6" s="641"/>
      <c r="LO6" s="641"/>
      <c r="LP6" s="641"/>
      <c r="LQ6" s="641"/>
      <c r="LR6" s="641"/>
      <c r="LS6" s="642"/>
      <c r="LT6" s="655"/>
      <c r="LU6" s="656"/>
      <c r="LV6" s="656"/>
      <c r="LW6" s="656"/>
      <c r="LX6" s="656"/>
      <c r="LY6" s="656"/>
      <c r="LZ6" s="656"/>
      <c r="MA6" s="656"/>
      <c r="MB6" s="656"/>
      <c r="MC6" s="656"/>
      <c r="MD6" s="657"/>
      <c r="ME6" s="640"/>
      <c r="MF6" s="641"/>
      <c r="MG6" s="641"/>
      <c r="MH6" s="641"/>
      <c r="MI6" s="641"/>
      <c r="MJ6" s="641"/>
      <c r="MK6" s="641"/>
      <c r="ML6" s="641"/>
      <c r="MM6" s="641"/>
      <c r="MN6" s="641"/>
      <c r="MO6" s="642"/>
      <c r="MP6" s="615"/>
      <c r="MQ6" s="606"/>
      <c r="MR6" s="606"/>
      <c r="MS6" s="606"/>
      <c r="MT6" s="606"/>
      <c r="MU6" s="606"/>
      <c r="MV6" s="606"/>
      <c r="MW6" s="606"/>
      <c r="MX6" s="606"/>
      <c r="MY6" s="606"/>
      <c r="MZ6" s="616"/>
      <c r="NA6" s="615"/>
      <c r="NB6" s="606"/>
      <c r="NC6" s="606"/>
      <c r="ND6" s="606"/>
      <c r="NE6" s="606"/>
      <c r="NF6" s="606"/>
      <c r="NG6" s="606"/>
      <c r="NH6" s="606"/>
      <c r="NI6" s="606"/>
      <c r="NJ6" s="606"/>
      <c r="NK6" s="616"/>
      <c r="NL6" s="615"/>
      <c r="NM6" s="606"/>
      <c r="NN6" s="606"/>
      <c r="NO6" s="606"/>
      <c r="NP6" s="606"/>
      <c r="NQ6" s="606"/>
      <c r="NR6" s="606"/>
      <c r="NS6" s="606"/>
      <c r="NT6" s="606"/>
      <c r="NU6" s="606"/>
      <c r="NV6" s="616"/>
      <c r="NW6" s="665"/>
      <c r="NX6" s="666"/>
      <c r="NY6" s="666"/>
      <c r="NZ6" s="666"/>
      <c r="OA6" s="666"/>
      <c r="OB6" s="666"/>
      <c r="OC6" s="666"/>
      <c r="OD6" s="666"/>
      <c r="OE6" s="666"/>
      <c r="OF6" s="666"/>
      <c r="OG6" s="667"/>
      <c r="OH6" s="615"/>
      <c r="OI6" s="606"/>
      <c r="OJ6" s="606"/>
      <c r="OK6" s="606"/>
      <c r="OL6" s="606"/>
      <c r="OM6" s="606"/>
      <c r="ON6" s="606"/>
      <c r="OO6" s="606"/>
      <c r="OP6" s="606"/>
      <c r="OQ6" s="606"/>
      <c r="OR6" s="616"/>
    </row>
    <row r="7" spans="1:408" ht="23.25" customHeight="1" x14ac:dyDescent="0.2">
      <c r="A7" s="698"/>
      <c r="B7" s="721" t="s">
        <v>61</v>
      </c>
      <c r="C7" s="721"/>
      <c r="D7" s="721"/>
      <c r="E7" s="722" t="s">
        <v>62</v>
      </c>
      <c r="F7" s="721"/>
      <c r="G7" s="721"/>
      <c r="H7" s="721"/>
      <c r="I7" s="721"/>
      <c r="J7" s="721"/>
      <c r="K7" s="721"/>
      <c r="L7" s="722" t="s">
        <v>52</v>
      </c>
      <c r="M7" s="724" t="s">
        <v>61</v>
      </c>
      <c r="N7" s="721"/>
      <c r="O7" s="721"/>
      <c r="P7" s="722" t="s">
        <v>62</v>
      </c>
      <c r="Q7" s="721"/>
      <c r="R7" s="721"/>
      <c r="S7" s="721"/>
      <c r="T7" s="721"/>
      <c r="U7" s="721"/>
      <c r="V7" s="725"/>
      <c r="W7" s="729" t="s">
        <v>52</v>
      </c>
      <c r="X7" s="537" t="s">
        <v>61</v>
      </c>
      <c r="Y7" s="538"/>
      <c r="Z7" s="731"/>
      <c r="AA7" s="732" t="s">
        <v>62</v>
      </c>
      <c r="AB7" s="538"/>
      <c r="AC7" s="538"/>
      <c r="AD7" s="538"/>
      <c r="AE7" s="538"/>
      <c r="AF7" s="538"/>
      <c r="AG7" s="731"/>
      <c r="AH7" s="539" t="s">
        <v>52</v>
      </c>
      <c r="AI7" s="734" t="s">
        <v>61</v>
      </c>
      <c r="AJ7" s="727"/>
      <c r="AK7" s="735"/>
      <c r="AL7" s="726" t="s">
        <v>62</v>
      </c>
      <c r="AM7" s="727"/>
      <c r="AN7" s="727"/>
      <c r="AO7" s="727"/>
      <c r="AP7" s="727"/>
      <c r="AQ7" s="727"/>
      <c r="AR7" s="728"/>
      <c r="AS7" s="539" t="s">
        <v>52</v>
      </c>
      <c r="AT7" s="734" t="s">
        <v>61</v>
      </c>
      <c r="AU7" s="727"/>
      <c r="AV7" s="735"/>
      <c r="AW7" s="726" t="s">
        <v>62</v>
      </c>
      <c r="AX7" s="727"/>
      <c r="AY7" s="727"/>
      <c r="AZ7" s="727"/>
      <c r="BA7" s="727"/>
      <c r="BB7" s="727"/>
      <c r="BC7" s="728"/>
      <c r="BD7" s="539" t="s">
        <v>52</v>
      </c>
      <c r="BE7" s="734" t="s">
        <v>61</v>
      </c>
      <c r="BF7" s="727"/>
      <c r="BG7" s="735"/>
      <c r="BH7" s="726" t="s">
        <v>62</v>
      </c>
      <c r="BI7" s="727"/>
      <c r="BJ7" s="727"/>
      <c r="BK7" s="727"/>
      <c r="BL7" s="727"/>
      <c r="BM7" s="727"/>
      <c r="BN7" s="728"/>
      <c r="BO7" s="539" t="s">
        <v>52</v>
      </c>
      <c r="BP7" s="734" t="s">
        <v>61</v>
      </c>
      <c r="BQ7" s="727"/>
      <c r="BR7" s="735"/>
      <c r="BS7" s="726" t="s">
        <v>62</v>
      </c>
      <c r="BT7" s="727"/>
      <c r="BU7" s="727"/>
      <c r="BV7" s="727"/>
      <c r="BW7" s="727"/>
      <c r="BX7" s="727"/>
      <c r="BY7" s="728"/>
      <c r="BZ7" s="539" t="s">
        <v>52</v>
      </c>
      <c r="CA7" s="736" t="s">
        <v>61</v>
      </c>
      <c r="CB7" s="737"/>
      <c r="CC7" s="738"/>
      <c r="CD7" s="739" t="s">
        <v>62</v>
      </c>
      <c r="CE7" s="737"/>
      <c r="CF7" s="737"/>
      <c r="CG7" s="737"/>
      <c r="CH7" s="737"/>
      <c r="CI7" s="737"/>
      <c r="CJ7" s="740"/>
      <c r="CK7" s="729" t="s">
        <v>52</v>
      </c>
      <c r="CL7" s="734" t="s">
        <v>61</v>
      </c>
      <c r="CM7" s="727"/>
      <c r="CN7" s="728"/>
      <c r="CO7" s="726" t="s">
        <v>62</v>
      </c>
      <c r="CP7" s="727"/>
      <c r="CQ7" s="727"/>
      <c r="CR7" s="727"/>
      <c r="CS7" s="727"/>
      <c r="CT7" s="727"/>
      <c r="CU7" s="728"/>
      <c r="CV7" s="741" t="s">
        <v>52</v>
      </c>
      <c r="CW7" s="734" t="s">
        <v>61</v>
      </c>
      <c r="CX7" s="727"/>
      <c r="CY7" s="728"/>
      <c r="CZ7" s="726" t="s">
        <v>62</v>
      </c>
      <c r="DA7" s="727"/>
      <c r="DB7" s="727"/>
      <c r="DC7" s="727"/>
      <c r="DD7" s="727"/>
      <c r="DE7" s="727"/>
      <c r="DF7" s="728"/>
      <c r="DG7" s="741" t="s">
        <v>52</v>
      </c>
      <c r="DH7" s="736" t="s">
        <v>61</v>
      </c>
      <c r="DI7" s="737"/>
      <c r="DJ7" s="740"/>
      <c r="DK7" s="739" t="s">
        <v>62</v>
      </c>
      <c r="DL7" s="737"/>
      <c r="DM7" s="737"/>
      <c r="DN7" s="737"/>
      <c r="DO7" s="737"/>
      <c r="DP7" s="737"/>
      <c r="DQ7" s="740"/>
      <c r="DR7" s="729" t="s">
        <v>52</v>
      </c>
      <c r="DS7" s="734" t="s">
        <v>61</v>
      </c>
      <c r="DT7" s="727"/>
      <c r="DU7" s="735"/>
      <c r="DV7" s="726" t="s">
        <v>62</v>
      </c>
      <c r="DW7" s="727"/>
      <c r="DX7" s="727"/>
      <c r="DY7" s="727"/>
      <c r="DZ7" s="727"/>
      <c r="EA7" s="727"/>
      <c r="EB7" s="728"/>
      <c r="EC7" s="539" t="s">
        <v>52</v>
      </c>
      <c r="ED7" s="734" t="s">
        <v>61</v>
      </c>
      <c r="EE7" s="727"/>
      <c r="EF7" s="735"/>
      <c r="EG7" s="726" t="s">
        <v>62</v>
      </c>
      <c r="EH7" s="727"/>
      <c r="EI7" s="727"/>
      <c r="EJ7" s="727"/>
      <c r="EK7" s="727"/>
      <c r="EL7" s="727"/>
      <c r="EM7" s="728"/>
      <c r="EN7" s="539" t="s">
        <v>52</v>
      </c>
      <c r="EO7" s="734" t="s">
        <v>61</v>
      </c>
      <c r="EP7" s="727"/>
      <c r="EQ7" s="735"/>
      <c r="ER7" s="726" t="s">
        <v>62</v>
      </c>
      <c r="ES7" s="727"/>
      <c r="ET7" s="727"/>
      <c r="EU7" s="727"/>
      <c r="EV7" s="727"/>
      <c r="EW7" s="727"/>
      <c r="EX7" s="728"/>
      <c r="EY7" s="539" t="s">
        <v>52</v>
      </c>
      <c r="EZ7" s="734" t="s">
        <v>61</v>
      </c>
      <c r="FA7" s="727"/>
      <c r="FB7" s="735"/>
      <c r="FC7" s="726" t="s">
        <v>62</v>
      </c>
      <c r="FD7" s="727"/>
      <c r="FE7" s="727"/>
      <c r="FF7" s="727"/>
      <c r="FG7" s="727"/>
      <c r="FH7" s="727"/>
      <c r="FI7" s="728"/>
      <c r="FJ7" s="539" t="s">
        <v>52</v>
      </c>
      <c r="FK7" s="736" t="s">
        <v>61</v>
      </c>
      <c r="FL7" s="737"/>
      <c r="FM7" s="738"/>
      <c r="FN7" s="739" t="s">
        <v>62</v>
      </c>
      <c r="FO7" s="737"/>
      <c r="FP7" s="737"/>
      <c r="FQ7" s="737"/>
      <c r="FR7" s="737"/>
      <c r="FS7" s="737"/>
      <c r="FT7" s="740"/>
      <c r="FU7" s="721" t="s">
        <v>52</v>
      </c>
      <c r="FV7" s="734" t="s">
        <v>61</v>
      </c>
      <c r="FW7" s="727"/>
      <c r="FX7" s="735"/>
      <c r="FY7" s="726" t="s">
        <v>62</v>
      </c>
      <c r="FZ7" s="727"/>
      <c r="GA7" s="727"/>
      <c r="GB7" s="727"/>
      <c r="GC7" s="727"/>
      <c r="GD7" s="727"/>
      <c r="GE7" s="728"/>
      <c r="GF7" s="539" t="s">
        <v>52</v>
      </c>
      <c r="GG7" s="537" t="s">
        <v>61</v>
      </c>
      <c r="GH7" s="538"/>
      <c r="GI7" s="538"/>
      <c r="GJ7" s="732" t="s">
        <v>62</v>
      </c>
      <c r="GK7" s="538"/>
      <c r="GL7" s="538"/>
      <c r="GM7" s="538"/>
      <c r="GN7" s="538"/>
      <c r="GO7" s="538"/>
      <c r="GP7" s="731"/>
      <c r="GQ7" s="742" t="s">
        <v>52</v>
      </c>
      <c r="GR7" s="537" t="s">
        <v>61</v>
      </c>
      <c r="GS7" s="538"/>
      <c r="GT7" s="731"/>
      <c r="GU7" s="732" t="s">
        <v>62</v>
      </c>
      <c r="GV7" s="538"/>
      <c r="GW7" s="538"/>
      <c r="GX7" s="538"/>
      <c r="GY7" s="538"/>
      <c r="GZ7" s="538"/>
      <c r="HA7" s="731"/>
      <c r="HB7" s="742" t="s">
        <v>52</v>
      </c>
      <c r="HC7" s="734" t="s">
        <v>61</v>
      </c>
      <c r="HD7" s="727"/>
      <c r="HE7" s="735"/>
      <c r="HF7" s="726" t="s">
        <v>62</v>
      </c>
      <c r="HG7" s="727"/>
      <c r="HH7" s="727"/>
      <c r="HI7" s="727"/>
      <c r="HJ7" s="727"/>
      <c r="HK7" s="727"/>
      <c r="HL7" s="728"/>
      <c r="HM7" s="539" t="s">
        <v>52</v>
      </c>
      <c r="HN7" s="734" t="s">
        <v>61</v>
      </c>
      <c r="HO7" s="727"/>
      <c r="HP7" s="735"/>
      <c r="HQ7" s="726" t="s">
        <v>62</v>
      </c>
      <c r="HR7" s="727"/>
      <c r="HS7" s="727"/>
      <c r="HT7" s="727"/>
      <c r="HU7" s="727"/>
      <c r="HV7" s="727"/>
      <c r="HW7" s="728"/>
      <c r="HX7" s="539" t="s">
        <v>52</v>
      </c>
      <c r="HY7" s="593" t="s">
        <v>61</v>
      </c>
      <c r="HZ7" s="594"/>
      <c r="IA7" s="595"/>
      <c r="IB7" s="629" t="s">
        <v>62</v>
      </c>
      <c r="IC7" s="594"/>
      <c r="ID7" s="594"/>
      <c r="IE7" s="594"/>
      <c r="IF7" s="594"/>
      <c r="IG7" s="594"/>
      <c r="IH7" s="630"/>
      <c r="II7" s="597" t="s">
        <v>52</v>
      </c>
      <c r="IJ7" s="610" t="s">
        <v>61</v>
      </c>
      <c r="IK7" s="603"/>
      <c r="IL7" s="604"/>
      <c r="IM7" s="632" t="s">
        <v>62</v>
      </c>
      <c r="IN7" s="603"/>
      <c r="IO7" s="603"/>
      <c r="IP7" s="603"/>
      <c r="IQ7" s="603"/>
      <c r="IR7" s="603"/>
      <c r="IS7" s="633"/>
      <c r="IT7" s="616" t="s">
        <v>52</v>
      </c>
      <c r="IU7" s="610" t="s">
        <v>61</v>
      </c>
      <c r="IV7" s="603"/>
      <c r="IW7" s="633"/>
      <c r="IX7" s="632" t="s">
        <v>62</v>
      </c>
      <c r="IY7" s="603"/>
      <c r="IZ7" s="603"/>
      <c r="JA7" s="603"/>
      <c r="JB7" s="603"/>
      <c r="JC7" s="603"/>
      <c r="JD7" s="633"/>
      <c r="JE7" s="616" t="s">
        <v>52</v>
      </c>
      <c r="JF7" s="610" t="s">
        <v>61</v>
      </c>
      <c r="JG7" s="603"/>
      <c r="JH7" s="604"/>
      <c r="JI7" s="632" t="s">
        <v>62</v>
      </c>
      <c r="JJ7" s="603"/>
      <c r="JK7" s="603"/>
      <c r="JL7" s="603"/>
      <c r="JM7" s="603"/>
      <c r="JN7" s="603"/>
      <c r="JO7" s="633"/>
      <c r="JP7" s="627" t="s">
        <v>52</v>
      </c>
      <c r="JQ7" s="610" t="s">
        <v>61</v>
      </c>
      <c r="JR7" s="603"/>
      <c r="JS7" s="604"/>
      <c r="JT7" s="632" t="s">
        <v>62</v>
      </c>
      <c r="JU7" s="603"/>
      <c r="JV7" s="603"/>
      <c r="JW7" s="603"/>
      <c r="JX7" s="603"/>
      <c r="JY7" s="603"/>
      <c r="JZ7" s="633"/>
      <c r="KA7" s="627" t="s">
        <v>52</v>
      </c>
      <c r="KB7" s="610" t="s">
        <v>61</v>
      </c>
      <c r="KC7" s="603"/>
      <c r="KD7" s="604"/>
      <c r="KE7" s="632" t="s">
        <v>62</v>
      </c>
      <c r="KF7" s="603"/>
      <c r="KG7" s="603"/>
      <c r="KH7" s="603"/>
      <c r="KI7" s="603"/>
      <c r="KJ7" s="603"/>
      <c r="KK7" s="633"/>
      <c r="KL7" s="627" t="s">
        <v>52</v>
      </c>
      <c r="KM7" s="610" t="s">
        <v>61</v>
      </c>
      <c r="KN7" s="603"/>
      <c r="KO7" s="604"/>
      <c r="KP7" s="632" t="s">
        <v>62</v>
      </c>
      <c r="KQ7" s="603"/>
      <c r="KR7" s="603"/>
      <c r="KS7" s="603"/>
      <c r="KT7" s="603"/>
      <c r="KU7" s="603"/>
      <c r="KV7" s="633"/>
      <c r="KW7" s="627" t="s">
        <v>52</v>
      </c>
      <c r="KX7" s="610" t="s">
        <v>61</v>
      </c>
      <c r="KY7" s="603"/>
      <c r="KZ7" s="604"/>
      <c r="LA7" s="632" t="s">
        <v>62</v>
      </c>
      <c r="LB7" s="603"/>
      <c r="LC7" s="603"/>
      <c r="LD7" s="603"/>
      <c r="LE7" s="603"/>
      <c r="LF7" s="603"/>
      <c r="LG7" s="633"/>
      <c r="LH7" s="627" t="s">
        <v>52</v>
      </c>
      <c r="LI7" s="610" t="s">
        <v>61</v>
      </c>
      <c r="LJ7" s="603"/>
      <c r="LK7" s="604"/>
      <c r="LL7" s="632" t="s">
        <v>62</v>
      </c>
      <c r="LM7" s="603"/>
      <c r="LN7" s="603"/>
      <c r="LO7" s="603"/>
      <c r="LP7" s="603"/>
      <c r="LQ7" s="603"/>
      <c r="LR7" s="633"/>
      <c r="LS7" s="627" t="s">
        <v>52</v>
      </c>
      <c r="LT7" s="610" t="s">
        <v>61</v>
      </c>
      <c r="LU7" s="603"/>
      <c r="LV7" s="604"/>
      <c r="LW7" s="632" t="s">
        <v>62</v>
      </c>
      <c r="LX7" s="603"/>
      <c r="LY7" s="603"/>
      <c r="LZ7" s="603"/>
      <c r="MA7" s="603"/>
      <c r="MB7" s="603"/>
      <c r="MC7" s="633"/>
      <c r="MD7" s="627" t="s">
        <v>52</v>
      </c>
      <c r="ME7" s="593" t="s">
        <v>61</v>
      </c>
      <c r="MF7" s="594"/>
      <c r="MG7" s="595"/>
      <c r="MH7" s="629" t="s">
        <v>62</v>
      </c>
      <c r="MI7" s="594"/>
      <c r="MJ7" s="594"/>
      <c r="MK7" s="594"/>
      <c r="ML7" s="594"/>
      <c r="MM7" s="594"/>
      <c r="MN7" s="630"/>
      <c r="MO7" s="631" t="s">
        <v>52</v>
      </c>
      <c r="MP7" s="610" t="s">
        <v>61</v>
      </c>
      <c r="MQ7" s="603"/>
      <c r="MR7" s="604"/>
      <c r="MS7" s="632" t="s">
        <v>62</v>
      </c>
      <c r="MT7" s="603"/>
      <c r="MU7" s="603"/>
      <c r="MV7" s="603"/>
      <c r="MW7" s="603"/>
      <c r="MX7" s="603"/>
      <c r="MY7" s="633"/>
      <c r="MZ7" s="627" t="s">
        <v>52</v>
      </c>
      <c r="NA7" s="610" t="s">
        <v>61</v>
      </c>
      <c r="NB7" s="603"/>
      <c r="NC7" s="604"/>
      <c r="ND7" s="632" t="s">
        <v>62</v>
      </c>
      <c r="NE7" s="603"/>
      <c r="NF7" s="603"/>
      <c r="NG7" s="603"/>
      <c r="NH7" s="603"/>
      <c r="NI7" s="603"/>
      <c r="NJ7" s="633"/>
      <c r="NK7" s="627" t="s">
        <v>52</v>
      </c>
      <c r="NL7" s="610" t="s">
        <v>61</v>
      </c>
      <c r="NM7" s="603"/>
      <c r="NN7" s="604"/>
      <c r="NO7" s="632" t="s">
        <v>62</v>
      </c>
      <c r="NP7" s="603"/>
      <c r="NQ7" s="603"/>
      <c r="NR7" s="603"/>
      <c r="NS7" s="603"/>
      <c r="NT7" s="603"/>
      <c r="NU7" s="633"/>
      <c r="NV7" s="627" t="s">
        <v>52</v>
      </c>
      <c r="NW7" s="610" t="s">
        <v>61</v>
      </c>
      <c r="NX7" s="603"/>
      <c r="NY7" s="604"/>
      <c r="NZ7" s="632" t="s">
        <v>62</v>
      </c>
      <c r="OA7" s="603"/>
      <c r="OB7" s="603"/>
      <c r="OC7" s="603"/>
      <c r="OD7" s="603"/>
      <c r="OE7" s="603"/>
      <c r="OF7" s="633"/>
      <c r="OG7" s="627" t="s">
        <v>52</v>
      </c>
      <c r="OH7" s="593" t="s">
        <v>61</v>
      </c>
      <c r="OI7" s="594"/>
      <c r="OJ7" s="595"/>
      <c r="OK7" s="629" t="s">
        <v>62</v>
      </c>
      <c r="OL7" s="594"/>
      <c r="OM7" s="594"/>
      <c r="ON7" s="594"/>
      <c r="OO7" s="594"/>
      <c r="OP7" s="594"/>
      <c r="OQ7" s="630"/>
      <c r="OR7" s="631" t="s">
        <v>52</v>
      </c>
    </row>
    <row r="8" spans="1:408" ht="28.5" customHeight="1" thickBot="1" x14ac:dyDescent="0.25">
      <c r="A8" s="699"/>
      <c r="B8" s="362" t="s">
        <v>43</v>
      </c>
      <c r="C8" s="47" t="s">
        <v>44</v>
      </c>
      <c r="D8" s="363" t="s">
        <v>45</v>
      </c>
      <c r="E8" s="52" t="s">
        <v>83</v>
      </c>
      <c r="F8" s="47" t="s">
        <v>47</v>
      </c>
      <c r="G8" s="47" t="s">
        <v>48</v>
      </c>
      <c r="H8" s="47" t="s">
        <v>49</v>
      </c>
      <c r="I8" s="47" t="s">
        <v>50</v>
      </c>
      <c r="J8" s="47" t="s">
        <v>51</v>
      </c>
      <c r="K8" s="48" t="s">
        <v>45</v>
      </c>
      <c r="L8" s="723"/>
      <c r="M8" s="51" t="s">
        <v>43</v>
      </c>
      <c r="N8" s="47" t="s">
        <v>44</v>
      </c>
      <c r="O8" s="48" t="s">
        <v>45</v>
      </c>
      <c r="P8" s="52" t="s">
        <v>83</v>
      </c>
      <c r="Q8" s="47" t="s">
        <v>47</v>
      </c>
      <c r="R8" s="47" t="s">
        <v>48</v>
      </c>
      <c r="S8" s="47" t="s">
        <v>49</v>
      </c>
      <c r="T8" s="47" t="s">
        <v>50</v>
      </c>
      <c r="U8" s="47" t="s">
        <v>51</v>
      </c>
      <c r="V8" s="48" t="s">
        <v>45</v>
      </c>
      <c r="W8" s="730"/>
      <c r="X8" s="51" t="s">
        <v>43</v>
      </c>
      <c r="Y8" s="47" t="s">
        <v>44</v>
      </c>
      <c r="Z8" s="48" t="s">
        <v>45</v>
      </c>
      <c r="AA8" s="52" t="s">
        <v>83</v>
      </c>
      <c r="AB8" s="47" t="s">
        <v>47</v>
      </c>
      <c r="AC8" s="47" t="s">
        <v>48</v>
      </c>
      <c r="AD8" s="47" t="s">
        <v>49</v>
      </c>
      <c r="AE8" s="47" t="s">
        <v>50</v>
      </c>
      <c r="AF8" s="47" t="s">
        <v>51</v>
      </c>
      <c r="AG8" s="48" t="s">
        <v>45</v>
      </c>
      <c r="AH8" s="733"/>
      <c r="AI8" s="51" t="s">
        <v>43</v>
      </c>
      <c r="AJ8" s="47" t="s">
        <v>44</v>
      </c>
      <c r="AK8" s="363" t="s">
        <v>45</v>
      </c>
      <c r="AL8" s="52" t="s">
        <v>83</v>
      </c>
      <c r="AM8" s="47" t="s">
        <v>47</v>
      </c>
      <c r="AN8" s="47" t="s">
        <v>48</v>
      </c>
      <c r="AO8" s="47" t="s">
        <v>49</v>
      </c>
      <c r="AP8" s="47" t="s">
        <v>50</v>
      </c>
      <c r="AQ8" s="47" t="s">
        <v>51</v>
      </c>
      <c r="AR8" s="48" t="s">
        <v>45</v>
      </c>
      <c r="AS8" s="733"/>
      <c r="AT8" s="51" t="s">
        <v>43</v>
      </c>
      <c r="AU8" s="47" t="s">
        <v>44</v>
      </c>
      <c r="AV8" s="363" t="s">
        <v>45</v>
      </c>
      <c r="AW8" s="52" t="s">
        <v>83</v>
      </c>
      <c r="AX8" s="47" t="s">
        <v>47</v>
      </c>
      <c r="AY8" s="47" t="s">
        <v>48</v>
      </c>
      <c r="AZ8" s="47" t="s">
        <v>49</v>
      </c>
      <c r="BA8" s="47" t="s">
        <v>50</v>
      </c>
      <c r="BB8" s="47" t="s">
        <v>51</v>
      </c>
      <c r="BC8" s="48" t="s">
        <v>45</v>
      </c>
      <c r="BD8" s="733"/>
      <c r="BE8" s="364" t="s">
        <v>43</v>
      </c>
      <c r="BF8" s="47" t="s">
        <v>44</v>
      </c>
      <c r="BG8" s="363" t="s">
        <v>45</v>
      </c>
      <c r="BH8" s="52" t="s">
        <v>83</v>
      </c>
      <c r="BI8" s="47" t="s">
        <v>47</v>
      </c>
      <c r="BJ8" s="47" t="s">
        <v>48</v>
      </c>
      <c r="BK8" s="47" t="s">
        <v>49</v>
      </c>
      <c r="BL8" s="47" t="s">
        <v>50</v>
      </c>
      <c r="BM8" s="47" t="s">
        <v>51</v>
      </c>
      <c r="BN8" s="48" t="s">
        <v>45</v>
      </c>
      <c r="BO8" s="733"/>
      <c r="BP8" s="51" t="s">
        <v>43</v>
      </c>
      <c r="BQ8" s="47" t="s">
        <v>44</v>
      </c>
      <c r="BR8" s="363" t="s">
        <v>45</v>
      </c>
      <c r="BS8" s="52" t="s">
        <v>83</v>
      </c>
      <c r="BT8" s="47" t="s">
        <v>47</v>
      </c>
      <c r="BU8" s="47" t="s">
        <v>48</v>
      </c>
      <c r="BV8" s="47" t="s">
        <v>49</v>
      </c>
      <c r="BW8" s="47" t="s">
        <v>50</v>
      </c>
      <c r="BX8" s="47" t="s">
        <v>51</v>
      </c>
      <c r="BY8" s="48" t="s">
        <v>45</v>
      </c>
      <c r="BZ8" s="733"/>
      <c r="CA8" s="51" t="s">
        <v>43</v>
      </c>
      <c r="CB8" s="47" t="s">
        <v>44</v>
      </c>
      <c r="CC8" s="363" t="s">
        <v>45</v>
      </c>
      <c r="CD8" s="52" t="s">
        <v>83</v>
      </c>
      <c r="CE8" s="47" t="s">
        <v>47</v>
      </c>
      <c r="CF8" s="47" t="s">
        <v>48</v>
      </c>
      <c r="CG8" s="47" t="s">
        <v>49</v>
      </c>
      <c r="CH8" s="47" t="s">
        <v>50</v>
      </c>
      <c r="CI8" s="47" t="s">
        <v>51</v>
      </c>
      <c r="CJ8" s="48" t="s">
        <v>45</v>
      </c>
      <c r="CK8" s="730"/>
      <c r="CL8" s="51" t="s">
        <v>43</v>
      </c>
      <c r="CM8" s="47" t="s">
        <v>44</v>
      </c>
      <c r="CN8" s="48" t="s">
        <v>45</v>
      </c>
      <c r="CO8" s="52" t="s">
        <v>83</v>
      </c>
      <c r="CP8" s="47" t="s">
        <v>47</v>
      </c>
      <c r="CQ8" s="47" t="s">
        <v>48</v>
      </c>
      <c r="CR8" s="47" t="s">
        <v>49</v>
      </c>
      <c r="CS8" s="47" t="s">
        <v>50</v>
      </c>
      <c r="CT8" s="47" t="s">
        <v>51</v>
      </c>
      <c r="CU8" s="48" t="s">
        <v>45</v>
      </c>
      <c r="CV8" s="730"/>
      <c r="CW8" s="51" t="s">
        <v>43</v>
      </c>
      <c r="CX8" s="47" t="s">
        <v>44</v>
      </c>
      <c r="CY8" s="48" t="s">
        <v>45</v>
      </c>
      <c r="CZ8" s="52" t="s">
        <v>83</v>
      </c>
      <c r="DA8" s="47" t="s">
        <v>47</v>
      </c>
      <c r="DB8" s="47" t="s">
        <v>48</v>
      </c>
      <c r="DC8" s="47" t="s">
        <v>49</v>
      </c>
      <c r="DD8" s="47" t="s">
        <v>50</v>
      </c>
      <c r="DE8" s="47" t="s">
        <v>51</v>
      </c>
      <c r="DF8" s="48" t="s">
        <v>45</v>
      </c>
      <c r="DG8" s="730"/>
      <c r="DH8" s="51" t="s">
        <v>43</v>
      </c>
      <c r="DI8" s="47" t="s">
        <v>44</v>
      </c>
      <c r="DJ8" s="48" t="s">
        <v>45</v>
      </c>
      <c r="DK8" s="52" t="s">
        <v>83</v>
      </c>
      <c r="DL8" s="47" t="s">
        <v>47</v>
      </c>
      <c r="DM8" s="47" t="s">
        <v>48</v>
      </c>
      <c r="DN8" s="47" t="s">
        <v>49</v>
      </c>
      <c r="DO8" s="47" t="s">
        <v>50</v>
      </c>
      <c r="DP8" s="47" t="s">
        <v>51</v>
      </c>
      <c r="DQ8" s="48" t="s">
        <v>45</v>
      </c>
      <c r="DR8" s="730"/>
      <c r="DS8" s="51" t="s">
        <v>43</v>
      </c>
      <c r="DT8" s="47" t="s">
        <v>44</v>
      </c>
      <c r="DU8" s="363" t="s">
        <v>45</v>
      </c>
      <c r="DV8" s="52" t="s">
        <v>83</v>
      </c>
      <c r="DW8" s="47" t="s">
        <v>47</v>
      </c>
      <c r="DX8" s="47" t="s">
        <v>48</v>
      </c>
      <c r="DY8" s="47" t="s">
        <v>49</v>
      </c>
      <c r="DZ8" s="47" t="s">
        <v>50</v>
      </c>
      <c r="EA8" s="47" t="s">
        <v>51</v>
      </c>
      <c r="EB8" s="48" t="s">
        <v>45</v>
      </c>
      <c r="EC8" s="733"/>
      <c r="ED8" s="51" t="s">
        <v>43</v>
      </c>
      <c r="EE8" s="47" t="s">
        <v>44</v>
      </c>
      <c r="EF8" s="363" t="s">
        <v>45</v>
      </c>
      <c r="EG8" s="52" t="s">
        <v>83</v>
      </c>
      <c r="EH8" s="47" t="s">
        <v>47</v>
      </c>
      <c r="EI8" s="47" t="s">
        <v>48</v>
      </c>
      <c r="EJ8" s="47" t="s">
        <v>49</v>
      </c>
      <c r="EK8" s="47" t="s">
        <v>50</v>
      </c>
      <c r="EL8" s="47" t="s">
        <v>51</v>
      </c>
      <c r="EM8" s="48" t="s">
        <v>45</v>
      </c>
      <c r="EN8" s="733"/>
      <c r="EO8" s="51" t="s">
        <v>43</v>
      </c>
      <c r="EP8" s="47" t="s">
        <v>44</v>
      </c>
      <c r="EQ8" s="363" t="s">
        <v>45</v>
      </c>
      <c r="ER8" s="52" t="s">
        <v>83</v>
      </c>
      <c r="ES8" s="47" t="s">
        <v>47</v>
      </c>
      <c r="ET8" s="47" t="s">
        <v>48</v>
      </c>
      <c r="EU8" s="47" t="s">
        <v>49</v>
      </c>
      <c r="EV8" s="47" t="s">
        <v>50</v>
      </c>
      <c r="EW8" s="47" t="s">
        <v>51</v>
      </c>
      <c r="EX8" s="48" t="s">
        <v>45</v>
      </c>
      <c r="EY8" s="733"/>
      <c r="EZ8" s="51" t="s">
        <v>43</v>
      </c>
      <c r="FA8" s="47" t="s">
        <v>44</v>
      </c>
      <c r="FB8" s="363" t="s">
        <v>45</v>
      </c>
      <c r="FC8" s="52" t="s">
        <v>83</v>
      </c>
      <c r="FD8" s="47" t="s">
        <v>47</v>
      </c>
      <c r="FE8" s="47" t="s">
        <v>48</v>
      </c>
      <c r="FF8" s="47" t="s">
        <v>49</v>
      </c>
      <c r="FG8" s="47" t="s">
        <v>50</v>
      </c>
      <c r="FH8" s="47" t="s">
        <v>51</v>
      </c>
      <c r="FI8" s="48" t="s">
        <v>45</v>
      </c>
      <c r="FJ8" s="733"/>
      <c r="FK8" s="51" t="s">
        <v>43</v>
      </c>
      <c r="FL8" s="47" t="s">
        <v>44</v>
      </c>
      <c r="FM8" s="363" t="s">
        <v>45</v>
      </c>
      <c r="FN8" s="52" t="s">
        <v>83</v>
      </c>
      <c r="FO8" s="47" t="s">
        <v>47</v>
      </c>
      <c r="FP8" s="47" t="s">
        <v>48</v>
      </c>
      <c r="FQ8" s="47" t="s">
        <v>49</v>
      </c>
      <c r="FR8" s="47" t="s">
        <v>50</v>
      </c>
      <c r="FS8" s="47" t="s">
        <v>51</v>
      </c>
      <c r="FT8" s="48" t="s">
        <v>45</v>
      </c>
      <c r="FU8" s="744"/>
      <c r="FV8" s="51" t="s">
        <v>43</v>
      </c>
      <c r="FW8" s="47" t="s">
        <v>44</v>
      </c>
      <c r="FX8" s="363" t="s">
        <v>45</v>
      </c>
      <c r="FY8" s="52" t="s">
        <v>83</v>
      </c>
      <c r="FZ8" s="47" t="s">
        <v>47</v>
      </c>
      <c r="GA8" s="47" t="s">
        <v>48</v>
      </c>
      <c r="GB8" s="47" t="s">
        <v>49</v>
      </c>
      <c r="GC8" s="47" t="s">
        <v>50</v>
      </c>
      <c r="GD8" s="47" t="s">
        <v>51</v>
      </c>
      <c r="GE8" s="48" t="s">
        <v>45</v>
      </c>
      <c r="GF8" s="733"/>
      <c r="GG8" s="51" t="s">
        <v>43</v>
      </c>
      <c r="GH8" s="47" t="s">
        <v>44</v>
      </c>
      <c r="GI8" s="363" t="s">
        <v>45</v>
      </c>
      <c r="GJ8" s="52" t="s">
        <v>83</v>
      </c>
      <c r="GK8" s="47" t="s">
        <v>47</v>
      </c>
      <c r="GL8" s="47" t="s">
        <v>48</v>
      </c>
      <c r="GM8" s="47" t="s">
        <v>49</v>
      </c>
      <c r="GN8" s="47" t="s">
        <v>50</v>
      </c>
      <c r="GO8" s="47" t="s">
        <v>51</v>
      </c>
      <c r="GP8" s="48" t="s">
        <v>45</v>
      </c>
      <c r="GQ8" s="743"/>
      <c r="GR8" s="51" t="s">
        <v>43</v>
      </c>
      <c r="GS8" s="47" t="s">
        <v>44</v>
      </c>
      <c r="GT8" s="363" t="s">
        <v>45</v>
      </c>
      <c r="GU8" s="52" t="s">
        <v>83</v>
      </c>
      <c r="GV8" s="47" t="s">
        <v>47</v>
      </c>
      <c r="GW8" s="47" t="s">
        <v>48</v>
      </c>
      <c r="GX8" s="47" t="s">
        <v>49</v>
      </c>
      <c r="GY8" s="47" t="s">
        <v>50</v>
      </c>
      <c r="GZ8" s="47" t="s">
        <v>51</v>
      </c>
      <c r="HA8" s="48" t="s">
        <v>45</v>
      </c>
      <c r="HB8" s="743"/>
      <c r="HC8" s="51" t="s">
        <v>43</v>
      </c>
      <c r="HD8" s="47" t="s">
        <v>44</v>
      </c>
      <c r="HE8" s="363" t="s">
        <v>45</v>
      </c>
      <c r="HF8" s="52" t="s">
        <v>83</v>
      </c>
      <c r="HG8" s="47" t="s">
        <v>47</v>
      </c>
      <c r="HH8" s="47" t="s">
        <v>48</v>
      </c>
      <c r="HI8" s="47" t="s">
        <v>49</v>
      </c>
      <c r="HJ8" s="47" t="s">
        <v>50</v>
      </c>
      <c r="HK8" s="47" t="s">
        <v>51</v>
      </c>
      <c r="HL8" s="48" t="s">
        <v>45</v>
      </c>
      <c r="HM8" s="733"/>
      <c r="HN8" s="51" t="s">
        <v>43</v>
      </c>
      <c r="HO8" s="47" t="s">
        <v>44</v>
      </c>
      <c r="HP8" s="363" t="s">
        <v>45</v>
      </c>
      <c r="HQ8" s="52" t="s">
        <v>83</v>
      </c>
      <c r="HR8" s="47" t="s">
        <v>47</v>
      </c>
      <c r="HS8" s="47" t="s">
        <v>48</v>
      </c>
      <c r="HT8" s="47" t="s">
        <v>49</v>
      </c>
      <c r="HU8" s="47" t="s">
        <v>50</v>
      </c>
      <c r="HV8" s="47" t="s">
        <v>51</v>
      </c>
      <c r="HW8" s="48" t="s">
        <v>45</v>
      </c>
      <c r="HX8" s="733"/>
      <c r="HY8" s="412" t="s">
        <v>43</v>
      </c>
      <c r="HZ8" s="413" t="s">
        <v>44</v>
      </c>
      <c r="IA8" s="41" t="s">
        <v>45</v>
      </c>
      <c r="IB8" s="42" t="s">
        <v>83</v>
      </c>
      <c r="IC8" s="413" t="s">
        <v>47</v>
      </c>
      <c r="ID8" s="413" t="s">
        <v>48</v>
      </c>
      <c r="IE8" s="413" t="s">
        <v>49</v>
      </c>
      <c r="IF8" s="413" t="s">
        <v>50</v>
      </c>
      <c r="IG8" s="413" t="s">
        <v>51</v>
      </c>
      <c r="IH8" s="17" t="s">
        <v>45</v>
      </c>
      <c r="II8" s="669"/>
      <c r="IJ8" s="412" t="s">
        <v>43</v>
      </c>
      <c r="IK8" s="413" t="s">
        <v>44</v>
      </c>
      <c r="IL8" s="41" t="s">
        <v>45</v>
      </c>
      <c r="IM8" s="42" t="s">
        <v>83</v>
      </c>
      <c r="IN8" s="59" t="s">
        <v>47</v>
      </c>
      <c r="IO8" s="59" t="s">
        <v>48</v>
      </c>
      <c r="IP8" s="59" t="s">
        <v>49</v>
      </c>
      <c r="IQ8" s="59" t="s">
        <v>50</v>
      </c>
      <c r="IR8" s="59" t="s">
        <v>51</v>
      </c>
      <c r="IS8" s="64" t="s">
        <v>45</v>
      </c>
      <c r="IT8" s="668"/>
      <c r="IU8" s="61" t="s">
        <v>43</v>
      </c>
      <c r="IV8" s="59" t="s">
        <v>44</v>
      </c>
      <c r="IW8" s="64" t="s">
        <v>45</v>
      </c>
      <c r="IX8" s="33" t="s">
        <v>83</v>
      </c>
      <c r="IY8" s="59" t="s">
        <v>47</v>
      </c>
      <c r="IZ8" s="59" t="s">
        <v>48</v>
      </c>
      <c r="JA8" s="59" t="s">
        <v>49</v>
      </c>
      <c r="JB8" s="59" t="s">
        <v>50</v>
      </c>
      <c r="JC8" s="59" t="s">
        <v>51</v>
      </c>
      <c r="JD8" s="64" t="s">
        <v>45</v>
      </c>
      <c r="JE8" s="668"/>
      <c r="JF8" s="61" t="s">
        <v>43</v>
      </c>
      <c r="JG8" s="59" t="s">
        <v>44</v>
      </c>
      <c r="JH8" s="60" t="s">
        <v>45</v>
      </c>
      <c r="JI8" s="33" t="s">
        <v>83</v>
      </c>
      <c r="JJ8" s="59" t="s">
        <v>47</v>
      </c>
      <c r="JK8" s="59" t="s">
        <v>48</v>
      </c>
      <c r="JL8" s="59" t="s">
        <v>49</v>
      </c>
      <c r="JM8" s="59" t="s">
        <v>50</v>
      </c>
      <c r="JN8" s="59" t="s">
        <v>51</v>
      </c>
      <c r="JO8" s="64" t="s">
        <v>45</v>
      </c>
      <c r="JP8" s="628"/>
      <c r="JQ8" s="61" t="s">
        <v>43</v>
      </c>
      <c r="JR8" s="59" t="s">
        <v>44</v>
      </c>
      <c r="JS8" s="60" t="s">
        <v>45</v>
      </c>
      <c r="JT8" s="33" t="s">
        <v>83</v>
      </c>
      <c r="JU8" s="59" t="s">
        <v>47</v>
      </c>
      <c r="JV8" s="59" t="s">
        <v>48</v>
      </c>
      <c r="JW8" s="59" t="s">
        <v>49</v>
      </c>
      <c r="JX8" s="59" t="s">
        <v>50</v>
      </c>
      <c r="JY8" s="59" t="s">
        <v>51</v>
      </c>
      <c r="JZ8" s="64" t="s">
        <v>45</v>
      </c>
      <c r="KA8" s="628"/>
      <c r="KB8" s="61" t="s">
        <v>43</v>
      </c>
      <c r="KC8" s="59" t="s">
        <v>44</v>
      </c>
      <c r="KD8" s="60" t="s">
        <v>45</v>
      </c>
      <c r="KE8" s="33" t="s">
        <v>83</v>
      </c>
      <c r="KF8" s="59" t="s">
        <v>47</v>
      </c>
      <c r="KG8" s="59" t="s">
        <v>48</v>
      </c>
      <c r="KH8" s="59" t="s">
        <v>49</v>
      </c>
      <c r="KI8" s="59" t="s">
        <v>50</v>
      </c>
      <c r="KJ8" s="59" t="s">
        <v>51</v>
      </c>
      <c r="KK8" s="64" t="s">
        <v>45</v>
      </c>
      <c r="KL8" s="628"/>
      <c r="KM8" s="61" t="s">
        <v>43</v>
      </c>
      <c r="KN8" s="59" t="s">
        <v>44</v>
      </c>
      <c r="KO8" s="60" t="s">
        <v>45</v>
      </c>
      <c r="KP8" s="42" t="s">
        <v>83</v>
      </c>
      <c r="KQ8" s="59" t="s">
        <v>47</v>
      </c>
      <c r="KR8" s="59" t="s">
        <v>48</v>
      </c>
      <c r="KS8" s="59" t="s">
        <v>49</v>
      </c>
      <c r="KT8" s="59" t="s">
        <v>50</v>
      </c>
      <c r="KU8" s="59" t="s">
        <v>51</v>
      </c>
      <c r="KV8" s="64" t="s">
        <v>45</v>
      </c>
      <c r="KW8" s="628"/>
      <c r="KX8" s="61" t="s">
        <v>43</v>
      </c>
      <c r="KY8" s="59" t="s">
        <v>44</v>
      </c>
      <c r="KZ8" s="60" t="s">
        <v>45</v>
      </c>
      <c r="LA8" s="42" t="s">
        <v>83</v>
      </c>
      <c r="LB8" s="59" t="s">
        <v>47</v>
      </c>
      <c r="LC8" s="59" t="s">
        <v>48</v>
      </c>
      <c r="LD8" s="59" t="s">
        <v>49</v>
      </c>
      <c r="LE8" s="59" t="s">
        <v>50</v>
      </c>
      <c r="LF8" s="59" t="s">
        <v>51</v>
      </c>
      <c r="LG8" s="64" t="s">
        <v>45</v>
      </c>
      <c r="LH8" s="628"/>
      <c r="LI8" s="61" t="s">
        <v>43</v>
      </c>
      <c r="LJ8" s="59" t="s">
        <v>44</v>
      </c>
      <c r="LK8" s="60" t="s">
        <v>45</v>
      </c>
      <c r="LL8" s="42" t="s">
        <v>83</v>
      </c>
      <c r="LM8" s="59" t="s">
        <v>47</v>
      </c>
      <c r="LN8" s="59" t="s">
        <v>48</v>
      </c>
      <c r="LO8" s="59" t="s">
        <v>49</v>
      </c>
      <c r="LP8" s="59" t="s">
        <v>50</v>
      </c>
      <c r="LQ8" s="59" t="s">
        <v>51</v>
      </c>
      <c r="LR8" s="64" t="s">
        <v>45</v>
      </c>
      <c r="LS8" s="628"/>
      <c r="LT8" s="61" t="s">
        <v>43</v>
      </c>
      <c r="LU8" s="59" t="s">
        <v>44</v>
      </c>
      <c r="LV8" s="60" t="s">
        <v>45</v>
      </c>
      <c r="LW8" s="42" t="s">
        <v>83</v>
      </c>
      <c r="LX8" s="59" t="s">
        <v>47</v>
      </c>
      <c r="LY8" s="59" t="s">
        <v>48</v>
      </c>
      <c r="LZ8" s="59" t="s">
        <v>49</v>
      </c>
      <c r="MA8" s="59" t="s">
        <v>50</v>
      </c>
      <c r="MB8" s="59" t="s">
        <v>51</v>
      </c>
      <c r="MC8" s="64" t="s">
        <v>45</v>
      </c>
      <c r="MD8" s="628"/>
      <c r="ME8" s="61" t="s">
        <v>43</v>
      </c>
      <c r="MF8" s="59" t="s">
        <v>44</v>
      </c>
      <c r="MG8" s="60" t="s">
        <v>45</v>
      </c>
      <c r="MH8" s="42" t="s">
        <v>83</v>
      </c>
      <c r="MI8" s="59" t="s">
        <v>47</v>
      </c>
      <c r="MJ8" s="59" t="s">
        <v>48</v>
      </c>
      <c r="MK8" s="59" t="s">
        <v>49</v>
      </c>
      <c r="ML8" s="59" t="s">
        <v>50</v>
      </c>
      <c r="MM8" s="59" t="s">
        <v>51</v>
      </c>
      <c r="MN8" s="64" t="s">
        <v>45</v>
      </c>
      <c r="MO8" s="628"/>
      <c r="MP8" s="61" t="s">
        <v>43</v>
      </c>
      <c r="MQ8" s="59" t="s">
        <v>44</v>
      </c>
      <c r="MR8" s="60" t="s">
        <v>45</v>
      </c>
      <c r="MS8" s="42" t="s">
        <v>83</v>
      </c>
      <c r="MT8" s="59" t="s">
        <v>47</v>
      </c>
      <c r="MU8" s="59" t="s">
        <v>48</v>
      </c>
      <c r="MV8" s="59" t="s">
        <v>49</v>
      </c>
      <c r="MW8" s="59" t="s">
        <v>50</v>
      </c>
      <c r="MX8" s="59" t="s">
        <v>51</v>
      </c>
      <c r="MY8" s="64" t="s">
        <v>45</v>
      </c>
      <c r="MZ8" s="628"/>
      <c r="NA8" s="61" t="s">
        <v>43</v>
      </c>
      <c r="NB8" s="59" t="s">
        <v>44</v>
      </c>
      <c r="NC8" s="60" t="s">
        <v>45</v>
      </c>
      <c r="ND8" s="42" t="s">
        <v>83</v>
      </c>
      <c r="NE8" s="59" t="s">
        <v>47</v>
      </c>
      <c r="NF8" s="59" t="s">
        <v>48</v>
      </c>
      <c r="NG8" s="59" t="s">
        <v>49</v>
      </c>
      <c r="NH8" s="59" t="s">
        <v>50</v>
      </c>
      <c r="NI8" s="59" t="s">
        <v>51</v>
      </c>
      <c r="NJ8" s="64" t="s">
        <v>45</v>
      </c>
      <c r="NK8" s="628"/>
      <c r="NL8" s="61" t="s">
        <v>43</v>
      </c>
      <c r="NM8" s="59" t="s">
        <v>44</v>
      </c>
      <c r="NN8" s="60" t="s">
        <v>45</v>
      </c>
      <c r="NO8" s="42" t="s">
        <v>83</v>
      </c>
      <c r="NP8" s="59" t="s">
        <v>47</v>
      </c>
      <c r="NQ8" s="59" t="s">
        <v>48</v>
      </c>
      <c r="NR8" s="59" t="s">
        <v>49</v>
      </c>
      <c r="NS8" s="59" t="s">
        <v>50</v>
      </c>
      <c r="NT8" s="59" t="s">
        <v>51</v>
      </c>
      <c r="NU8" s="64" t="s">
        <v>45</v>
      </c>
      <c r="NV8" s="628"/>
      <c r="NW8" s="61" t="s">
        <v>43</v>
      </c>
      <c r="NX8" s="59" t="s">
        <v>44</v>
      </c>
      <c r="NY8" s="60" t="s">
        <v>45</v>
      </c>
      <c r="NZ8" s="42" t="s">
        <v>83</v>
      </c>
      <c r="OA8" s="59" t="s">
        <v>47</v>
      </c>
      <c r="OB8" s="59" t="s">
        <v>48</v>
      </c>
      <c r="OC8" s="59" t="s">
        <v>49</v>
      </c>
      <c r="OD8" s="59" t="s">
        <v>50</v>
      </c>
      <c r="OE8" s="59" t="s">
        <v>51</v>
      </c>
      <c r="OF8" s="64" t="s">
        <v>45</v>
      </c>
      <c r="OG8" s="628"/>
      <c r="OH8" s="61" t="s">
        <v>43</v>
      </c>
      <c r="OI8" s="59" t="s">
        <v>44</v>
      </c>
      <c r="OJ8" s="60" t="s">
        <v>45</v>
      </c>
      <c r="OK8" s="33" t="s">
        <v>83</v>
      </c>
      <c r="OL8" s="59" t="s">
        <v>47</v>
      </c>
      <c r="OM8" s="59" t="s">
        <v>48</v>
      </c>
      <c r="ON8" s="59" t="s">
        <v>49</v>
      </c>
      <c r="OO8" s="59" t="s">
        <v>50</v>
      </c>
      <c r="OP8" s="59" t="s">
        <v>51</v>
      </c>
      <c r="OQ8" s="64" t="s">
        <v>45</v>
      </c>
      <c r="OR8" s="628"/>
    </row>
    <row r="9" spans="1:408" ht="20.25" customHeight="1" x14ac:dyDescent="0.2">
      <c r="A9" s="128" t="s">
        <v>4</v>
      </c>
      <c r="B9" s="109">
        <v>24897507</v>
      </c>
      <c r="C9" s="187">
        <v>41776891</v>
      </c>
      <c r="D9" s="188">
        <v>66674398</v>
      </c>
      <c r="E9" s="189">
        <v>0</v>
      </c>
      <c r="F9" s="187">
        <v>268939875</v>
      </c>
      <c r="G9" s="187">
        <v>354284550</v>
      </c>
      <c r="H9" s="187">
        <v>311188605</v>
      </c>
      <c r="I9" s="187">
        <v>277556489</v>
      </c>
      <c r="J9" s="187">
        <v>180495512</v>
      </c>
      <c r="K9" s="190">
        <v>1392465031</v>
      </c>
      <c r="L9" s="191">
        <v>1459139429</v>
      </c>
      <c r="M9" s="109">
        <v>7747540</v>
      </c>
      <c r="N9" s="187">
        <v>14240761</v>
      </c>
      <c r="O9" s="192">
        <v>21988301</v>
      </c>
      <c r="P9" s="109">
        <v>0</v>
      </c>
      <c r="Q9" s="187">
        <v>85552210</v>
      </c>
      <c r="R9" s="187">
        <v>121225978</v>
      </c>
      <c r="S9" s="187">
        <v>99552800</v>
      </c>
      <c r="T9" s="187">
        <v>103128478</v>
      </c>
      <c r="U9" s="187">
        <v>89603744</v>
      </c>
      <c r="V9" s="192">
        <v>499063210</v>
      </c>
      <c r="W9" s="191">
        <v>521051511</v>
      </c>
      <c r="X9" s="109">
        <v>0</v>
      </c>
      <c r="Y9" s="187">
        <v>0</v>
      </c>
      <c r="Z9" s="192">
        <v>0</v>
      </c>
      <c r="AA9" s="110">
        <v>0</v>
      </c>
      <c r="AB9" s="193">
        <v>35778435</v>
      </c>
      <c r="AC9" s="193">
        <v>53099032</v>
      </c>
      <c r="AD9" s="193">
        <v>49985953</v>
      </c>
      <c r="AE9" s="193">
        <v>52637208</v>
      </c>
      <c r="AF9" s="193">
        <v>46628163</v>
      </c>
      <c r="AG9" s="192">
        <v>238128791</v>
      </c>
      <c r="AH9" s="191">
        <v>238128791</v>
      </c>
      <c r="AI9" s="194">
        <v>0</v>
      </c>
      <c r="AJ9" s="193">
        <v>32532</v>
      </c>
      <c r="AK9" s="192">
        <v>32532</v>
      </c>
      <c r="AL9" s="110">
        <v>0</v>
      </c>
      <c r="AM9" s="193">
        <v>525156</v>
      </c>
      <c r="AN9" s="190">
        <v>1424078</v>
      </c>
      <c r="AO9" s="193">
        <v>2675349</v>
      </c>
      <c r="AP9" s="193">
        <v>6852693</v>
      </c>
      <c r="AQ9" s="193">
        <v>11580704</v>
      </c>
      <c r="AR9" s="192">
        <v>23057980</v>
      </c>
      <c r="AS9" s="191">
        <v>23090512</v>
      </c>
      <c r="AT9" s="194">
        <v>3831197</v>
      </c>
      <c r="AU9" s="193">
        <v>9275793</v>
      </c>
      <c r="AV9" s="192">
        <v>13106990</v>
      </c>
      <c r="AW9" s="110">
        <v>0</v>
      </c>
      <c r="AX9" s="193">
        <v>30994453</v>
      </c>
      <c r="AY9" s="193">
        <v>44243334</v>
      </c>
      <c r="AZ9" s="193">
        <v>27523674</v>
      </c>
      <c r="BA9" s="193">
        <v>26430143</v>
      </c>
      <c r="BB9" s="193">
        <v>20033977</v>
      </c>
      <c r="BC9" s="192">
        <v>149225581</v>
      </c>
      <c r="BD9" s="195">
        <v>162332571</v>
      </c>
      <c r="BE9" s="194">
        <v>548911</v>
      </c>
      <c r="BF9" s="190">
        <v>1595324</v>
      </c>
      <c r="BG9" s="278">
        <v>2144235</v>
      </c>
      <c r="BH9" s="110">
        <v>0</v>
      </c>
      <c r="BI9" s="193">
        <v>2343638</v>
      </c>
      <c r="BJ9" s="193">
        <v>3249206</v>
      </c>
      <c r="BK9" s="193">
        <v>2428652</v>
      </c>
      <c r="BL9" s="193">
        <v>2239010</v>
      </c>
      <c r="BM9" s="193">
        <v>1204684</v>
      </c>
      <c r="BN9" s="192">
        <v>11465190</v>
      </c>
      <c r="BO9" s="191">
        <v>13609425</v>
      </c>
      <c r="BP9" s="194">
        <v>3367432</v>
      </c>
      <c r="BQ9" s="193">
        <v>3337112</v>
      </c>
      <c r="BR9" s="192">
        <v>6704544</v>
      </c>
      <c r="BS9" s="110">
        <v>0</v>
      </c>
      <c r="BT9" s="193">
        <v>15910528</v>
      </c>
      <c r="BU9" s="193">
        <v>19210328</v>
      </c>
      <c r="BV9" s="193">
        <v>16939172</v>
      </c>
      <c r="BW9" s="193">
        <v>14969424</v>
      </c>
      <c r="BX9" s="193">
        <v>10156216</v>
      </c>
      <c r="BY9" s="192">
        <v>77185668</v>
      </c>
      <c r="BZ9" s="191">
        <v>83890212</v>
      </c>
      <c r="CA9" s="194">
        <v>2597202</v>
      </c>
      <c r="CB9" s="193">
        <v>5621195</v>
      </c>
      <c r="CC9" s="192">
        <v>8218397</v>
      </c>
      <c r="CD9" s="110">
        <v>0</v>
      </c>
      <c r="CE9" s="193">
        <v>78637079</v>
      </c>
      <c r="CF9" s="193">
        <v>93972569</v>
      </c>
      <c r="CG9" s="196">
        <v>73601529</v>
      </c>
      <c r="CH9" s="193">
        <v>40184121</v>
      </c>
      <c r="CI9" s="193">
        <v>15993235</v>
      </c>
      <c r="CJ9" s="192">
        <v>302388533</v>
      </c>
      <c r="CK9" s="191">
        <v>310606930</v>
      </c>
      <c r="CL9" s="109">
        <v>0</v>
      </c>
      <c r="CM9" s="187">
        <v>0</v>
      </c>
      <c r="CN9" s="192">
        <v>0</v>
      </c>
      <c r="CO9" s="110">
        <v>0</v>
      </c>
      <c r="CP9" s="193">
        <v>64042266</v>
      </c>
      <c r="CQ9" s="193">
        <v>69671787</v>
      </c>
      <c r="CR9" s="193">
        <v>54273846</v>
      </c>
      <c r="CS9" s="193">
        <v>26640142</v>
      </c>
      <c r="CT9" s="193">
        <v>12699590</v>
      </c>
      <c r="CU9" s="197">
        <v>227327631</v>
      </c>
      <c r="CV9" s="191">
        <v>227327631</v>
      </c>
      <c r="CW9" s="194">
        <v>2597202</v>
      </c>
      <c r="CX9" s="193">
        <v>5621195</v>
      </c>
      <c r="CY9" s="192">
        <v>8218397</v>
      </c>
      <c r="CZ9" s="110">
        <v>0</v>
      </c>
      <c r="DA9" s="193">
        <v>14594813</v>
      </c>
      <c r="DB9" s="193">
        <v>24300782</v>
      </c>
      <c r="DC9" s="193">
        <v>19327683</v>
      </c>
      <c r="DD9" s="193">
        <v>13543979</v>
      </c>
      <c r="DE9" s="193">
        <v>3293645</v>
      </c>
      <c r="DF9" s="192">
        <v>75060902</v>
      </c>
      <c r="DG9" s="191">
        <v>83279299</v>
      </c>
      <c r="DH9" s="194">
        <v>31223</v>
      </c>
      <c r="DI9" s="193">
        <v>576077</v>
      </c>
      <c r="DJ9" s="278">
        <v>607300</v>
      </c>
      <c r="DK9" s="110">
        <v>0</v>
      </c>
      <c r="DL9" s="193">
        <v>10456797</v>
      </c>
      <c r="DM9" s="193">
        <v>16858649</v>
      </c>
      <c r="DN9" s="193">
        <v>29919561</v>
      </c>
      <c r="DO9" s="193">
        <v>24903958</v>
      </c>
      <c r="DP9" s="193">
        <v>10038119</v>
      </c>
      <c r="DQ9" s="279">
        <v>92177084</v>
      </c>
      <c r="DR9" s="191">
        <v>92784384</v>
      </c>
      <c r="DS9" s="194">
        <v>31223</v>
      </c>
      <c r="DT9" s="193">
        <v>524176</v>
      </c>
      <c r="DU9" s="192">
        <v>555399</v>
      </c>
      <c r="DV9" s="110">
        <v>0</v>
      </c>
      <c r="DW9" s="193">
        <v>8868000</v>
      </c>
      <c r="DX9" s="193">
        <v>14308543</v>
      </c>
      <c r="DY9" s="193">
        <v>26842150</v>
      </c>
      <c r="DZ9" s="193">
        <v>22774745</v>
      </c>
      <c r="EA9" s="193">
        <v>7808171</v>
      </c>
      <c r="EB9" s="192">
        <v>80601609</v>
      </c>
      <c r="EC9" s="191">
        <v>81157008</v>
      </c>
      <c r="ED9" s="194">
        <v>0</v>
      </c>
      <c r="EE9" s="190">
        <v>51901</v>
      </c>
      <c r="EF9" s="192">
        <v>51901</v>
      </c>
      <c r="EG9" s="195">
        <v>0</v>
      </c>
      <c r="EH9" s="193">
        <v>1588797</v>
      </c>
      <c r="EI9" s="193">
        <v>2550106</v>
      </c>
      <c r="EJ9" s="193">
        <v>3077411</v>
      </c>
      <c r="EK9" s="193">
        <v>2129213</v>
      </c>
      <c r="EL9" s="196">
        <v>2229948</v>
      </c>
      <c r="EM9" s="190">
        <v>11575475</v>
      </c>
      <c r="EN9" s="191">
        <v>11627376</v>
      </c>
      <c r="EO9" s="194">
        <v>0</v>
      </c>
      <c r="EP9" s="193">
        <v>0</v>
      </c>
      <c r="EQ9" s="190">
        <v>0</v>
      </c>
      <c r="ER9" s="110">
        <v>0</v>
      </c>
      <c r="ES9" s="193">
        <v>0</v>
      </c>
      <c r="ET9" s="193">
        <v>0</v>
      </c>
      <c r="EU9" s="193">
        <v>0</v>
      </c>
      <c r="EV9" s="193">
        <v>0</v>
      </c>
      <c r="EW9" s="193">
        <v>0</v>
      </c>
      <c r="EX9" s="197">
        <v>0</v>
      </c>
      <c r="EY9" s="191">
        <v>0</v>
      </c>
      <c r="EZ9" s="194">
        <v>0</v>
      </c>
      <c r="FA9" s="193">
        <v>0</v>
      </c>
      <c r="FB9" s="190">
        <v>0</v>
      </c>
      <c r="FC9" s="389"/>
      <c r="FD9" s="193">
        <v>0</v>
      </c>
      <c r="FE9" s="193">
        <v>0</v>
      </c>
      <c r="FF9" s="193">
        <v>0</v>
      </c>
      <c r="FG9" s="193">
        <v>0</v>
      </c>
      <c r="FH9" s="193">
        <v>0</v>
      </c>
      <c r="FI9" s="197">
        <v>0</v>
      </c>
      <c r="FJ9" s="191">
        <v>0</v>
      </c>
      <c r="FK9" s="194">
        <v>4432441</v>
      </c>
      <c r="FL9" s="193">
        <v>8573929</v>
      </c>
      <c r="FM9" s="192">
        <v>13006370</v>
      </c>
      <c r="FN9" s="110">
        <v>0</v>
      </c>
      <c r="FO9" s="193">
        <v>12766232</v>
      </c>
      <c r="FP9" s="193">
        <v>36535475</v>
      </c>
      <c r="FQ9" s="193">
        <v>25814989</v>
      </c>
      <c r="FR9" s="193">
        <v>23571146</v>
      </c>
      <c r="FS9" s="193">
        <v>14526288</v>
      </c>
      <c r="FT9" s="192">
        <v>113214130</v>
      </c>
      <c r="FU9" s="191">
        <v>126220500</v>
      </c>
      <c r="FV9" s="194">
        <v>2542084</v>
      </c>
      <c r="FW9" s="193">
        <v>5978792</v>
      </c>
      <c r="FX9" s="190">
        <v>8520876</v>
      </c>
      <c r="FY9" s="195">
        <v>0</v>
      </c>
      <c r="FZ9" s="193">
        <v>10783804</v>
      </c>
      <c r="GA9" s="198">
        <v>33435218</v>
      </c>
      <c r="GB9" s="193">
        <v>24461316</v>
      </c>
      <c r="GC9" s="198">
        <v>22141418</v>
      </c>
      <c r="GD9" s="193">
        <v>14086904</v>
      </c>
      <c r="GE9" s="197">
        <v>104908660</v>
      </c>
      <c r="GF9" s="353">
        <v>113429536</v>
      </c>
      <c r="GG9" s="199">
        <v>180588</v>
      </c>
      <c r="GH9" s="193">
        <v>326448</v>
      </c>
      <c r="GI9" s="198">
        <v>507036</v>
      </c>
      <c r="GJ9" s="189">
        <v>0</v>
      </c>
      <c r="GK9" s="193">
        <v>468856</v>
      </c>
      <c r="GL9" s="190">
        <v>780300</v>
      </c>
      <c r="GM9" s="193">
        <v>388345</v>
      </c>
      <c r="GN9" s="190">
        <v>491488</v>
      </c>
      <c r="GO9" s="193">
        <v>230824</v>
      </c>
      <c r="GP9" s="279">
        <v>2359813</v>
      </c>
      <c r="GQ9" s="191">
        <v>2866849</v>
      </c>
      <c r="GR9" s="190">
        <v>1709769</v>
      </c>
      <c r="GS9" s="193">
        <v>2268689</v>
      </c>
      <c r="GT9" s="192">
        <v>3978458</v>
      </c>
      <c r="GU9" s="190">
        <v>0</v>
      </c>
      <c r="GV9" s="193">
        <v>1513572</v>
      </c>
      <c r="GW9" s="190">
        <v>2319957</v>
      </c>
      <c r="GX9" s="193">
        <v>965328</v>
      </c>
      <c r="GY9" s="190">
        <v>938240</v>
      </c>
      <c r="GZ9" s="193">
        <v>208560</v>
      </c>
      <c r="HA9" s="190">
        <v>5945657</v>
      </c>
      <c r="HB9" s="191">
        <v>9924115</v>
      </c>
      <c r="HC9" s="190">
        <v>10089101</v>
      </c>
      <c r="HD9" s="193">
        <v>12764929</v>
      </c>
      <c r="HE9" s="190">
        <v>22854030</v>
      </c>
      <c r="HF9" s="195">
        <v>0</v>
      </c>
      <c r="HG9" s="193">
        <v>81527557</v>
      </c>
      <c r="HH9" s="198">
        <v>85691879</v>
      </c>
      <c r="HI9" s="193">
        <v>82299726</v>
      </c>
      <c r="HJ9" s="198">
        <v>85768786</v>
      </c>
      <c r="HK9" s="193">
        <v>50334126</v>
      </c>
      <c r="HL9" s="197">
        <v>385622074</v>
      </c>
      <c r="HM9" s="190">
        <v>408476104</v>
      </c>
      <c r="HN9" s="365"/>
      <c r="HO9" s="366"/>
      <c r="HP9" s="367"/>
      <c r="HQ9" s="368"/>
      <c r="HR9" s="366"/>
      <c r="HS9" s="368"/>
      <c r="HT9" s="366"/>
      <c r="HU9" s="368"/>
      <c r="HV9" s="366"/>
      <c r="HW9" s="368"/>
      <c r="HX9" s="369"/>
      <c r="HY9" s="131">
        <v>618061</v>
      </c>
      <c r="HZ9" s="132">
        <v>805569</v>
      </c>
      <c r="IA9" s="133">
        <v>1423630</v>
      </c>
      <c r="IB9" s="120">
        <v>0</v>
      </c>
      <c r="IC9" s="132">
        <v>74692608</v>
      </c>
      <c r="ID9" s="134">
        <v>98492604</v>
      </c>
      <c r="IE9" s="135">
        <v>96252873</v>
      </c>
      <c r="IF9" s="132">
        <v>76457854</v>
      </c>
      <c r="IG9" s="135">
        <v>41406806</v>
      </c>
      <c r="IH9" s="136">
        <v>387302745</v>
      </c>
      <c r="II9" s="137">
        <v>388726375</v>
      </c>
      <c r="IJ9" s="260">
        <v>0</v>
      </c>
      <c r="IK9" s="266">
        <v>0</v>
      </c>
      <c r="IL9" s="267">
        <v>0</v>
      </c>
      <c r="IM9" s="138"/>
      <c r="IN9" s="139">
        <v>1450501</v>
      </c>
      <c r="IO9" s="139">
        <v>3241779</v>
      </c>
      <c r="IP9" s="139">
        <v>3840321</v>
      </c>
      <c r="IQ9" s="139">
        <v>5008670</v>
      </c>
      <c r="IR9" s="139">
        <v>3149228</v>
      </c>
      <c r="IS9" s="140">
        <v>16690499</v>
      </c>
      <c r="IT9" s="356">
        <v>16690499</v>
      </c>
      <c r="IU9" s="141">
        <v>0</v>
      </c>
      <c r="IV9" s="139">
        <v>0</v>
      </c>
      <c r="IW9" s="143">
        <v>0</v>
      </c>
      <c r="IX9" s="146"/>
      <c r="IY9" s="139">
        <v>256387</v>
      </c>
      <c r="IZ9" s="139">
        <v>820524</v>
      </c>
      <c r="JA9" s="139">
        <v>927926</v>
      </c>
      <c r="JB9" s="139">
        <v>971593</v>
      </c>
      <c r="JC9" s="139">
        <v>888624</v>
      </c>
      <c r="JD9" s="143">
        <v>3865054</v>
      </c>
      <c r="JE9" s="144">
        <v>3865054</v>
      </c>
      <c r="JF9" s="141">
        <v>0</v>
      </c>
      <c r="JG9" s="139">
        <v>0</v>
      </c>
      <c r="JH9" s="140">
        <v>0</v>
      </c>
      <c r="JI9" s="142">
        <v>0</v>
      </c>
      <c r="JJ9" s="139">
        <v>31942526</v>
      </c>
      <c r="JK9" s="139">
        <v>31871475</v>
      </c>
      <c r="JL9" s="139">
        <v>25293130</v>
      </c>
      <c r="JM9" s="139">
        <v>14724813</v>
      </c>
      <c r="JN9" s="139">
        <v>6138052</v>
      </c>
      <c r="JO9" s="143">
        <v>109969996</v>
      </c>
      <c r="JP9" s="356">
        <v>109969996</v>
      </c>
      <c r="JQ9" s="141">
        <v>59802</v>
      </c>
      <c r="JR9" s="139">
        <v>110554</v>
      </c>
      <c r="JS9" s="140">
        <v>170356</v>
      </c>
      <c r="JT9" s="142">
        <v>0</v>
      </c>
      <c r="JU9" s="139">
        <v>4631845</v>
      </c>
      <c r="JV9" s="139">
        <v>6237534</v>
      </c>
      <c r="JW9" s="139">
        <v>7090613</v>
      </c>
      <c r="JX9" s="139">
        <v>3966109</v>
      </c>
      <c r="JY9" s="139">
        <v>1706760</v>
      </c>
      <c r="JZ9" s="143">
        <v>23632861</v>
      </c>
      <c r="KA9" s="356">
        <v>23803217</v>
      </c>
      <c r="KB9" s="263">
        <v>558259</v>
      </c>
      <c r="KC9" s="257">
        <v>695015</v>
      </c>
      <c r="KD9" s="143">
        <v>1253274</v>
      </c>
      <c r="KE9" s="142">
        <v>0</v>
      </c>
      <c r="KF9" s="139">
        <v>10196939</v>
      </c>
      <c r="KG9" s="139">
        <v>14852701</v>
      </c>
      <c r="KH9" s="139">
        <v>15255779</v>
      </c>
      <c r="KI9" s="139">
        <v>14854878</v>
      </c>
      <c r="KJ9" s="139">
        <v>5866900</v>
      </c>
      <c r="KK9" s="143">
        <v>61027197</v>
      </c>
      <c r="KL9" s="145">
        <v>62280471</v>
      </c>
      <c r="KM9" s="260">
        <v>0</v>
      </c>
      <c r="KN9" s="266">
        <v>0</v>
      </c>
      <c r="KO9" s="267">
        <v>0</v>
      </c>
      <c r="KP9" s="138"/>
      <c r="KQ9" s="139">
        <v>22880239</v>
      </c>
      <c r="KR9" s="139">
        <v>37209732</v>
      </c>
      <c r="KS9" s="139">
        <v>34791485</v>
      </c>
      <c r="KT9" s="139">
        <v>25392737</v>
      </c>
      <c r="KU9" s="139">
        <v>10437968</v>
      </c>
      <c r="KV9" s="143">
        <v>130712161</v>
      </c>
      <c r="KW9" s="356">
        <v>130712161</v>
      </c>
      <c r="KX9" s="141">
        <v>0</v>
      </c>
      <c r="KY9" s="139">
        <v>0</v>
      </c>
      <c r="KZ9" s="143">
        <v>0</v>
      </c>
      <c r="LA9" s="147"/>
      <c r="LB9" s="139">
        <v>145589</v>
      </c>
      <c r="LC9" s="139">
        <v>800832</v>
      </c>
      <c r="LD9" s="139">
        <v>1150277</v>
      </c>
      <c r="LE9" s="139">
        <v>1964427</v>
      </c>
      <c r="LF9" s="139">
        <v>638181</v>
      </c>
      <c r="LG9" s="143">
        <v>4699306</v>
      </c>
      <c r="LH9" s="144">
        <v>4699306</v>
      </c>
      <c r="LI9" s="141">
        <v>0</v>
      </c>
      <c r="LJ9" s="139">
        <v>0</v>
      </c>
      <c r="LK9" s="143">
        <v>0</v>
      </c>
      <c r="LL9" s="147"/>
      <c r="LM9" s="139">
        <v>0</v>
      </c>
      <c r="LN9" s="139">
        <v>223036</v>
      </c>
      <c r="LO9" s="139">
        <v>3753752</v>
      </c>
      <c r="LP9" s="139">
        <v>3131752</v>
      </c>
      <c r="LQ9" s="139">
        <v>1840865</v>
      </c>
      <c r="LR9" s="143">
        <v>8949405</v>
      </c>
      <c r="LS9" s="356">
        <v>8949405</v>
      </c>
      <c r="LT9" s="141">
        <v>0</v>
      </c>
      <c r="LU9" s="139">
        <v>0</v>
      </c>
      <c r="LV9" s="143">
        <v>0</v>
      </c>
      <c r="LW9" s="147"/>
      <c r="LX9" s="139">
        <v>3188582</v>
      </c>
      <c r="LY9" s="139">
        <v>3234991</v>
      </c>
      <c r="LZ9" s="139">
        <v>4149590</v>
      </c>
      <c r="MA9" s="139">
        <v>6442875</v>
      </c>
      <c r="MB9" s="139">
        <v>10740228</v>
      </c>
      <c r="MC9" s="143">
        <v>27756266</v>
      </c>
      <c r="MD9" s="144">
        <v>27756266</v>
      </c>
      <c r="ME9" s="141">
        <v>0</v>
      </c>
      <c r="MF9" s="139">
        <v>0</v>
      </c>
      <c r="MG9" s="143">
        <v>0</v>
      </c>
      <c r="MH9" s="147"/>
      <c r="MI9" s="139">
        <v>21263920</v>
      </c>
      <c r="MJ9" s="139">
        <v>53864126</v>
      </c>
      <c r="MK9" s="139">
        <v>167364514</v>
      </c>
      <c r="ML9" s="139">
        <v>246850330</v>
      </c>
      <c r="MM9" s="139">
        <v>148682491</v>
      </c>
      <c r="MN9" s="143">
        <v>638025381</v>
      </c>
      <c r="MO9" s="145">
        <v>638025381</v>
      </c>
      <c r="MP9" s="141">
        <v>0</v>
      </c>
      <c r="MQ9" s="139">
        <v>0</v>
      </c>
      <c r="MR9" s="143">
        <v>0</v>
      </c>
      <c r="MS9" s="147"/>
      <c r="MT9" s="139">
        <v>1472810</v>
      </c>
      <c r="MU9" s="139">
        <v>9712401</v>
      </c>
      <c r="MV9" s="139">
        <v>94442863</v>
      </c>
      <c r="MW9" s="139">
        <v>148005557</v>
      </c>
      <c r="MX9" s="139">
        <v>92850646</v>
      </c>
      <c r="MY9" s="143">
        <v>346484277</v>
      </c>
      <c r="MZ9" s="145">
        <v>346484277</v>
      </c>
      <c r="NA9" s="141">
        <v>0</v>
      </c>
      <c r="NB9" s="139">
        <v>0</v>
      </c>
      <c r="NC9" s="143">
        <v>0</v>
      </c>
      <c r="ND9" s="147"/>
      <c r="NE9" s="139">
        <v>19791110</v>
      </c>
      <c r="NF9" s="139">
        <v>43945069</v>
      </c>
      <c r="NG9" s="139">
        <v>71541390</v>
      </c>
      <c r="NH9" s="139">
        <v>90190769</v>
      </c>
      <c r="NI9" s="139">
        <v>43828284</v>
      </c>
      <c r="NJ9" s="143">
        <v>269296622</v>
      </c>
      <c r="NK9" s="356">
        <v>269296622</v>
      </c>
      <c r="NL9" s="141">
        <v>0</v>
      </c>
      <c r="NM9" s="139">
        <v>0</v>
      </c>
      <c r="NN9" s="143">
        <v>0</v>
      </c>
      <c r="NO9" s="147"/>
      <c r="NP9" s="139">
        <v>0</v>
      </c>
      <c r="NQ9" s="139">
        <v>0</v>
      </c>
      <c r="NR9" s="139">
        <v>573614</v>
      </c>
      <c r="NS9" s="139">
        <v>4608995</v>
      </c>
      <c r="NT9" s="139">
        <v>4973435</v>
      </c>
      <c r="NU9" s="143">
        <v>10156044</v>
      </c>
      <c r="NV9" s="144">
        <v>10156044</v>
      </c>
      <c r="NW9" s="141">
        <v>0</v>
      </c>
      <c r="NX9" s="139">
        <v>0</v>
      </c>
      <c r="NY9" s="143">
        <v>0</v>
      </c>
      <c r="NZ9" s="147"/>
      <c r="OA9" s="139">
        <v>0</v>
      </c>
      <c r="OB9" s="139">
        <v>206656</v>
      </c>
      <c r="OC9" s="139">
        <v>806647</v>
      </c>
      <c r="OD9" s="139">
        <v>4045009</v>
      </c>
      <c r="OE9" s="139">
        <v>7030126</v>
      </c>
      <c r="OF9" s="143">
        <v>12088438</v>
      </c>
      <c r="OG9" s="144">
        <v>12088438</v>
      </c>
      <c r="OH9" s="141">
        <v>25515568</v>
      </c>
      <c r="OI9" s="139">
        <v>42582460</v>
      </c>
      <c r="OJ9" s="140">
        <v>68098028</v>
      </c>
      <c r="OK9" s="142">
        <v>0</v>
      </c>
      <c r="OL9" s="139">
        <v>364896403</v>
      </c>
      <c r="OM9" s="139">
        <v>506641280</v>
      </c>
      <c r="ON9" s="139">
        <v>574805992</v>
      </c>
      <c r="OO9" s="139">
        <v>600864673</v>
      </c>
      <c r="OP9" s="139">
        <v>370584809</v>
      </c>
      <c r="OQ9" s="143">
        <v>2417793157</v>
      </c>
      <c r="OR9" s="145">
        <v>2485891185</v>
      </c>
    </row>
    <row r="10" spans="1:408" ht="20.25" customHeight="1" x14ac:dyDescent="0.2">
      <c r="A10" s="129" t="s">
        <v>5</v>
      </c>
      <c r="B10" s="112">
        <v>10690031</v>
      </c>
      <c r="C10" s="116">
        <v>21043208</v>
      </c>
      <c r="D10" s="115">
        <v>31733239</v>
      </c>
      <c r="E10" s="111">
        <v>0</v>
      </c>
      <c r="F10" s="116">
        <v>98946017</v>
      </c>
      <c r="G10" s="116">
        <v>166619055</v>
      </c>
      <c r="H10" s="116">
        <v>145977885</v>
      </c>
      <c r="I10" s="116">
        <v>117614469</v>
      </c>
      <c r="J10" s="116">
        <v>75890307</v>
      </c>
      <c r="K10" s="111">
        <v>605047733</v>
      </c>
      <c r="L10" s="118">
        <v>636780972</v>
      </c>
      <c r="M10" s="112">
        <v>3621818</v>
      </c>
      <c r="N10" s="116">
        <v>8106687</v>
      </c>
      <c r="O10" s="115">
        <v>11728505</v>
      </c>
      <c r="P10" s="112">
        <v>0</v>
      </c>
      <c r="Q10" s="116">
        <v>31924935</v>
      </c>
      <c r="R10" s="116">
        <v>61535180</v>
      </c>
      <c r="S10" s="116">
        <v>47642780</v>
      </c>
      <c r="T10" s="116">
        <v>43867272</v>
      </c>
      <c r="U10" s="116">
        <v>37373398</v>
      </c>
      <c r="V10" s="115">
        <v>222343565</v>
      </c>
      <c r="W10" s="118">
        <v>234072070</v>
      </c>
      <c r="X10" s="112">
        <v>0</v>
      </c>
      <c r="Y10" s="116">
        <v>0</v>
      </c>
      <c r="Z10" s="115">
        <v>0</v>
      </c>
      <c r="AA10" s="112">
        <v>0</v>
      </c>
      <c r="AB10" s="116">
        <v>14191866</v>
      </c>
      <c r="AC10" s="116">
        <v>24998287</v>
      </c>
      <c r="AD10" s="116">
        <v>22549416</v>
      </c>
      <c r="AE10" s="116">
        <v>21239435</v>
      </c>
      <c r="AF10" s="116">
        <v>18272958</v>
      </c>
      <c r="AG10" s="115">
        <v>101251962</v>
      </c>
      <c r="AH10" s="118">
        <v>101251962</v>
      </c>
      <c r="AI10" s="112">
        <v>0</v>
      </c>
      <c r="AJ10" s="116">
        <v>32532</v>
      </c>
      <c r="AK10" s="115">
        <v>32532</v>
      </c>
      <c r="AL10" s="112">
        <v>0</v>
      </c>
      <c r="AM10" s="116">
        <v>124096</v>
      </c>
      <c r="AN10" s="116">
        <v>923416</v>
      </c>
      <c r="AO10" s="116">
        <v>1309076</v>
      </c>
      <c r="AP10" s="116">
        <v>2563575</v>
      </c>
      <c r="AQ10" s="116">
        <v>5005349</v>
      </c>
      <c r="AR10" s="115">
        <v>9925512</v>
      </c>
      <c r="AS10" s="118">
        <v>9958044</v>
      </c>
      <c r="AT10" s="112">
        <v>1890180</v>
      </c>
      <c r="AU10" s="116">
        <v>5510773</v>
      </c>
      <c r="AV10" s="115">
        <v>7400953</v>
      </c>
      <c r="AW10" s="112">
        <v>0</v>
      </c>
      <c r="AX10" s="116">
        <v>11468125</v>
      </c>
      <c r="AY10" s="116">
        <v>24891429</v>
      </c>
      <c r="AZ10" s="116">
        <v>14889218</v>
      </c>
      <c r="BA10" s="116">
        <v>12708923</v>
      </c>
      <c r="BB10" s="116">
        <v>9137618</v>
      </c>
      <c r="BC10" s="115">
        <v>73095313</v>
      </c>
      <c r="BD10" s="118">
        <v>80496266</v>
      </c>
      <c r="BE10" s="112">
        <v>272374</v>
      </c>
      <c r="BF10" s="116">
        <v>964158</v>
      </c>
      <c r="BG10" s="114">
        <v>1236532</v>
      </c>
      <c r="BH10" s="113">
        <v>0</v>
      </c>
      <c r="BI10" s="116">
        <v>407538</v>
      </c>
      <c r="BJ10" s="116">
        <v>1659040</v>
      </c>
      <c r="BK10" s="116">
        <v>1056390</v>
      </c>
      <c r="BL10" s="116">
        <v>882371</v>
      </c>
      <c r="BM10" s="116">
        <v>472609</v>
      </c>
      <c r="BN10" s="115">
        <v>4477948</v>
      </c>
      <c r="BO10" s="118">
        <v>5714480</v>
      </c>
      <c r="BP10" s="112">
        <v>1459264</v>
      </c>
      <c r="BQ10" s="116">
        <v>1599224</v>
      </c>
      <c r="BR10" s="115">
        <v>3058488</v>
      </c>
      <c r="BS10" s="112">
        <v>0</v>
      </c>
      <c r="BT10" s="116">
        <v>5733310</v>
      </c>
      <c r="BU10" s="116">
        <v>9063008</v>
      </c>
      <c r="BV10" s="116">
        <v>7838680</v>
      </c>
      <c r="BW10" s="116">
        <v>6472968</v>
      </c>
      <c r="BX10" s="116">
        <v>4484864</v>
      </c>
      <c r="BY10" s="115">
        <v>33592830</v>
      </c>
      <c r="BZ10" s="118">
        <v>36651318</v>
      </c>
      <c r="CA10" s="112">
        <v>1264955</v>
      </c>
      <c r="CB10" s="116">
        <v>3117333</v>
      </c>
      <c r="CC10" s="115">
        <v>4382288</v>
      </c>
      <c r="CD10" s="112">
        <v>0</v>
      </c>
      <c r="CE10" s="116">
        <v>28696706</v>
      </c>
      <c r="CF10" s="116">
        <v>42939668</v>
      </c>
      <c r="CG10" s="116">
        <v>32588383</v>
      </c>
      <c r="CH10" s="116">
        <v>14671989</v>
      </c>
      <c r="CI10" s="116">
        <v>5879154</v>
      </c>
      <c r="CJ10" s="115">
        <v>124775900</v>
      </c>
      <c r="CK10" s="118">
        <v>129158188</v>
      </c>
      <c r="CL10" s="112">
        <v>0</v>
      </c>
      <c r="CM10" s="116">
        <v>0</v>
      </c>
      <c r="CN10" s="115">
        <v>0</v>
      </c>
      <c r="CO10" s="113">
        <v>0</v>
      </c>
      <c r="CP10" s="116">
        <v>23080524</v>
      </c>
      <c r="CQ10" s="116">
        <v>31189975</v>
      </c>
      <c r="CR10" s="116">
        <v>22454180</v>
      </c>
      <c r="CS10" s="116">
        <v>9182883</v>
      </c>
      <c r="CT10" s="116">
        <v>4487356</v>
      </c>
      <c r="CU10" s="115">
        <v>90394918</v>
      </c>
      <c r="CV10" s="118">
        <v>90394918</v>
      </c>
      <c r="CW10" s="112">
        <v>1264955</v>
      </c>
      <c r="CX10" s="116">
        <v>3117333</v>
      </c>
      <c r="CY10" s="115">
        <v>4382288</v>
      </c>
      <c r="CZ10" s="112">
        <v>0</v>
      </c>
      <c r="DA10" s="116">
        <v>5616182</v>
      </c>
      <c r="DB10" s="116">
        <v>11749693</v>
      </c>
      <c r="DC10" s="116">
        <v>10134203</v>
      </c>
      <c r="DD10" s="116">
        <v>5489106</v>
      </c>
      <c r="DE10" s="116">
        <v>1391798</v>
      </c>
      <c r="DF10" s="115">
        <v>34380982</v>
      </c>
      <c r="DG10" s="118">
        <v>38763270</v>
      </c>
      <c r="DH10" s="112">
        <v>19165</v>
      </c>
      <c r="DI10" s="116">
        <v>390428</v>
      </c>
      <c r="DJ10" s="114">
        <v>409593</v>
      </c>
      <c r="DK10" s="113">
        <v>0</v>
      </c>
      <c r="DL10" s="116">
        <v>4149961</v>
      </c>
      <c r="DM10" s="116">
        <v>7443045</v>
      </c>
      <c r="DN10" s="116">
        <v>13028690</v>
      </c>
      <c r="DO10" s="116">
        <v>11127915</v>
      </c>
      <c r="DP10" s="116">
        <v>3872470</v>
      </c>
      <c r="DQ10" s="115">
        <v>39622081</v>
      </c>
      <c r="DR10" s="118">
        <v>40031674</v>
      </c>
      <c r="DS10" s="112">
        <v>19165</v>
      </c>
      <c r="DT10" s="116">
        <v>338527</v>
      </c>
      <c r="DU10" s="115">
        <v>357692</v>
      </c>
      <c r="DV10" s="112">
        <v>0</v>
      </c>
      <c r="DW10" s="116">
        <v>2952005</v>
      </c>
      <c r="DX10" s="116">
        <v>5768277</v>
      </c>
      <c r="DY10" s="116">
        <v>11032140</v>
      </c>
      <c r="DZ10" s="116">
        <v>10077571</v>
      </c>
      <c r="EA10" s="116">
        <v>2435702</v>
      </c>
      <c r="EB10" s="115">
        <v>32265695</v>
      </c>
      <c r="EC10" s="118">
        <v>32623387</v>
      </c>
      <c r="ED10" s="112">
        <v>0</v>
      </c>
      <c r="EE10" s="114">
        <v>51901</v>
      </c>
      <c r="EF10" s="115">
        <v>51901</v>
      </c>
      <c r="EG10" s="112">
        <v>0</v>
      </c>
      <c r="EH10" s="116">
        <v>1197956</v>
      </c>
      <c r="EI10" s="116">
        <v>1674768</v>
      </c>
      <c r="EJ10" s="116">
        <v>1996550</v>
      </c>
      <c r="EK10" s="116">
        <v>1050344</v>
      </c>
      <c r="EL10" s="116">
        <v>1436768</v>
      </c>
      <c r="EM10" s="114">
        <v>7356386</v>
      </c>
      <c r="EN10" s="118">
        <v>7408287</v>
      </c>
      <c r="EO10" s="112">
        <v>0</v>
      </c>
      <c r="EP10" s="116">
        <v>0</v>
      </c>
      <c r="EQ10" s="114">
        <v>0</v>
      </c>
      <c r="ER10" s="113">
        <v>0</v>
      </c>
      <c r="ES10" s="116">
        <v>0</v>
      </c>
      <c r="ET10" s="116">
        <v>0</v>
      </c>
      <c r="EU10" s="116">
        <v>0</v>
      </c>
      <c r="EV10" s="116">
        <v>0</v>
      </c>
      <c r="EW10" s="116">
        <v>0</v>
      </c>
      <c r="EX10" s="115">
        <v>0</v>
      </c>
      <c r="EY10" s="118">
        <v>0</v>
      </c>
      <c r="EZ10" s="112">
        <v>0</v>
      </c>
      <c r="FA10" s="116">
        <v>0</v>
      </c>
      <c r="FB10" s="114">
        <v>0</v>
      </c>
      <c r="FC10" s="390"/>
      <c r="FD10" s="116">
        <v>0</v>
      </c>
      <c r="FE10" s="116">
        <v>0</v>
      </c>
      <c r="FF10" s="116">
        <v>0</v>
      </c>
      <c r="FG10" s="116">
        <v>0</v>
      </c>
      <c r="FH10" s="116">
        <v>0</v>
      </c>
      <c r="FI10" s="115">
        <v>0</v>
      </c>
      <c r="FJ10" s="118">
        <v>0</v>
      </c>
      <c r="FK10" s="112">
        <v>1547885</v>
      </c>
      <c r="FL10" s="116">
        <v>3826033</v>
      </c>
      <c r="FM10" s="115">
        <v>5373918</v>
      </c>
      <c r="FN10" s="112">
        <v>0</v>
      </c>
      <c r="FO10" s="116">
        <v>3393860</v>
      </c>
      <c r="FP10" s="116">
        <v>15625704</v>
      </c>
      <c r="FQ10" s="116">
        <v>10946728</v>
      </c>
      <c r="FR10" s="116">
        <v>9313968</v>
      </c>
      <c r="FS10" s="116">
        <v>6063552</v>
      </c>
      <c r="FT10" s="115">
        <v>45343812</v>
      </c>
      <c r="FU10" s="118">
        <v>50717730</v>
      </c>
      <c r="FV10" s="117">
        <v>906044</v>
      </c>
      <c r="FW10" s="116">
        <v>2927440</v>
      </c>
      <c r="FX10" s="114">
        <v>3833484</v>
      </c>
      <c r="FY10" s="113">
        <v>0</v>
      </c>
      <c r="FZ10" s="116">
        <v>2901412</v>
      </c>
      <c r="GA10" s="116">
        <v>14834016</v>
      </c>
      <c r="GB10" s="116">
        <v>10722344</v>
      </c>
      <c r="GC10" s="116">
        <v>8741392</v>
      </c>
      <c r="GD10" s="116">
        <v>5990840</v>
      </c>
      <c r="GE10" s="115">
        <v>43190004</v>
      </c>
      <c r="GF10" s="354">
        <v>47023488</v>
      </c>
      <c r="GG10" s="117">
        <v>12320</v>
      </c>
      <c r="GH10" s="116">
        <v>70928</v>
      </c>
      <c r="GI10" s="114">
        <v>83248</v>
      </c>
      <c r="GJ10" s="113">
        <v>0</v>
      </c>
      <c r="GK10" s="116">
        <v>91688</v>
      </c>
      <c r="GL10" s="116">
        <v>210408</v>
      </c>
      <c r="GM10" s="116">
        <v>41184</v>
      </c>
      <c r="GN10" s="116">
        <v>145376</v>
      </c>
      <c r="GO10" s="116">
        <v>52712</v>
      </c>
      <c r="GP10" s="115">
        <v>541368</v>
      </c>
      <c r="GQ10" s="118">
        <v>624616</v>
      </c>
      <c r="GR10" s="112">
        <v>629521</v>
      </c>
      <c r="GS10" s="116">
        <v>827665</v>
      </c>
      <c r="GT10" s="115">
        <v>1457186</v>
      </c>
      <c r="GU10" s="112">
        <v>0</v>
      </c>
      <c r="GV10" s="116">
        <v>400760</v>
      </c>
      <c r="GW10" s="116">
        <v>581280</v>
      </c>
      <c r="GX10" s="116">
        <v>183200</v>
      </c>
      <c r="GY10" s="116">
        <v>427200</v>
      </c>
      <c r="GZ10" s="116">
        <v>20000</v>
      </c>
      <c r="HA10" s="114">
        <v>1612440</v>
      </c>
      <c r="HB10" s="118">
        <v>3069626</v>
      </c>
      <c r="HC10" s="112">
        <v>4236208</v>
      </c>
      <c r="HD10" s="116">
        <v>5602727</v>
      </c>
      <c r="HE10" s="114">
        <v>9838935</v>
      </c>
      <c r="HF10" s="113">
        <v>0</v>
      </c>
      <c r="HG10" s="116">
        <v>30780555</v>
      </c>
      <c r="HH10" s="116">
        <v>39075458</v>
      </c>
      <c r="HI10" s="116">
        <v>41771304</v>
      </c>
      <c r="HJ10" s="116">
        <v>38633325</v>
      </c>
      <c r="HK10" s="116">
        <v>22701733</v>
      </c>
      <c r="HL10" s="115">
        <v>172962375</v>
      </c>
      <c r="HM10" s="111">
        <v>182801310</v>
      </c>
      <c r="HN10" s="370"/>
      <c r="HO10" s="371"/>
      <c r="HP10" s="372"/>
      <c r="HQ10" s="373"/>
      <c r="HR10" s="371"/>
      <c r="HS10" s="371"/>
      <c r="HT10" s="371"/>
      <c r="HU10" s="371"/>
      <c r="HV10" s="371"/>
      <c r="HW10" s="374"/>
      <c r="HX10" s="375"/>
      <c r="HY10" s="148">
        <v>208466</v>
      </c>
      <c r="HZ10" s="149">
        <v>588801</v>
      </c>
      <c r="IA10" s="150">
        <v>797267</v>
      </c>
      <c r="IB10" s="151">
        <v>0</v>
      </c>
      <c r="IC10" s="152">
        <v>25150622</v>
      </c>
      <c r="ID10" s="153">
        <v>43772412</v>
      </c>
      <c r="IE10" s="154">
        <v>41288657</v>
      </c>
      <c r="IF10" s="152">
        <v>30108755</v>
      </c>
      <c r="IG10" s="154">
        <v>22106035</v>
      </c>
      <c r="IH10" s="155">
        <v>162426481</v>
      </c>
      <c r="II10" s="156">
        <v>163223748</v>
      </c>
      <c r="IJ10" s="261">
        <v>0</v>
      </c>
      <c r="IK10" s="268">
        <v>0</v>
      </c>
      <c r="IL10" s="269">
        <v>0</v>
      </c>
      <c r="IM10" s="157"/>
      <c r="IN10" s="122">
        <v>514450</v>
      </c>
      <c r="IO10" s="122">
        <v>1784402</v>
      </c>
      <c r="IP10" s="122">
        <v>2236498</v>
      </c>
      <c r="IQ10" s="122">
        <v>2363158</v>
      </c>
      <c r="IR10" s="122">
        <v>1966359</v>
      </c>
      <c r="IS10" s="158">
        <v>8864867</v>
      </c>
      <c r="IT10" s="357">
        <v>8864867</v>
      </c>
      <c r="IU10" s="159">
        <v>0</v>
      </c>
      <c r="IV10" s="122">
        <v>0</v>
      </c>
      <c r="IW10" s="123">
        <v>0</v>
      </c>
      <c r="IX10" s="161"/>
      <c r="IY10" s="122">
        <v>170991</v>
      </c>
      <c r="IZ10" s="122">
        <v>519869</v>
      </c>
      <c r="JA10" s="122">
        <v>794472</v>
      </c>
      <c r="JB10" s="122">
        <v>814477</v>
      </c>
      <c r="JC10" s="122">
        <v>734363</v>
      </c>
      <c r="JD10" s="123">
        <v>3034172</v>
      </c>
      <c r="JE10" s="124">
        <v>3034172</v>
      </c>
      <c r="JF10" s="159">
        <v>0</v>
      </c>
      <c r="JG10" s="122">
        <v>0</v>
      </c>
      <c r="JH10" s="158">
        <v>0</v>
      </c>
      <c r="JI10" s="121">
        <v>0</v>
      </c>
      <c r="JJ10" s="122">
        <v>11204721</v>
      </c>
      <c r="JK10" s="122">
        <v>15057486</v>
      </c>
      <c r="JL10" s="122">
        <v>12356823</v>
      </c>
      <c r="JM10" s="122">
        <v>7102703</v>
      </c>
      <c r="JN10" s="122">
        <v>3620320</v>
      </c>
      <c r="JO10" s="123">
        <v>49342053</v>
      </c>
      <c r="JP10" s="357">
        <v>49342053</v>
      </c>
      <c r="JQ10" s="159">
        <v>34128</v>
      </c>
      <c r="JR10" s="122">
        <v>93236</v>
      </c>
      <c r="JS10" s="158">
        <v>127364</v>
      </c>
      <c r="JT10" s="121">
        <v>0</v>
      </c>
      <c r="JU10" s="122">
        <v>1951007</v>
      </c>
      <c r="JV10" s="122">
        <v>3573825</v>
      </c>
      <c r="JW10" s="122">
        <v>3160960</v>
      </c>
      <c r="JX10" s="122">
        <v>2580043</v>
      </c>
      <c r="JY10" s="122">
        <v>1188244</v>
      </c>
      <c r="JZ10" s="123">
        <v>12454079</v>
      </c>
      <c r="KA10" s="357">
        <v>12581443</v>
      </c>
      <c r="KB10" s="264">
        <v>174338</v>
      </c>
      <c r="KC10" s="258">
        <v>495565</v>
      </c>
      <c r="KD10" s="123">
        <v>669903</v>
      </c>
      <c r="KE10" s="121">
        <v>0</v>
      </c>
      <c r="KF10" s="122">
        <v>3602678</v>
      </c>
      <c r="KG10" s="122">
        <v>5665743</v>
      </c>
      <c r="KH10" s="122">
        <v>6975614</v>
      </c>
      <c r="KI10" s="122">
        <v>6248363</v>
      </c>
      <c r="KJ10" s="122">
        <v>2780997</v>
      </c>
      <c r="KK10" s="123">
        <v>25273395</v>
      </c>
      <c r="KL10" s="160">
        <v>25943298</v>
      </c>
      <c r="KM10" s="261">
        <v>0</v>
      </c>
      <c r="KN10" s="268">
        <v>0</v>
      </c>
      <c r="KO10" s="269">
        <v>0</v>
      </c>
      <c r="KP10" s="157"/>
      <c r="KQ10" s="122">
        <v>6996689</v>
      </c>
      <c r="KR10" s="122">
        <v>16164327</v>
      </c>
      <c r="KS10" s="122">
        <v>14350994</v>
      </c>
      <c r="KT10" s="122">
        <v>9142178</v>
      </c>
      <c r="KU10" s="122">
        <v>4351401</v>
      </c>
      <c r="KV10" s="123">
        <v>51005589</v>
      </c>
      <c r="KW10" s="357">
        <v>51005589</v>
      </c>
      <c r="KX10" s="159">
        <v>0</v>
      </c>
      <c r="KY10" s="122">
        <v>0</v>
      </c>
      <c r="KZ10" s="123">
        <v>0</v>
      </c>
      <c r="LA10" s="162"/>
      <c r="LB10" s="122">
        <v>0</v>
      </c>
      <c r="LC10" s="122">
        <v>0</v>
      </c>
      <c r="LD10" s="122">
        <v>0</v>
      </c>
      <c r="LE10" s="122">
        <v>0</v>
      </c>
      <c r="LF10" s="122">
        <v>0</v>
      </c>
      <c r="LG10" s="123">
        <v>0</v>
      </c>
      <c r="LH10" s="124">
        <v>0</v>
      </c>
      <c r="LI10" s="159">
        <v>0</v>
      </c>
      <c r="LJ10" s="122">
        <v>0</v>
      </c>
      <c r="LK10" s="123">
        <v>0</v>
      </c>
      <c r="LL10" s="162"/>
      <c r="LM10" s="122">
        <v>0</v>
      </c>
      <c r="LN10" s="122">
        <v>223036</v>
      </c>
      <c r="LO10" s="122">
        <v>484834</v>
      </c>
      <c r="LP10" s="122">
        <v>518718</v>
      </c>
      <c r="LQ10" s="122">
        <v>555765</v>
      </c>
      <c r="LR10" s="123">
        <v>1782353</v>
      </c>
      <c r="LS10" s="357">
        <v>1782353</v>
      </c>
      <c r="LT10" s="159">
        <v>0</v>
      </c>
      <c r="LU10" s="122">
        <v>0</v>
      </c>
      <c r="LV10" s="123">
        <v>0</v>
      </c>
      <c r="LW10" s="162"/>
      <c r="LX10" s="122">
        <v>710086</v>
      </c>
      <c r="LY10" s="122">
        <v>783724</v>
      </c>
      <c r="LZ10" s="122">
        <v>928462</v>
      </c>
      <c r="MA10" s="122">
        <v>1339115</v>
      </c>
      <c r="MB10" s="122">
        <v>6908586</v>
      </c>
      <c r="MC10" s="123">
        <v>10669973</v>
      </c>
      <c r="MD10" s="124">
        <v>10669973</v>
      </c>
      <c r="ME10" s="159">
        <v>0</v>
      </c>
      <c r="MF10" s="122">
        <v>0</v>
      </c>
      <c r="MG10" s="123">
        <v>0</v>
      </c>
      <c r="MH10" s="162"/>
      <c r="MI10" s="122">
        <v>8752544</v>
      </c>
      <c r="MJ10" s="122">
        <v>29069199</v>
      </c>
      <c r="MK10" s="122">
        <v>82236707</v>
      </c>
      <c r="ML10" s="122">
        <v>112441666</v>
      </c>
      <c r="MM10" s="122">
        <v>72179758</v>
      </c>
      <c r="MN10" s="123">
        <v>304679874</v>
      </c>
      <c r="MO10" s="160">
        <v>304679874</v>
      </c>
      <c r="MP10" s="159">
        <v>0</v>
      </c>
      <c r="MQ10" s="122">
        <v>0</v>
      </c>
      <c r="MR10" s="123">
        <v>0</v>
      </c>
      <c r="MS10" s="162"/>
      <c r="MT10" s="122">
        <v>398620</v>
      </c>
      <c r="MU10" s="122">
        <v>6011337</v>
      </c>
      <c r="MV10" s="122">
        <v>49484779</v>
      </c>
      <c r="MW10" s="122">
        <v>63928235</v>
      </c>
      <c r="MX10" s="122">
        <v>44560568</v>
      </c>
      <c r="MY10" s="123">
        <v>164383539</v>
      </c>
      <c r="MZ10" s="160">
        <v>164383539</v>
      </c>
      <c r="NA10" s="159">
        <v>0</v>
      </c>
      <c r="NB10" s="122">
        <v>0</v>
      </c>
      <c r="NC10" s="123">
        <v>0</v>
      </c>
      <c r="ND10" s="162"/>
      <c r="NE10" s="122">
        <v>8353924</v>
      </c>
      <c r="NF10" s="122">
        <v>23057862</v>
      </c>
      <c r="NG10" s="122">
        <v>32751928</v>
      </c>
      <c r="NH10" s="122">
        <v>45736015</v>
      </c>
      <c r="NI10" s="122">
        <v>23981707</v>
      </c>
      <c r="NJ10" s="123">
        <v>133881436</v>
      </c>
      <c r="NK10" s="357">
        <v>133881436</v>
      </c>
      <c r="NL10" s="159">
        <v>0</v>
      </c>
      <c r="NM10" s="122">
        <v>0</v>
      </c>
      <c r="NN10" s="123">
        <v>0</v>
      </c>
      <c r="NO10" s="162"/>
      <c r="NP10" s="122">
        <v>0</v>
      </c>
      <c r="NQ10" s="122">
        <v>0</v>
      </c>
      <c r="NR10" s="122">
        <v>0</v>
      </c>
      <c r="NS10" s="122">
        <v>1164667</v>
      </c>
      <c r="NT10" s="122">
        <v>1894762</v>
      </c>
      <c r="NU10" s="123">
        <v>3059429</v>
      </c>
      <c r="NV10" s="124">
        <v>3059429</v>
      </c>
      <c r="NW10" s="159">
        <v>0</v>
      </c>
      <c r="NX10" s="122">
        <v>0</v>
      </c>
      <c r="NY10" s="123">
        <v>0</v>
      </c>
      <c r="NZ10" s="162"/>
      <c r="OA10" s="122">
        <v>0</v>
      </c>
      <c r="OB10" s="122">
        <v>0</v>
      </c>
      <c r="OC10" s="122">
        <v>0</v>
      </c>
      <c r="OD10" s="122">
        <v>1612749</v>
      </c>
      <c r="OE10" s="122">
        <v>1742721</v>
      </c>
      <c r="OF10" s="123">
        <v>3355470</v>
      </c>
      <c r="OG10" s="124">
        <v>3355470</v>
      </c>
      <c r="OH10" s="159">
        <v>10898497</v>
      </c>
      <c r="OI10" s="122">
        <v>21632009</v>
      </c>
      <c r="OJ10" s="158">
        <v>32530506</v>
      </c>
      <c r="OK10" s="121">
        <v>0</v>
      </c>
      <c r="OL10" s="122">
        <v>132849183</v>
      </c>
      <c r="OM10" s="122">
        <v>239460666</v>
      </c>
      <c r="ON10" s="122">
        <v>269503249</v>
      </c>
      <c r="OO10" s="122">
        <v>260164890</v>
      </c>
      <c r="OP10" s="122">
        <v>170176100</v>
      </c>
      <c r="OQ10" s="123">
        <v>1072154088</v>
      </c>
      <c r="OR10" s="160">
        <v>1104684594</v>
      </c>
    </row>
    <row r="11" spans="1:408" ht="20.25" customHeight="1" x14ac:dyDescent="0.2">
      <c r="A11" s="129" t="s">
        <v>6</v>
      </c>
      <c r="B11" s="112">
        <v>4020756</v>
      </c>
      <c r="C11" s="116">
        <v>3753866</v>
      </c>
      <c r="D11" s="115">
        <v>7774622</v>
      </c>
      <c r="E11" s="111">
        <v>0</v>
      </c>
      <c r="F11" s="116">
        <v>35779243</v>
      </c>
      <c r="G11" s="116">
        <v>39916095</v>
      </c>
      <c r="H11" s="116">
        <v>32245747</v>
      </c>
      <c r="I11" s="116">
        <v>39335455</v>
      </c>
      <c r="J11" s="116">
        <v>25208298</v>
      </c>
      <c r="K11" s="111">
        <v>172484838</v>
      </c>
      <c r="L11" s="118">
        <v>180259460</v>
      </c>
      <c r="M11" s="112">
        <v>1125448</v>
      </c>
      <c r="N11" s="116">
        <v>1299320</v>
      </c>
      <c r="O11" s="115">
        <v>2424768</v>
      </c>
      <c r="P11" s="112">
        <v>0</v>
      </c>
      <c r="Q11" s="116">
        <v>12155673</v>
      </c>
      <c r="R11" s="116">
        <v>13599393</v>
      </c>
      <c r="S11" s="116">
        <v>10959210</v>
      </c>
      <c r="T11" s="116">
        <v>15773045</v>
      </c>
      <c r="U11" s="116">
        <v>12960414</v>
      </c>
      <c r="V11" s="115">
        <v>65447735</v>
      </c>
      <c r="W11" s="118">
        <v>67872503</v>
      </c>
      <c r="X11" s="112">
        <v>0</v>
      </c>
      <c r="Y11" s="116">
        <v>0</v>
      </c>
      <c r="Z11" s="115">
        <v>0</v>
      </c>
      <c r="AA11" s="112">
        <v>0</v>
      </c>
      <c r="AB11" s="116">
        <v>4811435</v>
      </c>
      <c r="AC11" s="116">
        <v>5878724</v>
      </c>
      <c r="AD11" s="116">
        <v>5517938</v>
      </c>
      <c r="AE11" s="116">
        <v>7488989</v>
      </c>
      <c r="AF11" s="116">
        <v>6509035</v>
      </c>
      <c r="AG11" s="115">
        <v>30206121</v>
      </c>
      <c r="AH11" s="118">
        <v>30206121</v>
      </c>
      <c r="AI11" s="112">
        <v>0</v>
      </c>
      <c r="AJ11" s="116">
        <v>0</v>
      </c>
      <c r="AK11" s="115">
        <v>0</v>
      </c>
      <c r="AL11" s="112">
        <v>0</v>
      </c>
      <c r="AM11" s="116">
        <v>36081</v>
      </c>
      <c r="AN11" s="116">
        <v>132299</v>
      </c>
      <c r="AO11" s="116">
        <v>206374</v>
      </c>
      <c r="AP11" s="116">
        <v>1196619</v>
      </c>
      <c r="AQ11" s="116">
        <v>1426625</v>
      </c>
      <c r="AR11" s="115">
        <v>2997998</v>
      </c>
      <c r="AS11" s="118">
        <v>2997998</v>
      </c>
      <c r="AT11" s="112">
        <v>430588</v>
      </c>
      <c r="AU11" s="116">
        <v>905784</v>
      </c>
      <c r="AV11" s="115">
        <v>1336372</v>
      </c>
      <c r="AW11" s="112">
        <v>0</v>
      </c>
      <c r="AX11" s="116">
        <v>4555992</v>
      </c>
      <c r="AY11" s="116">
        <v>4600131</v>
      </c>
      <c r="AZ11" s="116">
        <v>2823971</v>
      </c>
      <c r="BA11" s="116">
        <v>4375237</v>
      </c>
      <c r="BB11" s="116">
        <v>3241471</v>
      </c>
      <c r="BC11" s="115">
        <v>19596802</v>
      </c>
      <c r="BD11" s="118">
        <v>20933174</v>
      </c>
      <c r="BE11" s="112">
        <v>32220</v>
      </c>
      <c r="BF11" s="116">
        <v>32064</v>
      </c>
      <c r="BG11" s="114">
        <v>64284</v>
      </c>
      <c r="BH11" s="113">
        <v>0</v>
      </c>
      <c r="BI11" s="116">
        <v>307773</v>
      </c>
      <c r="BJ11" s="116">
        <v>333831</v>
      </c>
      <c r="BK11" s="116">
        <v>83503</v>
      </c>
      <c r="BL11" s="116">
        <v>293352</v>
      </c>
      <c r="BM11" s="116">
        <v>265587</v>
      </c>
      <c r="BN11" s="115">
        <v>1284046</v>
      </c>
      <c r="BO11" s="118">
        <v>1348330</v>
      </c>
      <c r="BP11" s="112">
        <v>662640</v>
      </c>
      <c r="BQ11" s="116">
        <v>361472</v>
      </c>
      <c r="BR11" s="115">
        <v>1024112</v>
      </c>
      <c r="BS11" s="112">
        <v>0</v>
      </c>
      <c r="BT11" s="116">
        <v>2444392</v>
      </c>
      <c r="BU11" s="116">
        <v>2654408</v>
      </c>
      <c r="BV11" s="116">
        <v>2327424</v>
      </c>
      <c r="BW11" s="116">
        <v>2418848</v>
      </c>
      <c r="BX11" s="116">
        <v>1517696</v>
      </c>
      <c r="BY11" s="115">
        <v>11362768</v>
      </c>
      <c r="BZ11" s="118">
        <v>12386880</v>
      </c>
      <c r="CA11" s="112">
        <v>107943</v>
      </c>
      <c r="CB11" s="116">
        <v>358782</v>
      </c>
      <c r="CC11" s="115">
        <v>466725</v>
      </c>
      <c r="CD11" s="112">
        <v>0</v>
      </c>
      <c r="CE11" s="116">
        <v>10379470</v>
      </c>
      <c r="CF11" s="116">
        <v>9983422</v>
      </c>
      <c r="CG11" s="116">
        <v>7425063</v>
      </c>
      <c r="CH11" s="116">
        <v>5382008</v>
      </c>
      <c r="CI11" s="116">
        <v>2850681</v>
      </c>
      <c r="CJ11" s="115">
        <v>36020644</v>
      </c>
      <c r="CK11" s="118">
        <v>36487369</v>
      </c>
      <c r="CL11" s="112">
        <v>0</v>
      </c>
      <c r="CM11" s="116">
        <v>0</v>
      </c>
      <c r="CN11" s="115">
        <v>0</v>
      </c>
      <c r="CO11" s="113">
        <v>0</v>
      </c>
      <c r="CP11" s="116">
        <v>8624571</v>
      </c>
      <c r="CQ11" s="116">
        <v>7351005</v>
      </c>
      <c r="CR11" s="116">
        <v>5979465</v>
      </c>
      <c r="CS11" s="116">
        <v>4024181</v>
      </c>
      <c r="CT11" s="116">
        <v>1850549</v>
      </c>
      <c r="CU11" s="115">
        <v>27829771</v>
      </c>
      <c r="CV11" s="118">
        <v>27829771</v>
      </c>
      <c r="CW11" s="112">
        <v>107943</v>
      </c>
      <c r="CX11" s="116">
        <v>358782</v>
      </c>
      <c r="CY11" s="115">
        <v>466725</v>
      </c>
      <c r="CZ11" s="112">
        <v>0</v>
      </c>
      <c r="DA11" s="116">
        <v>1754899</v>
      </c>
      <c r="DB11" s="116">
        <v>2632417</v>
      </c>
      <c r="DC11" s="116">
        <v>1445598</v>
      </c>
      <c r="DD11" s="116">
        <v>1357827</v>
      </c>
      <c r="DE11" s="116">
        <v>1000132</v>
      </c>
      <c r="DF11" s="115">
        <v>8190873</v>
      </c>
      <c r="DG11" s="118">
        <v>8657598</v>
      </c>
      <c r="DH11" s="112">
        <v>0</v>
      </c>
      <c r="DI11" s="116">
        <v>17973</v>
      </c>
      <c r="DJ11" s="114">
        <v>17973</v>
      </c>
      <c r="DK11" s="113">
        <v>0</v>
      </c>
      <c r="DL11" s="116">
        <v>732647</v>
      </c>
      <c r="DM11" s="116">
        <v>1549788</v>
      </c>
      <c r="DN11" s="116">
        <v>1694250</v>
      </c>
      <c r="DO11" s="116">
        <v>2765332</v>
      </c>
      <c r="DP11" s="116">
        <v>1525133</v>
      </c>
      <c r="DQ11" s="115">
        <v>8267150</v>
      </c>
      <c r="DR11" s="118">
        <v>8285123</v>
      </c>
      <c r="DS11" s="112">
        <v>0</v>
      </c>
      <c r="DT11" s="116">
        <v>17973</v>
      </c>
      <c r="DU11" s="115">
        <v>17973</v>
      </c>
      <c r="DV11" s="112">
        <v>0</v>
      </c>
      <c r="DW11" s="116">
        <v>690274</v>
      </c>
      <c r="DX11" s="116">
        <v>1394152</v>
      </c>
      <c r="DY11" s="116">
        <v>1428774</v>
      </c>
      <c r="DZ11" s="116">
        <v>2123670</v>
      </c>
      <c r="EA11" s="116">
        <v>882959</v>
      </c>
      <c r="EB11" s="115">
        <v>6519829</v>
      </c>
      <c r="EC11" s="118">
        <v>6537802</v>
      </c>
      <c r="ED11" s="112">
        <v>0</v>
      </c>
      <c r="EE11" s="114">
        <v>0</v>
      </c>
      <c r="EF11" s="115">
        <v>0</v>
      </c>
      <c r="EG11" s="112">
        <v>0</v>
      </c>
      <c r="EH11" s="116">
        <v>42373</v>
      </c>
      <c r="EI11" s="116">
        <v>155636</v>
      </c>
      <c r="EJ11" s="116">
        <v>265476</v>
      </c>
      <c r="EK11" s="116">
        <v>641662</v>
      </c>
      <c r="EL11" s="116">
        <v>642174</v>
      </c>
      <c r="EM11" s="114">
        <v>1747321</v>
      </c>
      <c r="EN11" s="118">
        <v>1747321</v>
      </c>
      <c r="EO11" s="112">
        <v>0</v>
      </c>
      <c r="EP11" s="116">
        <v>0</v>
      </c>
      <c r="EQ11" s="114">
        <v>0</v>
      </c>
      <c r="ER11" s="113">
        <v>0</v>
      </c>
      <c r="ES11" s="116">
        <v>0</v>
      </c>
      <c r="ET11" s="116">
        <v>0</v>
      </c>
      <c r="EU11" s="116">
        <v>0</v>
      </c>
      <c r="EV11" s="116">
        <v>0</v>
      </c>
      <c r="EW11" s="116">
        <v>0</v>
      </c>
      <c r="EX11" s="115">
        <v>0</v>
      </c>
      <c r="EY11" s="118">
        <v>0</v>
      </c>
      <c r="EZ11" s="112">
        <v>0</v>
      </c>
      <c r="FA11" s="116">
        <v>0</v>
      </c>
      <c r="FB11" s="114">
        <v>0</v>
      </c>
      <c r="FC11" s="390"/>
      <c r="FD11" s="116">
        <v>0</v>
      </c>
      <c r="FE11" s="116">
        <v>0</v>
      </c>
      <c r="FF11" s="116">
        <v>0</v>
      </c>
      <c r="FG11" s="116">
        <v>0</v>
      </c>
      <c r="FH11" s="116">
        <v>0</v>
      </c>
      <c r="FI11" s="115">
        <v>0</v>
      </c>
      <c r="FJ11" s="118">
        <v>0</v>
      </c>
      <c r="FK11" s="112">
        <v>615064</v>
      </c>
      <c r="FL11" s="116">
        <v>802640</v>
      </c>
      <c r="FM11" s="115">
        <v>1417704</v>
      </c>
      <c r="FN11" s="112">
        <v>0</v>
      </c>
      <c r="FO11" s="116">
        <v>1911620</v>
      </c>
      <c r="FP11" s="116">
        <v>3648698</v>
      </c>
      <c r="FQ11" s="116">
        <v>3144538</v>
      </c>
      <c r="FR11" s="116">
        <v>3540256</v>
      </c>
      <c r="FS11" s="116">
        <v>2177576</v>
      </c>
      <c r="FT11" s="115">
        <v>14422688</v>
      </c>
      <c r="FU11" s="118">
        <v>15840392</v>
      </c>
      <c r="FV11" s="117">
        <v>357296</v>
      </c>
      <c r="FW11" s="116">
        <v>633816</v>
      </c>
      <c r="FX11" s="114">
        <v>991112</v>
      </c>
      <c r="FY11" s="113">
        <v>0</v>
      </c>
      <c r="FZ11" s="116">
        <v>1822328</v>
      </c>
      <c r="GA11" s="116">
        <v>3561938</v>
      </c>
      <c r="GB11" s="116">
        <v>3105290</v>
      </c>
      <c r="GC11" s="116">
        <v>3450736</v>
      </c>
      <c r="GD11" s="116">
        <v>2163416</v>
      </c>
      <c r="GE11" s="115">
        <v>14103708</v>
      </c>
      <c r="GF11" s="354">
        <v>15094820</v>
      </c>
      <c r="GG11" s="117">
        <v>67208</v>
      </c>
      <c r="GH11" s="116">
        <v>17160</v>
      </c>
      <c r="GI11" s="114">
        <v>84368</v>
      </c>
      <c r="GJ11" s="113">
        <v>0</v>
      </c>
      <c r="GK11" s="116">
        <v>0</v>
      </c>
      <c r="GL11" s="116">
        <v>0</v>
      </c>
      <c r="GM11" s="116">
        <v>0</v>
      </c>
      <c r="GN11" s="116">
        <v>0</v>
      </c>
      <c r="GO11" s="116">
        <v>0</v>
      </c>
      <c r="GP11" s="115">
        <v>0</v>
      </c>
      <c r="GQ11" s="118">
        <v>84368</v>
      </c>
      <c r="GR11" s="112">
        <v>190560</v>
      </c>
      <c r="GS11" s="116">
        <v>151664</v>
      </c>
      <c r="GT11" s="115">
        <v>342224</v>
      </c>
      <c r="GU11" s="112">
        <v>0</v>
      </c>
      <c r="GV11" s="116">
        <v>89292</v>
      </c>
      <c r="GW11" s="116">
        <v>86760</v>
      </c>
      <c r="GX11" s="116">
        <v>39248</v>
      </c>
      <c r="GY11" s="116">
        <v>89520</v>
      </c>
      <c r="GZ11" s="116">
        <v>14160</v>
      </c>
      <c r="HA11" s="114">
        <v>318980</v>
      </c>
      <c r="HB11" s="118">
        <v>661204</v>
      </c>
      <c r="HC11" s="112">
        <v>2172301</v>
      </c>
      <c r="HD11" s="116">
        <v>1275151</v>
      </c>
      <c r="HE11" s="114">
        <v>3447452</v>
      </c>
      <c r="HF11" s="113">
        <v>0</v>
      </c>
      <c r="HG11" s="116">
        <v>10599833</v>
      </c>
      <c r="HH11" s="116">
        <v>11134794</v>
      </c>
      <c r="HI11" s="116">
        <v>9022686</v>
      </c>
      <c r="HJ11" s="116">
        <v>11874814</v>
      </c>
      <c r="HK11" s="116">
        <v>5694494</v>
      </c>
      <c r="HL11" s="115">
        <v>48326621</v>
      </c>
      <c r="HM11" s="111">
        <v>51774073</v>
      </c>
      <c r="HN11" s="370"/>
      <c r="HO11" s="371"/>
      <c r="HP11" s="372"/>
      <c r="HQ11" s="373"/>
      <c r="HR11" s="371"/>
      <c r="HS11" s="371"/>
      <c r="HT11" s="371"/>
      <c r="HU11" s="371"/>
      <c r="HV11" s="371"/>
      <c r="HW11" s="374"/>
      <c r="HX11" s="375"/>
      <c r="HY11" s="148">
        <v>80833</v>
      </c>
      <c r="HZ11" s="149">
        <v>68152</v>
      </c>
      <c r="IA11" s="150">
        <v>148985</v>
      </c>
      <c r="IB11" s="163">
        <v>0</v>
      </c>
      <c r="IC11" s="149">
        <v>11433663</v>
      </c>
      <c r="ID11" s="164">
        <v>13659865</v>
      </c>
      <c r="IE11" s="150">
        <v>16854204</v>
      </c>
      <c r="IF11" s="149">
        <v>13072060</v>
      </c>
      <c r="IG11" s="150">
        <v>5077615</v>
      </c>
      <c r="IH11" s="165">
        <v>60097407</v>
      </c>
      <c r="II11" s="156">
        <v>60246392</v>
      </c>
      <c r="IJ11" s="261">
        <v>0</v>
      </c>
      <c r="IK11" s="268">
        <v>0</v>
      </c>
      <c r="IL11" s="269">
        <v>0</v>
      </c>
      <c r="IM11" s="157"/>
      <c r="IN11" s="122">
        <v>255454</v>
      </c>
      <c r="IO11" s="122">
        <v>576161</v>
      </c>
      <c r="IP11" s="122">
        <v>794460</v>
      </c>
      <c r="IQ11" s="122">
        <v>1306467</v>
      </c>
      <c r="IR11" s="122">
        <v>626001</v>
      </c>
      <c r="IS11" s="158">
        <v>3558543</v>
      </c>
      <c r="IT11" s="357">
        <v>3558543</v>
      </c>
      <c r="IU11" s="159">
        <v>0</v>
      </c>
      <c r="IV11" s="122">
        <v>0</v>
      </c>
      <c r="IW11" s="123">
        <v>0</v>
      </c>
      <c r="IX11" s="161"/>
      <c r="IY11" s="122">
        <v>67731</v>
      </c>
      <c r="IZ11" s="122">
        <v>269230</v>
      </c>
      <c r="JA11" s="122">
        <v>112504</v>
      </c>
      <c r="JB11" s="122">
        <v>157116</v>
      </c>
      <c r="JC11" s="122">
        <v>137758</v>
      </c>
      <c r="JD11" s="123">
        <v>744339</v>
      </c>
      <c r="JE11" s="124">
        <v>744339</v>
      </c>
      <c r="JF11" s="159">
        <v>0</v>
      </c>
      <c r="JG11" s="122">
        <v>0</v>
      </c>
      <c r="JH11" s="158">
        <v>0</v>
      </c>
      <c r="JI11" s="121">
        <v>0</v>
      </c>
      <c r="JJ11" s="122">
        <v>4292124</v>
      </c>
      <c r="JK11" s="122">
        <v>3206257</v>
      </c>
      <c r="JL11" s="122">
        <v>2879401</v>
      </c>
      <c r="JM11" s="122">
        <v>2121541</v>
      </c>
      <c r="JN11" s="122">
        <v>504195</v>
      </c>
      <c r="JO11" s="123">
        <v>13003518</v>
      </c>
      <c r="JP11" s="357">
        <v>13003518</v>
      </c>
      <c r="JQ11" s="159">
        <v>0</v>
      </c>
      <c r="JR11" s="122">
        <v>0</v>
      </c>
      <c r="JS11" s="158">
        <v>0</v>
      </c>
      <c r="JT11" s="121">
        <v>0</v>
      </c>
      <c r="JU11" s="122">
        <v>1084903</v>
      </c>
      <c r="JV11" s="122">
        <v>879366</v>
      </c>
      <c r="JW11" s="122">
        <v>1786865</v>
      </c>
      <c r="JX11" s="122">
        <v>770289</v>
      </c>
      <c r="JY11" s="122">
        <v>428044</v>
      </c>
      <c r="JZ11" s="123">
        <v>4949467</v>
      </c>
      <c r="KA11" s="357">
        <v>4949467</v>
      </c>
      <c r="KB11" s="264">
        <v>80833</v>
      </c>
      <c r="KC11" s="258">
        <v>68152</v>
      </c>
      <c r="KD11" s="123">
        <v>148985</v>
      </c>
      <c r="KE11" s="121">
        <v>0</v>
      </c>
      <c r="KF11" s="122">
        <v>1126723</v>
      </c>
      <c r="KG11" s="122">
        <v>2670270</v>
      </c>
      <c r="KH11" s="122">
        <v>1844223</v>
      </c>
      <c r="KI11" s="122">
        <v>1535850</v>
      </c>
      <c r="KJ11" s="122">
        <v>566498</v>
      </c>
      <c r="KK11" s="123">
        <v>7743564</v>
      </c>
      <c r="KL11" s="160">
        <v>7892549</v>
      </c>
      <c r="KM11" s="261">
        <v>0</v>
      </c>
      <c r="KN11" s="268">
        <v>0</v>
      </c>
      <c r="KO11" s="269">
        <v>0</v>
      </c>
      <c r="KP11" s="157"/>
      <c r="KQ11" s="122">
        <v>3868756</v>
      </c>
      <c r="KR11" s="122">
        <v>5220980</v>
      </c>
      <c r="KS11" s="122">
        <v>6202941</v>
      </c>
      <c r="KT11" s="122">
        <v>4175881</v>
      </c>
      <c r="KU11" s="122">
        <v>1838045</v>
      </c>
      <c r="KV11" s="123">
        <v>21306603</v>
      </c>
      <c r="KW11" s="357">
        <v>21306603</v>
      </c>
      <c r="KX11" s="159">
        <v>0</v>
      </c>
      <c r="KY11" s="122">
        <v>0</v>
      </c>
      <c r="KZ11" s="123">
        <v>0</v>
      </c>
      <c r="LA11" s="162"/>
      <c r="LB11" s="122">
        <v>0</v>
      </c>
      <c r="LC11" s="122">
        <v>0</v>
      </c>
      <c r="LD11" s="122">
        <v>0</v>
      </c>
      <c r="LE11" s="122">
        <v>0</v>
      </c>
      <c r="LF11" s="122">
        <v>0</v>
      </c>
      <c r="LG11" s="123">
        <v>0</v>
      </c>
      <c r="LH11" s="124">
        <v>0</v>
      </c>
      <c r="LI11" s="159">
        <v>0</v>
      </c>
      <c r="LJ11" s="122">
        <v>0</v>
      </c>
      <c r="LK11" s="123">
        <v>0</v>
      </c>
      <c r="LL11" s="162"/>
      <c r="LM11" s="122">
        <v>0</v>
      </c>
      <c r="LN11" s="122">
        <v>0</v>
      </c>
      <c r="LO11" s="122">
        <v>1892544</v>
      </c>
      <c r="LP11" s="122">
        <v>769909</v>
      </c>
      <c r="LQ11" s="122">
        <v>290374</v>
      </c>
      <c r="LR11" s="123">
        <v>2952827</v>
      </c>
      <c r="LS11" s="357">
        <v>2952827</v>
      </c>
      <c r="LT11" s="159">
        <v>0</v>
      </c>
      <c r="LU11" s="122">
        <v>0</v>
      </c>
      <c r="LV11" s="123">
        <v>0</v>
      </c>
      <c r="LW11" s="162"/>
      <c r="LX11" s="122">
        <v>737972</v>
      </c>
      <c r="LY11" s="122">
        <v>837601</v>
      </c>
      <c r="LZ11" s="122">
        <v>1341266</v>
      </c>
      <c r="MA11" s="122">
        <v>2235007</v>
      </c>
      <c r="MB11" s="122">
        <v>686700</v>
      </c>
      <c r="MC11" s="123">
        <v>5838546</v>
      </c>
      <c r="MD11" s="124">
        <v>5838546</v>
      </c>
      <c r="ME11" s="159">
        <v>0</v>
      </c>
      <c r="MF11" s="122">
        <v>0</v>
      </c>
      <c r="MG11" s="123">
        <v>0</v>
      </c>
      <c r="MH11" s="162"/>
      <c r="MI11" s="122">
        <v>2526887</v>
      </c>
      <c r="MJ11" s="122">
        <v>5769198</v>
      </c>
      <c r="MK11" s="122">
        <v>17756210</v>
      </c>
      <c r="ML11" s="122">
        <v>27386336</v>
      </c>
      <c r="MM11" s="122">
        <v>19167315</v>
      </c>
      <c r="MN11" s="123">
        <v>72605946</v>
      </c>
      <c r="MO11" s="160">
        <v>72605946</v>
      </c>
      <c r="MP11" s="159">
        <v>0</v>
      </c>
      <c r="MQ11" s="122">
        <v>0</v>
      </c>
      <c r="MR11" s="123">
        <v>0</v>
      </c>
      <c r="MS11" s="162"/>
      <c r="MT11" s="122">
        <v>0</v>
      </c>
      <c r="MU11" s="122">
        <v>1211655</v>
      </c>
      <c r="MV11" s="122">
        <v>9363840</v>
      </c>
      <c r="MW11" s="122">
        <v>13429975</v>
      </c>
      <c r="MX11" s="122">
        <v>8966654</v>
      </c>
      <c r="MY11" s="123">
        <v>32972124</v>
      </c>
      <c r="MZ11" s="160">
        <v>32972124</v>
      </c>
      <c r="NA11" s="159">
        <v>0</v>
      </c>
      <c r="NB11" s="122">
        <v>0</v>
      </c>
      <c r="NC11" s="123">
        <v>0</v>
      </c>
      <c r="ND11" s="162"/>
      <c r="NE11" s="122">
        <v>2526887</v>
      </c>
      <c r="NF11" s="122">
        <v>4557543</v>
      </c>
      <c r="NG11" s="122">
        <v>7818756</v>
      </c>
      <c r="NH11" s="122">
        <v>10557770</v>
      </c>
      <c r="NI11" s="122">
        <v>5903447</v>
      </c>
      <c r="NJ11" s="123">
        <v>31364403</v>
      </c>
      <c r="NK11" s="357">
        <v>31364403</v>
      </c>
      <c r="NL11" s="159">
        <v>0</v>
      </c>
      <c r="NM11" s="122">
        <v>0</v>
      </c>
      <c r="NN11" s="123">
        <v>0</v>
      </c>
      <c r="NO11" s="162"/>
      <c r="NP11" s="122">
        <v>0</v>
      </c>
      <c r="NQ11" s="122">
        <v>0</v>
      </c>
      <c r="NR11" s="122">
        <v>573614</v>
      </c>
      <c r="NS11" s="122">
        <v>2875511</v>
      </c>
      <c r="NT11" s="122">
        <v>1877878</v>
      </c>
      <c r="NU11" s="123">
        <v>5327003</v>
      </c>
      <c r="NV11" s="124">
        <v>5327003</v>
      </c>
      <c r="NW11" s="159">
        <v>0</v>
      </c>
      <c r="NX11" s="122">
        <v>0</v>
      </c>
      <c r="NY11" s="123">
        <v>0</v>
      </c>
      <c r="NZ11" s="162"/>
      <c r="OA11" s="122">
        <v>0</v>
      </c>
      <c r="OB11" s="122">
        <v>0</v>
      </c>
      <c r="OC11" s="122">
        <v>0</v>
      </c>
      <c r="OD11" s="122">
        <v>523080</v>
      </c>
      <c r="OE11" s="122">
        <v>2419336</v>
      </c>
      <c r="OF11" s="123">
        <v>2942416</v>
      </c>
      <c r="OG11" s="124">
        <v>2942416</v>
      </c>
      <c r="OH11" s="159">
        <v>4101589</v>
      </c>
      <c r="OI11" s="122">
        <v>3822018</v>
      </c>
      <c r="OJ11" s="158">
        <v>7923607</v>
      </c>
      <c r="OK11" s="121">
        <v>0</v>
      </c>
      <c r="OL11" s="122">
        <v>49739793</v>
      </c>
      <c r="OM11" s="122">
        <v>59345158</v>
      </c>
      <c r="ON11" s="122">
        <v>66856161</v>
      </c>
      <c r="OO11" s="122">
        <v>79793851</v>
      </c>
      <c r="OP11" s="122">
        <v>49453228</v>
      </c>
      <c r="OQ11" s="123">
        <v>305188191</v>
      </c>
      <c r="OR11" s="160">
        <v>313111798</v>
      </c>
    </row>
    <row r="12" spans="1:408" ht="20.25" customHeight="1" x14ac:dyDescent="0.2">
      <c r="A12" s="129" t="s">
        <v>14</v>
      </c>
      <c r="B12" s="112">
        <v>1646399</v>
      </c>
      <c r="C12" s="116">
        <v>3285497</v>
      </c>
      <c r="D12" s="115">
        <v>4931896</v>
      </c>
      <c r="E12" s="111">
        <v>0</v>
      </c>
      <c r="F12" s="116">
        <v>17636050</v>
      </c>
      <c r="G12" s="116">
        <v>23474864</v>
      </c>
      <c r="H12" s="116">
        <v>20456756</v>
      </c>
      <c r="I12" s="116">
        <v>16052633</v>
      </c>
      <c r="J12" s="116">
        <v>12038792</v>
      </c>
      <c r="K12" s="114">
        <v>89659095</v>
      </c>
      <c r="L12" s="118">
        <v>94590991</v>
      </c>
      <c r="M12" s="112">
        <v>369370</v>
      </c>
      <c r="N12" s="116">
        <v>1033222</v>
      </c>
      <c r="O12" s="115">
        <v>1402592</v>
      </c>
      <c r="P12" s="112">
        <v>0</v>
      </c>
      <c r="Q12" s="116">
        <v>5585447</v>
      </c>
      <c r="R12" s="116">
        <v>7784494</v>
      </c>
      <c r="S12" s="116">
        <v>5814995</v>
      </c>
      <c r="T12" s="116">
        <v>5006058</v>
      </c>
      <c r="U12" s="116">
        <v>5316241</v>
      </c>
      <c r="V12" s="115">
        <v>29507235</v>
      </c>
      <c r="W12" s="118">
        <v>30909827</v>
      </c>
      <c r="X12" s="112">
        <v>0</v>
      </c>
      <c r="Y12" s="116">
        <v>0</v>
      </c>
      <c r="Z12" s="115">
        <v>0</v>
      </c>
      <c r="AA12" s="112">
        <v>0</v>
      </c>
      <c r="AB12" s="116">
        <v>2700231</v>
      </c>
      <c r="AC12" s="116">
        <v>4047645</v>
      </c>
      <c r="AD12" s="116">
        <v>2732281</v>
      </c>
      <c r="AE12" s="116">
        <v>1893146</v>
      </c>
      <c r="AF12" s="116">
        <v>2870847</v>
      </c>
      <c r="AG12" s="115">
        <v>14244150</v>
      </c>
      <c r="AH12" s="118">
        <v>14244150</v>
      </c>
      <c r="AI12" s="112">
        <v>0</v>
      </c>
      <c r="AJ12" s="116">
        <v>0</v>
      </c>
      <c r="AK12" s="115">
        <v>0</v>
      </c>
      <c r="AL12" s="112">
        <v>0</v>
      </c>
      <c r="AM12" s="116">
        <v>0</v>
      </c>
      <c r="AN12" s="116">
        <v>11724</v>
      </c>
      <c r="AO12" s="116">
        <v>95657</v>
      </c>
      <c r="AP12" s="116">
        <v>379809</v>
      </c>
      <c r="AQ12" s="116">
        <v>527592</v>
      </c>
      <c r="AR12" s="115">
        <v>1014782</v>
      </c>
      <c r="AS12" s="118">
        <v>1014782</v>
      </c>
      <c r="AT12" s="112">
        <v>130369</v>
      </c>
      <c r="AU12" s="116">
        <v>646533</v>
      </c>
      <c r="AV12" s="115">
        <v>776902</v>
      </c>
      <c r="AW12" s="112">
        <v>0</v>
      </c>
      <c r="AX12" s="116">
        <v>1834375</v>
      </c>
      <c r="AY12" s="116">
        <v>2424780</v>
      </c>
      <c r="AZ12" s="116">
        <v>1873888</v>
      </c>
      <c r="BA12" s="116">
        <v>1828358</v>
      </c>
      <c r="BB12" s="116">
        <v>1063628</v>
      </c>
      <c r="BC12" s="115">
        <v>9025029</v>
      </c>
      <c r="BD12" s="118">
        <v>9801931</v>
      </c>
      <c r="BE12" s="112">
        <v>21353</v>
      </c>
      <c r="BF12" s="116">
        <v>109489</v>
      </c>
      <c r="BG12" s="114">
        <v>130842</v>
      </c>
      <c r="BH12" s="113">
        <v>0</v>
      </c>
      <c r="BI12" s="116">
        <v>12001</v>
      </c>
      <c r="BJ12" s="116">
        <v>14241</v>
      </c>
      <c r="BK12" s="116">
        <v>80489</v>
      </c>
      <c r="BL12" s="116">
        <v>70993</v>
      </c>
      <c r="BM12" s="116">
        <v>32414</v>
      </c>
      <c r="BN12" s="115">
        <v>210138</v>
      </c>
      <c r="BO12" s="118">
        <v>340980</v>
      </c>
      <c r="BP12" s="112">
        <v>217648</v>
      </c>
      <c r="BQ12" s="116">
        <v>277200</v>
      </c>
      <c r="BR12" s="115">
        <v>494848</v>
      </c>
      <c r="BS12" s="112">
        <v>0</v>
      </c>
      <c r="BT12" s="116">
        <v>1038840</v>
      </c>
      <c r="BU12" s="116">
        <v>1286104</v>
      </c>
      <c r="BV12" s="116">
        <v>1032680</v>
      </c>
      <c r="BW12" s="116">
        <v>833752</v>
      </c>
      <c r="BX12" s="116">
        <v>821760</v>
      </c>
      <c r="BY12" s="115">
        <v>5013136</v>
      </c>
      <c r="BZ12" s="118">
        <v>5507984</v>
      </c>
      <c r="CA12" s="112">
        <v>130891</v>
      </c>
      <c r="CB12" s="116">
        <v>549278</v>
      </c>
      <c r="CC12" s="115">
        <v>680169</v>
      </c>
      <c r="CD12" s="112">
        <v>0</v>
      </c>
      <c r="CE12" s="116">
        <v>4726923</v>
      </c>
      <c r="CF12" s="116">
        <v>6761428</v>
      </c>
      <c r="CG12" s="116">
        <v>5989564</v>
      </c>
      <c r="CH12" s="116">
        <v>4050342</v>
      </c>
      <c r="CI12" s="116">
        <v>1192640</v>
      </c>
      <c r="CJ12" s="115">
        <v>22720897</v>
      </c>
      <c r="CK12" s="118">
        <v>23401066</v>
      </c>
      <c r="CL12" s="112">
        <v>0</v>
      </c>
      <c r="CM12" s="116">
        <v>0</v>
      </c>
      <c r="CN12" s="115">
        <v>0</v>
      </c>
      <c r="CO12" s="113">
        <v>0</v>
      </c>
      <c r="CP12" s="116">
        <v>4442348</v>
      </c>
      <c r="CQ12" s="116">
        <v>5545870</v>
      </c>
      <c r="CR12" s="116">
        <v>4768446</v>
      </c>
      <c r="CS12" s="116">
        <v>3550318</v>
      </c>
      <c r="CT12" s="116">
        <v>979059</v>
      </c>
      <c r="CU12" s="115">
        <v>19286041</v>
      </c>
      <c r="CV12" s="118">
        <v>19286041</v>
      </c>
      <c r="CW12" s="112">
        <v>130891</v>
      </c>
      <c r="CX12" s="116">
        <v>549278</v>
      </c>
      <c r="CY12" s="115">
        <v>680169</v>
      </c>
      <c r="CZ12" s="112">
        <v>0</v>
      </c>
      <c r="DA12" s="116">
        <v>284575</v>
      </c>
      <c r="DB12" s="116">
        <v>1215558</v>
      </c>
      <c r="DC12" s="116">
        <v>1221118</v>
      </c>
      <c r="DD12" s="116">
        <v>500024</v>
      </c>
      <c r="DE12" s="116">
        <v>213581</v>
      </c>
      <c r="DF12" s="115">
        <v>3434856</v>
      </c>
      <c r="DG12" s="118">
        <v>4115025</v>
      </c>
      <c r="DH12" s="112">
        <v>0</v>
      </c>
      <c r="DI12" s="116">
        <v>0</v>
      </c>
      <c r="DJ12" s="114">
        <v>0</v>
      </c>
      <c r="DK12" s="113">
        <v>0</v>
      </c>
      <c r="DL12" s="116">
        <v>866569</v>
      </c>
      <c r="DM12" s="116">
        <v>449121</v>
      </c>
      <c r="DN12" s="116">
        <v>2297770</v>
      </c>
      <c r="DO12" s="116">
        <v>1768834</v>
      </c>
      <c r="DP12" s="116">
        <v>1077450</v>
      </c>
      <c r="DQ12" s="115">
        <v>6459744</v>
      </c>
      <c r="DR12" s="118">
        <v>6459744</v>
      </c>
      <c r="DS12" s="112">
        <v>0</v>
      </c>
      <c r="DT12" s="116">
        <v>0</v>
      </c>
      <c r="DU12" s="115">
        <v>0</v>
      </c>
      <c r="DV12" s="112">
        <v>0</v>
      </c>
      <c r="DW12" s="116">
        <v>754525</v>
      </c>
      <c r="DX12" s="116">
        <v>449121</v>
      </c>
      <c r="DY12" s="116">
        <v>2218578</v>
      </c>
      <c r="DZ12" s="116">
        <v>1768834</v>
      </c>
      <c r="EA12" s="116">
        <v>1077450</v>
      </c>
      <c r="EB12" s="115">
        <v>6268508</v>
      </c>
      <c r="EC12" s="118">
        <v>6268508</v>
      </c>
      <c r="ED12" s="112">
        <v>0</v>
      </c>
      <c r="EE12" s="114">
        <v>0</v>
      </c>
      <c r="EF12" s="115">
        <v>0</v>
      </c>
      <c r="EG12" s="112">
        <v>0</v>
      </c>
      <c r="EH12" s="116">
        <v>112044</v>
      </c>
      <c r="EI12" s="116">
        <v>0</v>
      </c>
      <c r="EJ12" s="116">
        <v>79192</v>
      </c>
      <c r="EK12" s="116">
        <v>0</v>
      </c>
      <c r="EL12" s="116">
        <v>0</v>
      </c>
      <c r="EM12" s="114">
        <v>191236</v>
      </c>
      <c r="EN12" s="118">
        <v>191236</v>
      </c>
      <c r="EO12" s="112">
        <v>0</v>
      </c>
      <c r="EP12" s="116">
        <v>0</v>
      </c>
      <c r="EQ12" s="114">
        <v>0</v>
      </c>
      <c r="ER12" s="113">
        <v>0</v>
      </c>
      <c r="ES12" s="116">
        <v>0</v>
      </c>
      <c r="ET12" s="116">
        <v>0</v>
      </c>
      <c r="EU12" s="116">
        <v>0</v>
      </c>
      <c r="EV12" s="116">
        <v>0</v>
      </c>
      <c r="EW12" s="116">
        <v>0</v>
      </c>
      <c r="EX12" s="115">
        <v>0</v>
      </c>
      <c r="EY12" s="118">
        <v>0</v>
      </c>
      <c r="EZ12" s="112">
        <v>0</v>
      </c>
      <c r="FA12" s="116">
        <v>0</v>
      </c>
      <c r="FB12" s="114">
        <v>0</v>
      </c>
      <c r="FC12" s="390"/>
      <c r="FD12" s="116">
        <v>0</v>
      </c>
      <c r="FE12" s="116">
        <v>0</v>
      </c>
      <c r="FF12" s="116">
        <v>0</v>
      </c>
      <c r="FG12" s="116">
        <v>0</v>
      </c>
      <c r="FH12" s="116">
        <v>0</v>
      </c>
      <c r="FI12" s="115">
        <v>0</v>
      </c>
      <c r="FJ12" s="118">
        <v>0</v>
      </c>
      <c r="FK12" s="112">
        <v>264288</v>
      </c>
      <c r="FL12" s="116">
        <v>866764</v>
      </c>
      <c r="FM12" s="115">
        <v>1131052</v>
      </c>
      <c r="FN12" s="112">
        <v>0</v>
      </c>
      <c r="FO12" s="116">
        <v>672344</v>
      </c>
      <c r="FP12" s="116">
        <v>2901792</v>
      </c>
      <c r="FQ12" s="116">
        <v>2196217</v>
      </c>
      <c r="FR12" s="116">
        <v>1647736</v>
      </c>
      <c r="FS12" s="116">
        <v>1004704</v>
      </c>
      <c r="FT12" s="115">
        <v>8422793</v>
      </c>
      <c r="FU12" s="118">
        <v>9553845</v>
      </c>
      <c r="FV12" s="117">
        <v>156280</v>
      </c>
      <c r="FW12" s="116">
        <v>584984</v>
      </c>
      <c r="FX12" s="114">
        <v>741264</v>
      </c>
      <c r="FY12" s="113">
        <v>0</v>
      </c>
      <c r="FZ12" s="116">
        <v>652344</v>
      </c>
      <c r="GA12" s="116">
        <v>2502192</v>
      </c>
      <c r="GB12" s="116">
        <v>1973768</v>
      </c>
      <c r="GC12" s="116">
        <v>1630136</v>
      </c>
      <c r="GD12" s="116">
        <v>992864</v>
      </c>
      <c r="GE12" s="115">
        <v>7751304</v>
      </c>
      <c r="GF12" s="354">
        <v>8492568</v>
      </c>
      <c r="GG12" s="117">
        <v>0</v>
      </c>
      <c r="GH12" s="116">
        <v>102580</v>
      </c>
      <c r="GI12" s="114">
        <v>102580</v>
      </c>
      <c r="GJ12" s="113">
        <v>0</v>
      </c>
      <c r="GK12" s="116">
        <v>20000</v>
      </c>
      <c r="GL12" s="116">
        <v>163600</v>
      </c>
      <c r="GM12" s="116">
        <v>62449</v>
      </c>
      <c r="GN12" s="116">
        <v>0</v>
      </c>
      <c r="GO12" s="116">
        <v>11840</v>
      </c>
      <c r="GP12" s="115">
        <v>257889</v>
      </c>
      <c r="GQ12" s="118">
        <v>360469</v>
      </c>
      <c r="GR12" s="112">
        <v>108008</v>
      </c>
      <c r="GS12" s="116">
        <v>179200</v>
      </c>
      <c r="GT12" s="115">
        <v>287208</v>
      </c>
      <c r="GU12" s="112">
        <v>0</v>
      </c>
      <c r="GV12" s="116">
        <v>0</v>
      </c>
      <c r="GW12" s="116">
        <v>236000</v>
      </c>
      <c r="GX12" s="116">
        <v>160000</v>
      </c>
      <c r="GY12" s="116">
        <v>17600</v>
      </c>
      <c r="GZ12" s="116">
        <v>0</v>
      </c>
      <c r="HA12" s="114">
        <v>413600</v>
      </c>
      <c r="HB12" s="118">
        <v>700808</v>
      </c>
      <c r="HC12" s="112">
        <v>881850</v>
      </c>
      <c r="HD12" s="116">
        <v>836233</v>
      </c>
      <c r="HE12" s="114">
        <v>1718083</v>
      </c>
      <c r="HF12" s="113">
        <v>0</v>
      </c>
      <c r="HG12" s="116">
        <v>5784767</v>
      </c>
      <c r="HH12" s="116">
        <v>5578029</v>
      </c>
      <c r="HI12" s="116">
        <v>4158210</v>
      </c>
      <c r="HJ12" s="116">
        <v>3579663</v>
      </c>
      <c r="HK12" s="116">
        <v>3447757</v>
      </c>
      <c r="HL12" s="115">
        <v>22548426</v>
      </c>
      <c r="HM12" s="111">
        <v>24266509</v>
      </c>
      <c r="HN12" s="370"/>
      <c r="HO12" s="371"/>
      <c r="HP12" s="372"/>
      <c r="HQ12" s="373"/>
      <c r="HR12" s="371"/>
      <c r="HS12" s="371"/>
      <c r="HT12" s="371"/>
      <c r="HU12" s="371"/>
      <c r="HV12" s="371"/>
      <c r="HW12" s="374"/>
      <c r="HX12" s="375"/>
      <c r="HY12" s="148">
        <v>38929</v>
      </c>
      <c r="HZ12" s="149">
        <v>75890</v>
      </c>
      <c r="IA12" s="150">
        <v>114819</v>
      </c>
      <c r="IB12" s="151">
        <v>0</v>
      </c>
      <c r="IC12" s="152">
        <v>5824721</v>
      </c>
      <c r="ID12" s="153">
        <v>6739401</v>
      </c>
      <c r="IE12" s="154">
        <v>5300935</v>
      </c>
      <c r="IF12" s="152">
        <v>6308862</v>
      </c>
      <c r="IG12" s="154">
        <v>2201300</v>
      </c>
      <c r="IH12" s="155">
        <v>26375219</v>
      </c>
      <c r="II12" s="156">
        <v>26490038</v>
      </c>
      <c r="IJ12" s="261">
        <v>0</v>
      </c>
      <c r="IK12" s="268">
        <v>0</v>
      </c>
      <c r="IL12" s="269">
        <v>0</v>
      </c>
      <c r="IM12" s="157"/>
      <c r="IN12" s="122">
        <v>74916</v>
      </c>
      <c r="IO12" s="122">
        <v>207520</v>
      </c>
      <c r="IP12" s="122">
        <v>0</v>
      </c>
      <c r="IQ12" s="122">
        <v>212229</v>
      </c>
      <c r="IR12" s="122">
        <v>0</v>
      </c>
      <c r="IS12" s="158">
        <v>494665</v>
      </c>
      <c r="IT12" s="357">
        <v>494665</v>
      </c>
      <c r="IU12" s="159">
        <v>0</v>
      </c>
      <c r="IV12" s="122">
        <v>0</v>
      </c>
      <c r="IW12" s="123">
        <v>0</v>
      </c>
      <c r="IX12" s="161"/>
      <c r="IY12" s="122">
        <v>0</v>
      </c>
      <c r="IZ12" s="122">
        <v>0</v>
      </c>
      <c r="JA12" s="122">
        <v>0</v>
      </c>
      <c r="JB12" s="122">
        <v>0</v>
      </c>
      <c r="JC12" s="122">
        <v>0</v>
      </c>
      <c r="JD12" s="123">
        <v>0</v>
      </c>
      <c r="JE12" s="124">
        <v>0</v>
      </c>
      <c r="JF12" s="159">
        <v>0</v>
      </c>
      <c r="JG12" s="122">
        <v>0</v>
      </c>
      <c r="JH12" s="158">
        <v>0</v>
      </c>
      <c r="JI12" s="121">
        <v>0</v>
      </c>
      <c r="JJ12" s="122">
        <v>2762146</v>
      </c>
      <c r="JK12" s="122">
        <v>3235029</v>
      </c>
      <c r="JL12" s="122">
        <v>2468369</v>
      </c>
      <c r="JM12" s="122">
        <v>929434</v>
      </c>
      <c r="JN12" s="122">
        <v>169683</v>
      </c>
      <c r="JO12" s="123">
        <v>9564661</v>
      </c>
      <c r="JP12" s="357">
        <v>9564661</v>
      </c>
      <c r="JQ12" s="159">
        <v>0</v>
      </c>
      <c r="JR12" s="122">
        <v>0</v>
      </c>
      <c r="JS12" s="158">
        <v>0</v>
      </c>
      <c r="JT12" s="121">
        <v>0</v>
      </c>
      <c r="JU12" s="122">
        <v>68692</v>
      </c>
      <c r="JV12" s="122">
        <v>48625</v>
      </c>
      <c r="JW12" s="122">
        <v>42093</v>
      </c>
      <c r="JX12" s="122">
        <v>131952</v>
      </c>
      <c r="JY12" s="122">
        <v>0</v>
      </c>
      <c r="JZ12" s="123">
        <v>291362</v>
      </c>
      <c r="KA12" s="357">
        <v>291362</v>
      </c>
      <c r="KB12" s="264">
        <v>38929</v>
      </c>
      <c r="KC12" s="258">
        <v>75890</v>
      </c>
      <c r="KD12" s="123">
        <v>114819</v>
      </c>
      <c r="KE12" s="121">
        <v>0</v>
      </c>
      <c r="KF12" s="122">
        <v>1144594</v>
      </c>
      <c r="KG12" s="122">
        <v>633209</v>
      </c>
      <c r="KH12" s="122">
        <v>683004</v>
      </c>
      <c r="KI12" s="122">
        <v>1972219</v>
      </c>
      <c r="KJ12" s="122">
        <v>289158</v>
      </c>
      <c r="KK12" s="123">
        <v>4722184</v>
      </c>
      <c r="KL12" s="160">
        <v>4837003</v>
      </c>
      <c r="KM12" s="261">
        <v>0</v>
      </c>
      <c r="KN12" s="268">
        <v>0</v>
      </c>
      <c r="KO12" s="269">
        <v>0</v>
      </c>
      <c r="KP12" s="157"/>
      <c r="KQ12" s="122">
        <v>1646326</v>
      </c>
      <c r="KR12" s="122">
        <v>2416436</v>
      </c>
      <c r="KS12" s="122">
        <v>1873769</v>
      </c>
      <c r="KT12" s="122">
        <v>2760720</v>
      </c>
      <c r="KU12" s="122">
        <v>711868</v>
      </c>
      <c r="KV12" s="123">
        <v>9409119</v>
      </c>
      <c r="KW12" s="357">
        <v>9409119</v>
      </c>
      <c r="KX12" s="159">
        <v>0</v>
      </c>
      <c r="KY12" s="122">
        <v>0</v>
      </c>
      <c r="KZ12" s="123">
        <v>0</v>
      </c>
      <c r="LA12" s="162"/>
      <c r="LB12" s="122">
        <v>0</v>
      </c>
      <c r="LC12" s="122">
        <v>0</v>
      </c>
      <c r="LD12" s="122">
        <v>0</v>
      </c>
      <c r="LE12" s="122">
        <v>0</v>
      </c>
      <c r="LF12" s="122">
        <v>0</v>
      </c>
      <c r="LG12" s="123">
        <v>0</v>
      </c>
      <c r="LH12" s="124">
        <v>0</v>
      </c>
      <c r="LI12" s="159">
        <v>0</v>
      </c>
      <c r="LJ12" s="122">
        <v>0</v>
      </c>
      <c r="LK12" s="123">
        <v>0</v>
      </c>
      <c r="LL12" s="162"/>
      <c r="LM12" s="122">
        <v>0</v>
      </c>
      <c r="LN12" s="122">
        <v>0</v>
      </c>
      <c r="LO12" s="122">
        <v>233700</v>
      </c>
      <c r="LP12" s="122">
        <v>0</v>
      </c>
      <c r="LQ12" s="122">
        <v>0</v>
      </c>
      <c r="LR12" s="123">
        <v>233700</v>
      </c>
      <c r="LS12" s="357">
        <v>233700</v>
      </c>
      <c r="LT12" s="159">
        <v>0</v>
      </c>
      <c r="LU12" s="122">
        <v>0</v>
      </c>
      <c r="LV12" s="123">
        <v>0</v>
      </c>
      <c r="LW12" s="162"/>
      <c r="LX12" s="122">
        <v>128047</v>
      </c>
      <c r="LY12" s="122">
        <v>198582</v>
      </c>
      <c r="LZ12" s="122">
        <v>0</v>
      </c>
      <c r="MA12" s="122">
        <v>302308</v>
      </c>
      <c r="MB12" s="122">
        <v>1030591</v>
      </c>
      <c r="MC12" s="123">
        <v>1659528</v>
      </c>
      <c r="MD12" s="124">
        <v>1659528</v>
      </c>
      <c r="ME12" s="159">
        <v>0</v>
      </c>
      <c r="MF12" s="122">
        <v>0</v>
      </c>
      <c r="MG12" s="123">
        <v>0</v>
      </c>
      <c r="MH12" s="162"/>
      <c r="MI12" s="122">
        <v>403166</v>
      </c>
      <c r="MJ12" s="122">
        <v>2061125</v>
      </c>
      <c r="MK12" s="122">
        <v>10104801</v>
      </c>
      <c r="ML12" s="122">
        <v>19580061</v>
      </c>
      <c r="MM12" s="122">
        <v>9653638</v>
      </c>
      <c r="MN12" s="123">
        <v>41802791</v>
      </c>
      <c r="MO12" s="160">
        <v>41802791</v>
      </c>
      <c r="MP12" s="159">
        <v>0</v>
      </c>
      <c r="MQ12" s="122">
        <v>0</v>
      </c>
      <c r="MR12" s="123">
        <v>0</v>
      </c>
      <c r="MS12" s="162"/>
      <c r="MT12" s="122">
        <v>199568</v>
      </c>
      <c r="MU12" s="122">
        <v>0</v>
      </c>
      <c r="MV12" s="122">
        <v>6170572</v>
      </c>
      <c r="MW12" s="122">
        <v>13043035</v>
      </c>
      <c r="MX12" s="122">
        <v>6843914</v>
      </c>
      <c r="MY12" s="123">
        <v>26257089</v>
      </c>
      <c r="MZ12" s="160">
        <v>26257089</v>
      </c>
      <c r="NA12" s="159">
        <v>0</v>
      </c>
      <c r="NB12" s="122">
        <v>0</v>
      </c>
      <c r="NC12" s="123">
        <v>0</v>
      </c>
      <c r="ND12" s="162"/>
      <c r="NE12" s="122">
        <v>203598</v>
      </c>
      <c r="NF12" s="122">
        <v>2061125</v>
      </c>
      <c r="NG12" s="122">
        <v>3934229</v>
      </c>
      <c r="NH12" s="122">
        <v>5648361</v>
      </c>
      <c r="NI12" s="122">
        <v>1620997</v>
      </c>
      <c r="NJ12" s="123">
        <v>13468310</v>
      </c>
      <c r="NK12" s="357">
        <v>13468310</v>
      </c>
      <c r="NL12" s="159">
        <v>0</v>
      </c>
      <c r="NM12" s="122">
        <v>0</v>
      </c>
      <c r="NN12" s="123">
        <v>0</v>
      </c>
      <c r="NO12" s="162"/>
      <c r="NP12" s="122">
        <v>0</v>
      </c>
      <c r="NQ12" s="122">
        <v>0</v>
      </c>
      <c r="NR12" s="122">
        <v>0</v>
      </c>
      <c r="NS12" s="122">
        <v>568817</v>
      </c>
      <c r="NT12" s="122">
        <v>843132</v>
      </c>
      <c r="NU12" s="123">
        <v>1411949</v>
      </c>
      <c r="NV12" s="124">
        <v>1411949</v>
      </c>
      <c r="NW12" s="159">
        <v>0</v>
      </c>
      <c r="NX12" s="122">
        <v>0</v>
      </c>
      <c r="NY12" s="123">
        <v>0</v>
      </c>
      <c r="NZ12" s="162"/>
      <c r="OA12" s="122">
        <v>0</v>
      </c>
      <c r="OB12" s="122">
        <v>0</v>
      </c>
      <c r="OC12" s="122">
        <v>0</v>
      </c>
      <c r="OD12" s="122">
        <v>319848</v>
      </c>
      <c r="OE12" s="122">
        <v>345595</v>
      </c>
      <c r="OF12" s="123">
        <v>665443</v>
      </c>
      <c r="OG12" s="124">
        <v>665443</v>
      </c>
      <c r="OH12" s="159">
        <v>1685328</v>
      </c>
      <c r="OI12" s="122">
        <v>3361387</v>
      </c>
      <c r="OJ12" s="158">
        <v>5046715</v>
      </c>
      <c r="OK12" s="121">
        <v>0</v>
      </c>
      <c r="OL12" s="122">
        <v>23863937</v>
      </c>
      <c r="OM12" s="122">
        <v>32275390</v>
      </c>
      <c r="ON12" s="122">
        <v>35862492</v>
      </c>
      <c r="OO12" s="122">
        <v>41941556</v>
      </c>
      <c r="OP12" s="122">
        <v>23893730</v>
      </c>
      <c r="OQ12" s="123">
        <v>157837105</v>
      </c>
      <c r="OR12" s="160">
        <v>162883820</v>
      </c>
    </row>
    <row r="13" spans="1:408" ht="20.25" customHeight="1" x14ac:dyDescent="0.2">
      <c r="A13" s="129" t="s">
        <v>7</v>
      </c>
      <c r="B13" s="112">
        <v>978655</v>
      </c>
      <c r="C13" s="116">
        <v>1021194</v>
      </c>
      <c r="D13" s="115">
        <v>1999849</v>
      </c>
      <c r="E13" s="111">
        <v>0</v>
      </c>
      <c r="F13" s="116">
        <v>21136701</v>
      </c>
      <c r="G13" s="116">
        <v>23091539</v>
      </c>
      <c r="H13" s="116">
        <v>19914280</v>
      </c>
      <c r="I13" s="116">
        <v>15225320</v>
      </c>
      <c r="J13" s="116">
        <v>8649929</v>
      </c>
      <c r="K13" s="111">
        <v>88017769</v>
      </c>
      <c r="L13" s="118">
        <v>90017618</v>
      </c>
      <c r="M13" s="112">
        <v>209832</v>
      </c>
      <c r="N13" s="116">
        <v>216839</v>
      </c>
      <c r="O13" s="115">
        <v>426671</v>
      </c>
      <c r="P13" s="112">
        <v>0</v>
      </c>
      <c r="Q13" s="116">
        <v>5732818</v>
      </c>
      <c r="R13" s="116">
        <v>5801024</v>
      </c>
      <c r="S13" s="116">
        <v>6946881</v>
      </c>
      <c r="T13" s="116">
        <v>5393523</v>
      </c>
      <c r="U13" s="116">
        <v>4260821</v>
      </c>
      <c r="V13" s="115">
        <v>28135067</v>
      </c>
      <c r="W13" s="118">
        <v>28561738</v>
      </c>
      <c r="X13" s="112">
        <v>0</v>
      </c>
      <c r="Y13" s="116">
        <v>0</v>
      </c>
      <c r="Z13" s="115">
        <v>0</v>
      </c>
      <c r="AA13" s="112">
        <v>0</v>
      </c>
      <c r="AB13" s="116">
        <v>2779852</v>
      </c>
      <c r="AC13" s="116">
        <v>3232902</v>
      </c>
      <c r="AD13" s="116">
        <v>4091931</v>
      </c>
      <c r="AE13" s="116">
        <v>3076849</v>
      </c>
      <c r="AF13" s="116">
        <v>2358882</v>
      </c>
      <c r="AG13" s="115">
        <v>15540416</v>
      </c>
      <c r="AH13" s="118">
        <v>15540416</v>
      </c>
      <c r="AI13" s="112">
        <v>0</v>
      </c>
      <c r="AJ13" s="116">
        <v>0</v>
      </c>
      <c r="AK13" s="115">
        <v>0</v>
      </c>
      <c r="AL13" s="112">
        <v>0</v>
      </c>
      <c r="AM13" s="116">
        <v>92584</v>
      </c>
      <c r="AN13" s="116">
        <v>81336</v>
      </c>
      <c r="AO13" s="116">
        <v>371644</v>
      </c>
      <c r="AP13" s="116">
        <v>419761</v>
      </c>
      <c r="AQ13" s="116">
        <v>731350</v>
      </c>
      <c r="AR13" s="115">
        <v>1696675</v>
      </c>
      <c r="AS13" s="118">
        <v>1696675</v>
      </c>
      <c r="AT13" s="112">
        <v>29104</v>
      </c>
      <c r="AU13" s="116">
        <v>83571</v>
      </c>
      <c r="AV13" s="115">
        <v>112675</v>
      </c>
      <c r="AW13" s="112">
        <v>0</v>
      </c>
      <c r="AX13" s="116">
        <v>1348891</v>
      </c>
      <c r="AY13" s="116">
        <v>1376922</v>
      </c>
      <c r="AZ13" s="116">
        <v>1267105</v>
      </c>
      <c r="BA13" s="116">
        <v>885080</v>
      </c>
      <c r="BB13" s="116">
        <v>709021</v>
      </c>
      <c r="BC13" s="115">
        <v>5587019</v>
      </c>
      <c r="BD13" s="118">
        <v>5699694</v>
      </c>
      <c r="BE13" s="112">
        <v>0</v>
      </c>
      <c r="BF13" s="116">
        <v>31700</v>
      </c>
      <c r="BG13" s="114">
        <v>31700</v>
      </c>
      <c r="BH13" s="113">
        <v>0</v>
      </c>
      <c r="BI13" s="116">
        <v>21707</v>
      </c>
      <c r="BJ13" s="116">
        <v>44232</v>
      </c>
      <c r="BK13" s="116">
        <v>63569</v>
      </c>
      <c r="BL13" s="116">
        <v>123009</v>
      </c>
      <c r="BM13" s="116">
        <v>0</v>
      </c>
      <c r="BN13" s="115">
        <v>252517</v>
      </c>
      <c r="BO13" s="118">
        <v>284217</v>
      </c>
      <c r="BP13" s="112">
        <v>180728</v>
      </c>
      <c r="BQ13" s="116">
        <v>101568</v>
      </c>
      <c r="BR13" s="115">
        <v>282296</v>
      </c>
      <c r="BS13" s="112">
        <v>0</v>
      </c>
      <c r="BT13" s="116">
        <v>1489784</v>
      </c>
      <c r="BU13" s="116">
        <v>1065632</v>
      </c>
      <c r="BV13" s="116">
        <v>1152632</v>
      </c>
      <c r="BW13" s="116">
        <v>888824</v>
      </c>
      <c r="BX13" s="116">
        <v>461568</v>
      </c>
      <c r="BY13" s="115">
        <v>5058440</v>
      </c>
      <c r="BZ13" s="118">
        <v>5340736</v>
      </c>
      <c r="CA13" s="112">
        <v>95375</v>
      </c>
      <c r="CB13" s="116">
        <v>37600</v>
      </c>
      <c r="CC13" s="115">
        <v>132975</v>
      </c>
      <c r="CD13" s="112">
        <v>0</v>
      </c>
      <c r="CE13" s="116">
        <v>5627398</v>
      </c>
      <c r="CF13" s="116">
        <v>5502982</v>
      </c>
      <c r="CG13" s="116">
        <v>4730114</v>
      </c>
      <c r="CH13" s="116">
        <v>1976127</v>
      </c>
      <c r="CI13" s="116">
        <v>389627</v>
      </c>
      <c r="CJ13" s="115">
        <v>18226248</v>
      </c>
      <c r="CK13" s="118">
        <v>18359223</v>
      </c>
      <c r="CL13" s="112">
        <v>0</v>
      </c>
      <c r="CM13" s="116">
        <v>0</v>
      </c>
      <c r="CN13" s="115">
        <v>0</v>
      </c>
      <c r="CO13" s="113">
        <v>0</v>
      </c>
      <c r="CP13" s="116">
        <v>4607493</v>
      </c>
      <c r="CQ13" s="116">
        <v>4813679</v>
      </c>
      <c r="CR13" s="116">
        <v>3627504</v>
      </c>
      <c r="CS13" s="116">
        <v>1542030</v>
      </c>
      <c r="CT13" s="116">
        <v>318006</v>
      </c>
      <c r="CU13" s="115">
        <v>14908712</v>
      </c>
      <c r="CV13" s="118">
        <v>14908712</v>
      </c>
      <c r="CW13" s="112">
        <v>95375</v>
      </c>
      <c r="CX13" s="116">
        <v>37600</v>
      </c>
      <c r="CY13" s="115">
        <v>132975</v>
      </c>
      <c r="CZ13" s="112">
        <v>0</v>
      </c>
      <c r="DA13" s="116">
        <v>1019905</v>
      </c>
      <c r="DB13" s="116">
        <v>689303</v>
      </c>
      <c r="DC13" s="116">
        <v>1102610</v>
      </c>
      <c r="DD13" s="116">
        <v>434097</v>
      </c>
      <c r="DE13" s="116">
        <v>71621</v>
      </c>
      <c r="DF13" s="115">
        <v>3317536</v>
      </c>
      <c r="DG13" s="118">
        <v>3450511</v>
      </c>
      <c r="DH13" s="112">
        <v>0</v>
      </c>
      <c r="DI13" s="116">
        <v>28585</v>
      </c>
      <c r="DJ13" s="114">
        <v>28585</v>
      </c>
      <c r="DK13" s="113">
        <v>0</v>
      </c>
      <c r="DL13" s="116">
        <v>918128</v>
      </c>
      <c r="DM13" s="116">
        <v>1306303</v>
      </c>
      <c r="DN13" s="116">
        <v>1292049</v>
      </c>
      <c r="DO13" s="116">
        <v>755612</v>
      </c>
      <c r="DP13" s="116">
        <v>626708</v>
      </c>
      <c r="DQ13" s="115">
        <v>4898800</v>
      </c>
      <c r="DR13" s="118">
        <v>4927385</v>
      </c>
      <c r="DS13" s="112">
        <v>0</v>
      </c>
      <c r="DT13" s="116">
        <v>28585</v>
      </c>
      <c r="DU13" s="115">
        <v>28585</v>
      </c>
      <c r="DV13" s="112">
        <v>0</v>
      </c>
      <c r="DW13" s="116">
        <v>876569</v>
      </c>
      <c r="DX13" s="116">
        <v>1306303</v>
      </c>
      <c r="DY13" s="116">
        <v>1292049</v>
      </c>
      <c r="DZ13" s="116">
        <v>658961</v>
      </c>
      <c r="EA13" s="116">
        <v>626708</v>
      </c>
      <c r="EB13" s="115">
        <v>4760590</v>
      </c>
      <c r="EC13" s="118">
        <v>4789175</v>
      </c>
      <c r="ED13" s="112">
        <v>0</v>
      </c>
      <c r="EE13" s="114">
        <v>0</v>
      </c>
      <c r="EF13" s="115">
        <v>0</v>
      </c>
      <c r="EG13" s="112">
        <v>0</v>
      </c>
      <c r="EH13" s="116">
        <v>41559</v>
      </c>
      <c r="EI13" s="116">
        <v>0</v>
      </c>
      <c r="EJ13" s="116">
        <v>0</v>
      </c>
      <c r="EK13" s="116">
        <v>96651</v>
      </c>
      <c r="EL13" s="116">
        <v>0</v>
      </c>
      <c r="EM13" s="114">
        <v>138210</v>
      </c>
      <c r="EN13" s="118">
        <v>138210</v>
      </c>
      <c r="EO13" s="112">
        <v>0</v>
      </c>
      <c r="EP13" s="116">
        <v>0</v>
      </c>
      <c r="EQ13" s="114">
        <v>0</v>
      </c>
      <c r="ER13" s="113">
        <v>0</v>
      </c>
      <c r="ES13" s="116">
        <v>0</v>
      </c>
      <c r="ET13" s="116">
        <v>0</v>
      </c>
      <c r="EU13" s="116">
        <v>0</v>
      </c>
      <c r="EV13" s="116">
        <v>0</v>
      </c>
      <c r="EW13" s="116">
        <v>0</v>
      </c>
      <c r="EX13" s="115">
        <v>0</v>
      </c>
      <c r="EY13" s="118">
        <v>0</v>
      </c>
      <c r="EZ13" s="112">
        <v>0</v>
      </c>
      <c r="FA13" s="116">
        <v>0</v>
      </c>
      <c r="FB13" s="114">
        <v>0</v>
      </c>
      <c r="FC13" s="390"/>
      <c r="FD13" s="116">
        <v>0</v>
      </c>
      <c r="FE13" s="116">
        <v>0</v>
      </c>
      <c r="FF13" s="116">
        <v>0</v>
      </c>
      <c r="FG13" s="116">
        <v>0</v>
      </c>
      <c r="FH13" s="116">
        <v>0</v>
      </c>
      <c r="FI13" s="115">
        <v>0</v>
      </c>
      <c r="FJ13" s="118">
        <v>0</v>
      </c>
      <c r="FK13" s="112">
        <v>244860</v>
      </c>
      <c r="FL13" s="116">
        <v>364240</v>
      </c>
      <c r="FM13" s="115">
        <v>609100</v>
      </c>
      <c r="FN13" s="112">
        <v>0</v>
      </c>
      <c r="FO13" s="116">
        <v>935656</v>
      </c>
      <c r="FP13" s="116">
        <v>2947200</v>
      </c>
      <c r="FQ13" s="116">
        <v>1453504</v>
      </c>
      <c r="FR13" s="116">
        <v>1455232</v>
      </c>
      <c r="FS13" s="116">
        <v>675520</v>
      </c>
      <c r="FT13" s="115">
        <v>7467112</v>
      </c>
      <c r="FU13" s="118">
        <v>8076212</v>
      </c>
      <c r="FV13" s="117">
        <v>54720</v>
      </c>
      <c r="FW13" s="116">
        <v>114000</v>
      </c>
      <c r="FX13" s="114">
        <v>168720</v>
      </c>
      <c r="FY13" s="113">
        <v>0</v>
      </c>
      <c r="FZ13" s="116">
        <v>709520</v>
      </c>
      <c r="GA13" s="116">
        <v>2219624</v>
      </c>
      <c r="GB13" s="116">
        <v>1410032</v>
      </c>
      <c r="GC13" s="116">
        <v>1184104</v>
      </c>
      <c r="GD13" s="116">
        <v>640160</v>
      </c>
      <c r="GE13" s="115">
        <v>6163440</v>
      </c>
      <c r="GF13" s="354">
        <v>6332160</v>
      </c>
      <c r="GG13" s="117">
        <v>30140</v>
      </c>
      <c r="GH13" s="116">
        <v>11840</v>
      </c>
      <c r="GI13" s="114">
        <v>41980</v>
      </c>
      <c r="GJ13" s="113">
        <v>0</v>
      </c>
      <c r="GK13" s="116">
        <v>66136</v>
      </c>
      <c r="GL13" s="116">
        <v>51392</v>
      </c>
      <c r="GM13" s="116">
        <v>43472</v>
      </c>
      <c r="GN13" s="116">
        <v>38808</v>
      </c>
      <c r="GO13" s="116">
        <v>35360</v>
      </c>
      <c r="GP13" s="115">
        <v>235168</v>
      </c>
      <c r="GQ13" s="118">
        <v>277148</v>
      </c>
      <c r="GR13" s="112">
        <v>160000</v>
      </c>
      <c r="GS13" s="116">
        <v>238400</v>
      </c>
      <c r="GT13" s="115">
        <v>398400</v>
      </c>
      <c r="GU13" s="112">
        <v>0</v>
      </c>
      <c r="GV13" s="116">
        <v>160000</v>
      </c>
      <c r="GW13" s="116">
        <v>676184</v>
      </c>
      <c r="GX13" s="116">
        <v>0</v>
      </c>
      <c r="GY13" s="116">
        <v>232320</v>
      </c>
      <c r="GZ13" s="116">
        <v>0</v>
      </c>
      <c r="HA13" s="114">
        <v>1068504</v>
      </c>
      <c r="HB13" s="118">
        <v>1466904</v>
      </c>
      <c r="HC13" s="112">
        <v>428588</v>
      </c>
      <c r="HD13" s="116">
        <v>373930</v>
      </c>
      <c r="HE13" s="114">
        <v>802518</v>
      </c>
      <c r="HF13" s="113">
        <v>0</v>
      </c>
      <c r="HG13" s="116">
        <v>7922701</v>
      </c>
      <c r="HH13" s="116">
        <v>7534030</v>
      </c>
      <c r="HI13" s="116">
        <v>5491732</v>
      </c>
      <c r="HJ13" s="116">
        <v>5644826</v>
      </c>
      <c r="HK13" s="116">
        <v>2697253</v>
      </c>
      <c r="HL13" s="115">
        <v>29290542</v>
      </c>
      <c r="HM13" s="111">
        <v>30093060</v>
      </c>
      <c r="HN13" s="370"/>
      <c r="HO13" s="371"/>
      <c r="HP13" s="372"/>
      <c r="HQ13" s="373"/>
      <c r="HR13" s="371"/>
      <c r="HS13" s="371"/>
      <c r="HT13" s="371"/>
      <c r="HU13" s="371"/>
      <c r="HV13" s="371"/>
      <c r="HW13" s="374"/>
      <c r="HX13" s="375"/>
      <c r="HY13" s="148">
        <v>42106</v>
      </c>
      <c r="HZ13" s="149">
        <v>55408</v>
      </c>
      <c r="IA13" s="150">
        <v>97514</v>
      </c>
      <c r="IB13" s="163">
        <v>0</v>
      </c>
      <c r="IC13" s="149">
        <v>7222526</v>
      </c>
      <c r="ID13" s="164">
        <v>4933008</v>
      </c>
      <c r="IE13" s="150">
        <v>5424687</v>
      </c>
      <c r="IF13" s="149">
        <v>3624531</v>
      </c>
      <c r="IG13" s="150">
        <v>1530659</v>
      </c>
      <c r="IH13" s="165">
        <v>22735411</v>
      </c>
      <c r="II13" s="156">
        <v>22832925</v>
      </c>
      <c r="IJ13" s="261">
        <v>0</v>
      </c>
      <c r="IK13" s="268">
        <v>0</v>
      </c>
      <c r="IL13" s="269">
        <v>0</v>
      </c>
      <c r="IM13" s="157"/>
      <c r="IN13" s="122">
        <v>0</v>
      </c>
      <c r="IO13" s="122">
        <v>0</v>
      </c>
      <c r="IP13" s="122">
        <v>0</v>
      </c>
      <c r="IQ13" s="122">
        <v>0</v>
      </c>
      <c r="IR13" s="122">
        <v>270769</v>
      </c>
      <c r="IS13" s="158">
        <v>270769</v>
      </c>
      <c r="IT13" s="357">
        <v>270769</v>
      </c>
      <c r="IU13" s="159">
        <v>0</v>
      </c>
      <c r="IV13" s="122">
        <v>0</v>
      </c>
      <c r="IW13" s="123">
        <v>0</v>
      </c>
      <c r="IX13" s="161"/>
      <c r="IY13" s="122">
        <v>0</v>
      </c>
      <c r="IZ13" s="122">
        <v>0</v>
      </c>
      <c r="JA13" s="122">
        <v>0</v>
      </c>
      <c r="JB13" s="122">
        <v>0</v>
      </c>
      <c r="JC13" s="122">
        <v>0</v>
      </c>
      <c r="JD13" s="123">
        <v>0</v>
      </c>
      <c r="JE13" s="124">
        <v>0</v>
      </c>
      <c r="JF13" s="159">
        <v>0</v>
      </c>
      <c r="JG13" s="122">
        <v>0</v>
      </c>
      <c r="JH13" s="158">
        <v>0</v>
      </c>
      <c r="JI13" s="121">
        <v>0</v>
      </c>
      <c r="JJ13" s="122">
        <v>3163567</v>
      </c>
      <c r="JK13" s="122">
        <v>1959683</v>
      </c>
      <c r="JL13" s="122">
        <v>738838</v>
      </c>
      <c r="JM13" s="122">
        <v>661989</v>
      </c>
      <c r="JN13" s="122">
        <v>215309</v>
      </c>
      <c r="JO13" s="123">
        <v>6739386</v>
      </c>
      <c r="JP13" s="357">
        <v>6739386</v>
      </c>
      <c r="JQ13" s="159">
        <v>0</v>
      </c>
      <c r="JR13" s="122">
        <v>0</v>
      </c>
      <c r="JS13" s="158">
        <v>0</v>
      </c>
      <c r="JT13" s="121">
        <v>0</v>
      </c>
      <c r="JU13" s="122">
        <v>626418</v>
      </c>
      <c r="JV13" s="122">
        <v>841353</v>
      </c>
      <c r="JW13" s="122">
        <v>513453</v>
      </c>
      <c r="JX13" s="122">
        <v>142492</v>
      </c>
      <c r="JY13" s="122">
        <v>0</v>
      </c>
      <c r="JZ13" s="123">
        <v>2123716</v>
      </c>
      <c r="KA13" s="357">
        <v>2123716</v>
      </c>
      <c r="KB13" s="264">
        <v>42106</v>
      </c>
      <c r="KC13" s="258">
        <v>55408</v>
      </c>
      <c r="KD13" s="123">
        <v>97514</v>
      </c>
      <c r="KE13" s="121">
        <v>0</v>
      </c>
      <c r="KF13" s="122">
        <v>604308</v>
      </c>
      <c r="KG13" s="122">
        <v>773759</v>
      </c>
      <c r="KH13" s="122">
        <v>0</v>
      </c>
      <c r="KI13" s="122">
        <v>491003</v>
      </c>
      <c r="KJ13" s="122">
        <v>0</v>
      </c>
      <c r="KK13" s="123">
        <v>1869070</v>
      </c>
      <c r="KL13" s="160">
        <v>1966584</v>
      </c>
      <c r="KM13" s="261">
        <v>0</v>
      </c>
      <c r="KN13" s="268">
        <v>0</v>
      </c>
      <c r="KO13" s="269">
        <v>0</v>
      </c>
      <c r="KP13" s="157"/>
      <c r="KQ13" s="122">
        <v>2696114</v>
      </c>
      <c r="KR13" s="122">
        <v>1094177</v>
      </c>
      <c r="KS13" s="122">
        <v>3924860</v>
      </c>
      <c r="KT13" s="122">
        <v>1749803</v>
      </c>
      <c r="KU13" s="122">
        <v>464020</v>
      </c>
      <c r="KV13" s="123">
        <v>9928974</v>
      </c>
      <c r="KW13" s="357">
        <v>9928974</v>
      </c>
      <c r="KX13" s="159">
        <v>0</v>
      </c>
      <c r="KY13" s="122">
        <v>0</v>
      </c>
      <c r="KZ13" s="123">
        <v>0</v>
      </c>
      <c r="LA13" s="162"/>
      <c r="LB13" s="122">
        <v>0</v>
      </c>
      <c r="LC13" s="122">
        <v>0</v>
      </c>
      <c r="LD13" s="122">
        <v>0</v>
      </c>
      <c r="LE13" s="122">
        <v>0</v>
      </c>
      <c r="LF13" s="122">
        <v>0</v>
      </c>
      <c r="LG13" s="123">
        <v>0</v>
      </c>
      <c r="LH13" s="124">
        <v>0</v>
      </c>
      <c r="LI13" s="159">
        <v>0</v>
      </c>
      <c r="LJ13" s="122">
        <v>0</v>
      </c>
      <c r="LK13" s="123">
        <v>0</v>
      </c>
      <c r="LL13" s="162"/>
      <c r="LM13" s="122">
        <v>0</v>
      </c>
      <c r="LN13" s="122">
        <v>0</v>
      </c>
      <c r="LO13" s="122">
        <v>0</v>
      </c>
      <c r="LP13" s="122">
        <v>0</v>
      </c>
      <c r="LQ13" s="122">
        <v>0</v>
      </c>
      <c r="LR13" s="123">
        <v>0</v>
      </c>
      <c r="LS13" s="357">
        <v>0</v>
      </c>
      <c r="LT13" s="159">
        <v>0</v>
      </c>
      <c r="LU13" s="122">
        <v>0</v>
      </c>
      <c r="LV13" s="123">
        <v>0</v>
      </c>
      <c r="LW13" s="162"/>
      <c r="LX13" s="122">
        <v>132119</v>
      </c>
      <c r="LY13" s="122">
        <v>264036</v>
      </c>
      <c r="LZ13" s="122">
        <v>247536</v>
      </c>
      <c r="MA13" s="122">
        <v>579244</v>
      </c>
      <c r="MB13" s="122">
        <v>580561</v>
      </c>
      <c r="MC13" s="123">
        <v>1803496</v>
      </c>
      <c r="MD13" s="124">
        <v>1803496</v>
      </c>
      <c r="ME13" s="159">
        <v>0</v>
      </c>
      <c r="MF13" s="122">
        <v>0</v>
      </c>
      <c r="MG13" s="123">
        <v>0</v>
      </c>
      <c r="MH13" s="162"/>
      <c r="MI13" s="122">
        <v>2434236</v>
      </c>
      <c r="MJ13" s="122">
        <v>3488308</v>
      </c>
      <c r="MK13" s="122">
        <v>9598292</v>
      </c>
      <c r="ML13" s="122">
        <v>20534672</v>
      </c>
      <c r="MM13" s="122">
        <v>8647578</v>
      </c>
      <c r="MN13" s="123">
        <v>44703086</v>
      </c>
      <c r="MO13" s="160">
        <v>44703086</v>
      </c>
      <c r="MP13" s="159">
        <v>0</v>
      </c>
      <c r="MQ13" s="122">
        <v>0</v>
      </c>
      <c r="MR13" s="123">
        <v>0</v>
      </c>
      <c r="MS13" s="162"/>
      <c r="MT13" s="122">
        <v>0</v>
      </c>
      <c r="MU13" s="122">
        <v>1097783</v>
      </c>
      <c r="MV13" s="122">
        <v>5105814</v>
      </c>
      <c r="MW13" s="122">
        <v>13678889</v>
      </c>
      <c r="MX13" s="122">
        <v>6614725</v>
      </c>
      <c r="MY13" s="123">
        <v>26497211</v>
      </c>
      <c r="MZ13" s="160">
        <v>26497211</v>
      </c>
      <c r="NA13" s="159">
        <v>0</v>
      </c>
      <c r="NB13" s="122">
        <v>0</v>
      </c>
      <c r="NC13" s="123">
        <v>0</v>
      </c>
      <c r="ND13" s="162"/>
      <c r="NE13" s="122">
        <v>2434236</v>
      </c>
      <c r="NF13" s="122">
        <v>2390525</v>
      </c>
      <c r="NG13" s="122">
        <v>4492478</v>
      </c>
      <c r="NH13" s="122">
        <v>6855783</v>
      </c>
      <c r="NI13" s="122">
        <v>2032853</v>
      </c>
      <c r="NJ13" s="123">
        <v>18205875</v>
      </c>
      <c r="NK13" s="357">
        <v>18205875</v>
      </c>
      <c r="NL13" s="159">
        <v>0</v>
      </c>
      <c r="NM13" s="122">
        <v>0</v>
      </c>
      <c r="NN13" s="123">
        <v>0</v>
      </c>
      <c r="NO13" s="162"/>
      <c r="NP13" s="122">
        <v>0</v>
      </c>
      <c r="NQ13" s="122">
        <v>0</v>
      </c>
      <c r="NR13" s="122">
        <v>0</v>
      </c>
      <c r="NS13" s="122">
        <v>0</v>
      </c>
      <c r="NT13" s="122">
        <v>0</v>
      </c>
      <c r="NU13" s="123">
        <v>0</v>
      </c>
      <c r="NV13" s="124">
        <v>0</v>
      </c>
      <c r="NW13" s="159">
        <v>0</v>
      </c>
      <c r="NX13" s="122">
        <v>0</v>
      </c>
      <c r="NY13" s="123">
        <v>0</v>
      </c>
      <c r="NZ13" s="162"/>
      <c r="OA13" s="122">
        <v>0</v>
      </c>
      <c r="OB13" s="122">
        <v>0</v>
      </c>
      <c r="OC13" s="122">
        <v>0</v>
      </c>
      <c r="OD13" s="122">
        <v>0</v>
      </c>
      <c r="OE13" s="122">
        <v>0</v>
      </c>
      <c r="OF13" s="123">
        <v>0</v>
      </c>
      <c r="OG13" s="124">
        <v>0</v>
      </c>
      <c r="OH13" s="159">
        <v>1020761</v>
      </c>
      <c r="OI13" s="122">
        <v>1076602</v>
      </c>
      <c r="OJ13" s="158">
        <v>2097363</v>
      </c>
      <c r="OK13" s="121">
        <v>0</v>
      </c>
      <c r="OL13" s="122">
        <v>30793463</v>
      </c>
      <c r="OM13" s="122">
        <v>31512855</v>
      </c>
      <c r="ON13" s="122">
        <v>34937259</v>
      </c>
      <c r="OO13" s="122">
        <v>39384523</v>
      </c>
      <c r="OP13" s="122">
        <v>18828166</v>
      </c>
      <c r="OQ13" s="123">
        <v>155456266</v>
      </c>
      <c r="OR13" s="160">
        <v>157553629</v>
      </c>
    </row>
    <row r="14" spans="1:408" ht="20.25" customHeight="1" x14ac:dyDescent="0.2">
      <c r="A14" s="129" t="s">
        <v>8</v>
      </c>
      <c r="B14" s="112">
        <v>728944</v>
      </c>
      <c r="C14" s="116">
        <v>1258614</v>
      </c>
      <c r="D14" s="115">
        <v>1987558</v>
      </c>
      <c r="E14" s="111">
        <v>0</v>
      </c>
      <c r="F14" s="116">
        <v>5789041</v>
      </c>
      <c r="G14" s="116">
        <v>8234930</v>
      </c>
      <c r="H14" s="116">
        <v>7657349</v>
      </c>
      <c r="I14" s="116">
        <v>5809343</v>
      </c>
      <c r="J14" s="116">
        <v>5349491</v>
      </c>
      <c r="K14" s="111">
        <v>32840154</v>
      </c>
      <c r="L14" s="118">
        <v>34827712</v>
      </c>
      <c r="M14" s="112">
        <v>172070</v>
      </c>
      <c r="N14" s="116">
        <v>324174</v>
      </c>
      <c r="O14" s="115">
        <v>496244</v>
      </c>
      <c r="P14" s="112">
        <v>0</v>
      </c>
      <c r="Q14" s="116">
        <v>1998077</v>
      </c>
      <c r="R14" s="116">
        <v>2620527</v>
      </c>
      <c r="S14" s="116">
        <v>2699149</v>
      </c>
      <c r="T14" s="116">
        <v>2119297</v>
      </c>
      <c r="U14" s="116">
        <v>2842259</v>
      </c>
      <c r="V14" s="115">
        <v>12279309</v>
      </c>
      <c r="W14" s="118">
        <v>12775553</v>
      </c>
      <c r="X14" s="112">
        <v>0</v>
      </c>
      <c r="Y14" s="116">
        <v>0</v>
      </c>
      <c r="Z14" s="115">
        <v>0</v>
      </c>
      <c r="AA14" s="112">
        <v>0</v>
      </c>
      <c r="AB14" s="116">
        <v>833574</v>
      </c>
      <c r="AC14" s="116">
        <v>1520215</v>
      </c>
      <c r="AD14" s="116">
        <v>1320613</v>
      </c>
      <c r="AE14" s="116">
        <v>827070</v>
      </c>
      <c r="AF14" s="116">
        <v>1587949</v>
      </c>
      <c r="AG14" s="115">
        <v>6089421</v>
      </c>
      <c r="AH14" s="118">
        <v>6089421</v>
      </c>
      <c r="AI14" s="112">
        <v>0</v>
      </c>
      <c r="AJ14" s="116">
        <v>0</v>
      </c>
      <c r="AK14" s="115">
        <v>0</v>
      </c>
      <c r="AL14" s="112">
        <v>0</v>
      </c>
      <c r="AM14" s="116">
        <v>0</v>
      </c>
      <c r="AN14" s="116">
        <v>46292</v>
      </c>
      <c r="AO14" s="116">
        <v>84049</v>
      </c>
      <c r="AP14" s="116">
        <v>195430</v>
      </c>
      <c r="AQ14" s="116">
        <v>484292</v>
      </c>
      <c r="AR14" s="115">
        <v>810063</v>
      </c>
      <c r="AS14" s="118">
        <v>810063</v>
      </c>
      <c r="AT14" s="112">
        <v>61750</v>
      </c>
      <c r="AU14" s="116">
        <v>224489</v>
      </c>
      <c r="AV14" s="115">
        <v>286239</v>
      </c>
      <c r="AW14" s="112">
        <v>0</v>
      </c>
      <c r="AX14" s="116">
        <v>742942</v>
      </c>
      <c r="AY14" s="116">
        <v>585872</v>
      </c>
      <c r="AZ14" s="116">
        <v>758129</v>
      </c>
      <c r="BA14" s="116">
        <v>655016</v>
      </c>
      <c r="BB14" s="116">
        <v>522295</v>
      </c>
      <c r="BC14" s="115">
        <v>3264254</v>
      </c>
      <c r="BD14" s="118">
        <v>3550493</v>
      </c>
      <c r="BE14" s="112">
        <v>0</v>
      </c>
      <c r="BF14" s="116">
        <v>21133</v>
      </c>
      <c r="BG14" s="114">
        <v>21133</v>
      </c>
      <c r="BH14" s="113">
        <v>0</v>
      </c>
      <c r="BI14" s="116">
        <v>59273</v>
      </c>
      <c r="BJ14" s="116">
        <v>81436</v>
      </c>
      <c r="BK14" s="116">
        <v>205214</v>
      </c>
      <c r="BL14" s="116">
        <v>122373</v>
      </c>
      <c r="BM14" s="116">
        <v>22643</v>
      </c>
      <c r="BN14" s="115">
        <v>490939</v>
      </c>
      <c r="BO14" s="118">
        <v>512072</v>
      </c>
      <c r="BP14" s="112">
        <v>110320</v>
      </c>
      <c r="BQ14" s="116">
        <v>78552</v>
      </c>
      <c r="BR14" s="115">
        <v>188872</v>
      </c>
      <c r="BS14" s="112">
        <v>0</v>
      </c>
      <c r="BT14" s="116">
        <v>362288</v>
      </c>
      <c r="BU14" s="116">
        <v>386712</v>
      </c>
      <c r="BV14" s="116">
        <v>331144</v>
      </c>
      <c r="BW14" s="116">
        <v>319408</v>
      </c>
      <c r="BX14" s="116">
        <v>225080</v>
      </c>
      <c r="BY14" s="115">
        <v>1624632</v>
      </c>
      <c r="BZ14" s="118">
        <v>1813504</v>
      </c>
      <c r="CA14" s="112">
        <v>183986</v>
      </c>
      <c r="CB14" s="116">
        <v>33793</v>
      </c>
      <c r="CC14" s="115">
        <v>217779</v>
      </c>
      <c r="CD14" s="112">
        <v>0</v>
      </c>
      <c r="CE14" s="116">
        <v>1362724</v>
      </c>
      <c r="CF14" s="116">
        <v>2481592</v>
      </c>
      <c r="CG14" s="116">
        <v>1678939</v>
      </c>
      <c r="CH14" s="116">
        <v>1066120</v>
      </c>
      <c r="CI14" s="116">
        <v>538538</v>
      </c>
      <c r="CJ14" s="115">
        <v>7127913</v>
      </c>
      <c r="CK14" s="118">
        <v>7345692</v>
      </c>
      <c r="CL14" s="112">
        <v>0</v>
      </c>
      <c r="CM14" s="116">
        <v>0</v>
      </c>
      <c r="CN14" s="115">
        <v>0</v>
      </c>
      <c r="CO14" s="113">
        <v>0</v>
      </c>
      <c r="CP14" s="116">
        <v>1175427</v>
      </c>
      <c r="CQ14" s="116">
        <v>2169678</v>
      </c>
      <c r="CR14" s="116">
        <v>1351790</v>
      </c>
      <c r="CS14" s="116">
        <v>679917</v>
      </c>
      <c r="CT14" s="116">
        <v>538538</v>
      </c>
      <c r="CU14" s="115">
        <v>5915350</v>
      </c>
      <c r="CV14" s="118">
        <v>5915350</v>
      </c>
      <c r="CW14" s="112">
        <v>183986</v>
      </c>
      <c r="CX14" s="116">
        <v>33793</v>
      </c>
      <c r="CY14" s="115">
        <v>217779</v>
      </c>
      <c r="CZ14" s="112">
        <v>0</v>
      </c>
      <c r="DA14" s="116">
        <v>187297</v>
      </c>
      <c r="DB14" s="116">
        <v>311914</v>
      </c>
      <c r="DC14" s="116">
        <v>327149</v>
      </c>
      <c r="DD14" s="116">
        <v>386203</v>
      </c>
      <c r="DE14" s="116">
        <v>0</v>
      </c>
      <c r="DF14" s="115">
        <v>1212563</v>
      </c>
      <c r="DG14" s="118">
        <v>1430342</v>
      </c>
      <c r="DH14" s="112">
        <v>0</v>
      </c>
      <c r="DI14" s="116">
        <v>12776</v>
      </c>
      <c r="DJ14" s="114">
        <v>12776</v>
      </c>
      <c r="DK14" s="113">
        <v>0</v>
      </c>
      <c r="DL14" s="116">
        <v>375530</v>
      </c>
      <c r="DM14" s="116">
        <v>703789</v>
      </c>
      <c r="DN14" s="116">
        <v>1049463</v>
      </c>
      <c r="DO14" s="116">
        <v>330881</v>
      </c>
      <c r="DP14" s="116">
        <v>453563</v>
      </c>
      <c r="DQ14" s="115">
        <v>2913226</v>
      </c>
      <c r="DR14" s="118">
        <v>2926002</v>
      </c>
      <c r="DS14" s="112">
        <v>0</v>
      </c>
      <c r="DT14" s="116">
        <v>12776</v>
      </c>
      <c r="DU14" s="115">
        <v>12776</v>
      </c>
      <c r="DV14" s="112">
        <v>0</v>
      </c>
      <c r="DW14" s="116">
        <v>375530</v>
      </c>
      <c r="DX14" s="116">
        <v>703789</v>
      </c>
      <c r="DY14" s="116">
        <v>947187</v>
      </c>
      <c r="DZ14" s="116">
        <v>330881</v>
      </c>
      <c r="EA14" s="116">
        <v>453563</v>
      </c>
      <c r="EB14" s="115">
        <v>2810950</v>
      </c>
      <c r="EC14" s="118">
        <v>2823726</v>
      </c>
      <c r="ED14" s="112">
        <v>0</v>
      </c>
      <c r="EE14" s="114">
        <v>0</v>
      </c>
      <c r="EF14" s="115">
        <v>0</v>
      </c>
      <c r="EG14" s="112">
        <v>0</v>
      </c>
      <c r="EH14" s="116">
        <v>0</v>
      </c>
      <c r="EI14" s="116">
        <v>0</v>
      </c>
      <c r="EJ14" s="116">
        <v>102276</v>
      </c>
      <c r="EK14" s="116">
        <v>0</v>
      </c>
      <c r="EL14" s="116">
        <v>0</v>
      </c>
      <c r="EM14" s="114">
        <v>102276</v>
      </c>
      <c r="EN14" s="118">
        <v>102276</v>
      </c>
      <c r="EO14" s="112">
        <v>0</v>
      </c>
      <c r="EP14" s="116">
        <v>0</v>
      </c>
      <c r="EQ14" s="114">
        <v>0</v>
      </c>
      <c r="ER14" s="113">
        <v>0</v>
      </c>
      <c r="ES14" s="116">
        <v>0</v>
      </c>
      <c r="ET14" s="116">
        <v>0</v>
      </c>
      <c r="EU14" s="116">
        <v>0</v>
      </c>
      <c r="EV14" s="116">
        <v>0</v>
      </c>
      <c r="EW14" s="116">
        <v>0</v>
      </c>
      <c r="EX14" s="115">
        <v>0</v>
      </c>
      <c r="EY14" s="118">
        <v>0</v>
      </c>
      <c r="EZ14" s="112">
        <v>0</v>
      </c>
      <c r="FA14" s="116">
        <v>0</v>
      </c>
      <c r="FB14" s="114">
        <v>0</v>
      </c>
      <c r="FC14" s="390"/>
      <c r="FD14" s="116">
        <v>0</v>
      </c>
      <c r="FE14" s="116">
        <v>0</v>
      </c>
      <c r="FF14" s="116">
        <v>0</v>
      </c>
      <c r="FG14" s="116">
        <v>0</v>
      </c>
      <c r="FH14" s="116">
        <v>0</v>
      </c>
      <c r="FI14" s="115">
        <v>0</v>
      </c>
      <c r="FJ14" s="118">
        <v>0</v>
      </c>
      <c r="FK14" s="112">
        <v>116368</v>
      </c>
      <c r="FL14" s="116">
        <v>391808</v>
      </c>
      <c r="FM14" s="115">
        <v>508176</v>
      </c>
      <c r="FN14" s="112">
        <v>0</v>
      </c>
      <c r="FO14" s="116">
        <v>356056</v>
      </c>
      <c r="FP14" s="116">
        <v>967680</v>
      </c>
      <c r="FQ14" s="116">
        <v>810492</v>
      </c>
      <c r="FR14" s="116">
        <v>796088</v>
      </c>
      <c r="FS14" s="116">
        <v>455488</v>
      </c>
      <c r="FT14" s="115">
        <v>3385804</v>
      </c>
      <c r="FU14" s="118">
        <v>3893980</v>
      </c>
      <c r="FV14" s="117">
        <v>116368</v>
      </c>
      <c r="FW14" s="116">
        <v>75520</v>
      </c>
      <c r="FX14" s="114">
        <v>191888</v>
      </c>
      <c r="FY14" s="113">
        <v>0</v>
      </c>
      <c r="FZ14" s="116">
        <v>356056</v>
      </c>
      <c r="GA14" s="116">
        <v>909728</v>
      </c>
      <c r="GB14" s="116">
        <v>631236</v>
      </c>
      <c r="GC14" s="116">
        <v>712488</v>
      </c>
      <c r="GD14" s="116">
        <v>397088</v>
      </c>
      <c r="GE14" s="115">
        <v>3006596</v>
      </c>
      <c r="GF14" s="354">
        <v>3198484</v>
      </c>
      <c r="GG14" s="117">
        <v>0</v>
      </c>
      <c r="GH14" s="116">
        <v>15488</v>
      </c>
      <c r="GI14" s="114">
        <v>15488</v>
      </c>
      <c r="GJ14" s="113">
        <v>0</v>
      </c>
      <c r="GK14" s="116">
        <v>0</v>
      </c>
      <c r="GL14" s="116">
        <v>57952</v>
      </c>
      <c r="GM14" s="116">
        <v>73656</v>
      </c>
      <c r="GN14" s="116">
        <v>17600</v>
      </c>
      <c r="GO14" s="116">
        <v>58400</v>
      </c>
      <c r="GP14" s="115">
        <v>207608</v>
      </c>
      <c r="GQ14" s="118">
        <v>223096</v>
      </c>
      <c r="GR14" s="112">
        <v>0</v>
      </c>
      <c r="GS14" s="116">
        <v>300800</v>
      </c>
      <c r="GT14" s="115">
        <v>300800</v>
      </c>
      <c r="GU14" s="112">
        <v>0</v>
      </c>
      <c r="GV14" s="116">
        <v>0</v>
      </c>
      <c r="GW14" s="116">
        <v>0</v>
      </c>
      <c r="GX14" s="116">
        <v>105600</v>
      </c>
      <c r="GY14" s="116">
        <v>66000</v>
      </c>
      <c r="GZ14" s="116">
        <v>0</v>
      </c>
      <c r="HA14" s="114">
        <v>171600</v>
      </c>
      <c r="HB14" s="118">
        <v>472400</v>
      </c>
      <c r="HC14" s="112">
        <v>256520</v>
      </c>
      <c r="HD14" s="116">
        <v>496063</v>
      </c>
      <c r="HE14" s="114">
        <v>752583</v>
      </c>
      <c r="HF14" s="113">
        <v>0</v>
      </c>
      <c r="HG14" s="116">
        <v>1696654</v>
      </c>
      <c r="HH14" s="116">
        <v>1461342</v>
      </c>
      <c r="HI14" s="116">
        <v>1419306</v>
      </c>
      <c r="HJ14" s="116">
        <v>1496957</v>
      </c>
      <c r="HK14" s="116">
        <v>1059643</v>
      </c>
      <c r="HL14" s="115">
        <v>7133902</v>
      </c>
      <c r="HM14" s="111">
        <v>7886485</v>
      </c>
      <c r="HN14" s="370"/>
      <c r="HO14" s="371"/>
      <c r="HP14" s="372"/>
      <c r="HQ14" s="373"/>
      <c r="HR14" s="371"/>
      <c r="HS14" s="371"/>
      <c r="HT14" s="371"/>
      <c r="HU14" s="371"/>
      <c r="HV14" s="371"/>
      <c r="HW14" s="374"/>
      <c r="HX14" s="375"/>
      <c r="HY14" s="148">
        <v>48251</v>
      </c>
      <c r="HZ14" s="149">
        <v>0</v>
      </c>
      <c r="IA14" s="150">
        <v>48251</v>
      </c>
      <c r="IB14" s="151">
        <v>0</v>
      </c>
      <c r="IC14" s="152">
        <v>3074836</v>
      </c>
      <c r="ID14" s="153">
        <v>2909158</v>
      </c>
      <c r="IE14" s="154">
        <v>2390346</v>
      </c>
      <c r="IF14" s="152">
        <v>2581604</v>
      </c>
      <c r="IG14" s="154">
        <v>619466</v>
      </c>
      <c r="IH14" s="155">
        <v>11575410</v>
      </c>
      <c r="II14" s="156">
        <v>11623661</v>
      </c>
      <c r="IJ14" s="261">
        <v>0</v>
      </c>
      <c r="IK14" s="268">
        <v>0</v>
      </c>
      <c r="IL14" s="269">
        <v>0</v>
      </c>
      <c r="IM14" s="157"/>
      <c r="IN14" s="122">
        <v>0</v>
      </c>
      <c r="IO14" s="122">
        <v>0</v>
      </c>
      <c r="IP14" s="122">
        <v>0</v>
      </c>
      <c r="IQ14" s="122">
        <v>248094</v>
      </c>
      <c r="IR14" s="122">
        <v>0</v>
      </c>
      <c r="IS14" s="158">
        <v>248094</v>
      </c>
      <c r="IT14" s="357">
        <v>248094</v>
      </c>
      <c r="IU14" s="159">
        <v>0</v>
      </c>
      <c r="IV14" s="122">
        <v>0</v>
      </c>
      <c r="IW14" s="123">
        <v>0</v>
      </c>
      <c r="IX14" s="161"/>
      <c r="IY14" s="122">
        <v>0</v>
      </c>
      <c r="IZ14" s="122">
        <v>0</v>
      </c>
      <c r="JA14" s="122">
        <v>0</v>
      </c>
      <c r="JB14" s="122">
        <v>0</v>
      </c>
      <c r="JC14" s="122">
        <v>16503</v>
      </c>
      <c r="JD14" s="123">
        <v>16503</v>
      </c>
      <c r="JE14" s="124">
        <v>16503</v>
      </c>
      <c r="JF14" s="159">
        <v>0</v>
      </c>
      <c r="JG14" s="122">
        <v>0</v>
      </c>
      <c r="JH14" s="158">
        <v>0</v>
      </c>
      <c r="JI14" s="121">
        <v>0</v>
      </c>
      <c r="JJ14" s="122">
        <v>1143462</v>
      </c>
      <c r="JK14" s="122">
        <v>1223578</v>
      </c>
      <c r="JL14" s="122">
        <v>645728</v>
      </c>
      <c r="JM14" s="122">
        <v>479941</v>
      </c>
      <c r="JN14" s="122">
        <v>48922</v>
      </c>
      <c r="JO14" s="123">
        <v>3541631</v>
      </c>
      <c r="JP14" s="357">
        <v>3541631</v>
      </c>
      <c r="JQ14" s="159">
        <v>0</v>
      </c>
      <c r="JR14" s="122">
        <v>0</v>
      </c>
      <c r="JS14" s="158">
        <v>0</v>
      </c>
      <c r="JT14" s="121">
        <v>0</v>
      </c>
      <c r="JU14" s="122">
        <v>31092</v>
      </c>
      <c r="JV14" s="122">
        <v>0</v>
      </c>
      <c r="JW14" s="122">
        <v>0</v>
      </c>
      <c r="JX14" s="122">
        <v>0</v>
      </c>
      <c r="JY14" s="122">
        <v>0</v>
      </c>
      <c r="JZ14" s="123">
        <v>31092</v>
      </c>
      <c r="KA14" s="357">
        <v>31092</v>
      </c>
      <c r="KB14" s="264">
        <v>48251</v>
      </c>
      <c r="KC14" s="258">
        <v>0</v>
      </c>
      <c r="KD14" s="123">
        <v>48251</v>
      </c>
      <c r="KE14" s="121">
        <v>0</v>
      </c>
      <c r="KF14" s="122">
        <v>586829</v>
      </c>
      <c r="KG14" s="122">
        <v>835286</v>
      </c>
      <c r="KH14" s="122">
        <v>470250</v>
      </c>
      <c r="KI14" s="122">
        <v>506356</v>
      </c>
      <c r="KJ14" s="122">
        <v>0</v>
      </c>
      <c r="KK14" s="123">
        <v>2398721</v>
      </c>
      <c r="KL14" s="160">
        <v>2446972</v>
      </c>
      <c r="KM14" s="261">
        <v>0</v>
      </c>
      <c r="KN14" s="268">
        <v>0</v>
      </c>
      <c r="KO14" s="269">
        <v>0</v>
      </c>
      <c r="KP14" s="157"/>
      <c r="KQ14" s="122">
        <v>632247</v>
      </c>
      <c r="KR14" s="122">
        <v>659610</v>
      </c>
      <c r="KS14" s="122">
        <v>1070803</v>
      </c>
      <c r="KT14" s="122">
        <v>469947</v>
      </c>
      <c r="KU14" s="122">
        <v>234773</v>
      </c>
      <c r="KV14" s="123">
        <v>3067380</v>
      </c>
      <c r="KW14" s="357">
        <v>3067380</v>
      </c>
      <c r="KX14" s="159">
        <v>0</v>
      </c>
      <c r="KY14" s="122">
        <v>0</v>
      </c>
      <c r="KZ14" s="123">
        <v>0</v>
      </c>
      <c r="LA14" s="162"/>
      <c r="LB14" s="122">
        <v>0</v>
      </c>
      <c r="LC14" s="122">
        <v>0</v>
      </c>
      <c r="LD14" s="122">
        <v>0</v>
      </c>
      <c r="LE14" s="122">
        <v>581512</v>
      </c>
      <c r="LF14" s="122">
        <v>0</v>
      </c>
      <c r="LG14" s="123">
        <v>581512</v>
      </c>
      <c r="LH14" s="124">
        <v>581512</v>
      </c>
      <c r="LI14" s="159">
        <v>0</v>
      </c>
      <c r="LJ14" s="122">
        <v>0</v>
      </c>
      <c r="LK14" s="123">
        <v>0</v>
      </c>
      <c r="LL14" s="162"/>
      <c r="LM14" s="122">
        <v>0</v>
      </c>
      <c r="LN14" s="122">
        <v>0</v>
      </c>
      <c r="LO14" s="122">
        <v>203565</v>
      </c>
      <c r="LP14" s="122">
        <v>0</v>
      </c>
      <c r="LQ14" s="122">
        <v>0</v>
      </c>
      <c r="LR14" s="123">
        <v>203565</v>
      </c>
      <c r="LS14" s="357">
        <v>203565</v>
      </c>
      <c r="LT14" s="159">
        <v>0</v>
      </c>
      <c r="LU14" s="122">
        <v>0</v>
      </c>
      <c r="LV14" s="123">
        <v>0</v>
      </c>
      <c r="LW14" s="162"/>
      <c r="LX14" s="122">
        <v>681206</v>
      </c>
      <c r="LY14" s="122">
        <v>190684</v>
      </c>
      <c r="LZ14" s="122">
        <v>0</v>
      </c>
      <c r="MA14" s="122">
        <v>295754</v>
      </c>
      <c r="MB14" s="122">
        <v>319268</v>
      </c>
      <c r="MC14" s="123">
        <v>1486912</v>
      </c>
      <c r="MD14" s="124">
        <v>1486912</v>
      </c>
      <c r="ME14" s="159">
        <v>0</v>
      </c>
      <c r="MF14" s="122">
        <v>0</v>
      </c>
      <c r="MG14" s="123">
        <v>0</v>
      </c>
      <c r="MH14" s="162"/>
      <c r="MI14" s="122">
        <v>380103</v>
      </c>
      <c r="MJ14" s="122">
        <v>1422675</v>
      </c>
      <c r="MK14" s="122">
        <v>3865587</v>
      </c>
      <c r="ML14" s="122">
        <v>2550111</v>
      </c>
      <c r="MM14" s="122">
        <v>2125531</v>
      </c>
      <c r="MN14" s="123">
        <v>10344007</v>
      </c>
      <c r="MO14" s="160">
        <v>10344007</v>
      </c>
      <c r="MP14" s="159">
        <v>0</v>
      </c>
      <c r="MQ14" s="122">
        <v>0</v>
      </c>
      <c r="MR14" s="123">
        <v>0</v>
      </c>
      <c r="MS14" s="162"/>
      <c r="MT14" s="122">
        <v>193943</v>
      </c>
      <c r="MU14" s="122">
        <v>422404</v>
      </c>
      <c r="MV14" s="122">
        <v>1269283</v>
      </c>
      <c r="MW14" s="122">
        <v>1702058</v>
      </c>
      <c r="MX14" s="122">
        <v>1548517</v>
      </c>
      <c r="MY14" s="123">
        <v>5136205</v>
      </c>
      <c r="MZ14" s="160">
        <v>5136205</v>
      </c>
      <c r="NA14" s="159">
        <v>0</v>
      </c>
      <c r="NB14" s="122">
        <v>0</v>
      </c>
      <c r="NC14" s="123">
        <v>0</v>
      </c>
      <c r="ND14" s="162"/>
      <c r="NE14" s="122">
        <v>186160</v>
      </c>
      <c r="NF14" s="122">
        <v>1000271</v>
      </c>
      <c r="NG14" s="122">
        <v>2596304</v>
      </c>
      <c r="NH14" s="122">
        <v>848053</v>
      </c>
      <c r="NI14" s="122">
        <v>577014</v>
      </c>
      <c r="NJ14" s="123">
        <v>5207802</v>
      </c>
      <c r="NK14" s="357">
        <v>5207802</v>
      </c>
      <c r="NL14" s="159">
        <v>0</v>
      </c>
      <c r="NM14" s="122">
        <v>0</v>
      </c>
      <c r="NN14" s="123">
        <v>0</v>
      </c>
      <c r="NO14" s="162"/>
      <c r="NP14" s="122">
        <v>0</v>
      </c>
      <c r="NQ14" s="122">
        <v>0</v>
      </c>
      <c r="NR14" s="122">
        <v>0</v>
      </c>
      <c r="NS14" s="122">
        <v>0</v>
      </c>
      <c r="NT14" s="122">
        <v>0</v>
      </c>
      <c r="NU14" s="123">
        <v>0</v>
      </c>
      <c r="NV14" s="124">
        <v>0</v>
      </c>
      <c r="NW14" s="159">
        <v>0</v>
      </c>
      <c r="NX14" s="122">
        <v>0</v>
      </c>
      <c r="NY14" s="123">
        <v>0</v>
      </c>
      <c r="NZ14" s="162"/>
      <c r="OA14" s="122">
        <v>0</v>
      </c>
      <c r="OB14" s="122">
        <v>0</v>
      </c>
      <c r="OC14" s="122">
        <v>0</v>
      </c>
      <c r="OD14" s="122">
        <v>0</v>
      </c>
      <c r="OE14" s="122">
        <v>0</v>
      </c>
      <c r="OF14" s="123">
        <v>0</v>
      </c>
      <c r="OG14" s="124">
        <v>0</v>
      </c>
      <c r="OH14" s="159">
        <v>777195</v>
      </c>
      <c r="OI14" s="122">
        <v>1258614</v>
      </c>
      <c r="OJ14" s="158">
        <v>2035809</v>
      </c>
      <c r="OK14" s="121">
        <v>0</v>
      </c>
      <c r="OL14" s="122">
        <v>9243980</v>
      </c>
      <c r="OM14" s="122">
        <v>12566763</v>
      </c>
      <c r="ON14" s="122">
        <v>13913282</v>
      </c>
      <c r="OO14" s="122">
        <v>10941058</v>
      </c>
      <c r="OP14" s="122">
        <v>8094488</v>
      </c>
      <c r="OQ14" s="123">
        <v>54759571</v>
      </c>
      <c r="OR14" s="160">
        <v>56795380</v>
      </c>
    </row>
    <row r="15" spans="1:408" ht="20.25" customHeight="1" x14ac:dyDescent="0.2">
      <c r="A15" s="129" t="s">
        <v>9</v>
      </c>
      <c r="B15" s="112">
        <v>1003474</v>
      </c>
      <c r="C15" s="116">
        <v>1311977</v>
      </c>
      <c r="D15" s="115">
        <v>2315451</v>
      </c>
      <c r="E15" s="113">
        <v>0</v>
      </c>
      <c r="F15" s="116">
        <v>11710775</v>
      </c>
      <c r="G15" s="116">
        <v>10964107</v>
      </c>
      <c r="H15" s="116">
        <v>9887920</v>
      </c>
      <c r="I15" s="116">
        <v>9940504</v>
      </c>
      <c r="J15" s="116">
        <v>7678702</v>
      </c>
      <c r="K15" s="111">
        <v>50182008</v>
      </c>
      <c r="L15" s="118">
        <v>52497459</v>
      </c>
      <c r="M15" s="112">
        <v>194743</v>
      </c>
      <c r="N15" s="116">
        <v>278945</v>
      </c>
      <c r="O15" s="115">
        <v>473688</v>
      </c>
      <c r="P15" s="112">
        <v>0</v>
      </c>
      <c r="Q15" s="116">
        <v>3798607</v>
      </c>
      <c r="R15" s="116">
        <v>3911793</v>
      </c>
      <c r="S15" s="116">
        <v>3516309</v>
      </c>
      <c r="T15" s="116">
        <v>4360920</v>
      </c>
      <c r="U15" s="116">
        <v>4353039</v>
      </c>
      <c r="V15" s="115">
        <v>19940668</v>
      </c>
      <c r="W15" s="118">
        <v>20414356</v>
      </c>
      <c r="X15" s="112">
        <v>0</v>
      </c>
      <c r="Y15" s="116">
        <v>0</v>
      </c>
      <c r="Z15" s="115">
        <v>0</v>
      </c>
      <c r="AA15" s="112">
        <v>0</v>
      </c>
      <c r="AB15" s="116">
        <v>1609527</v>
      </c>
      <c r="AC15" s="116">
        <v>2007557</v>
      </c>
      <c r="AD15" s="116">
        <v>1711343</v>
      </c>
      <c r="AE15" s="116">
        <v>2824230</v>
      </c>
      <c r="AF15" s="116">
        <v>2643436</v>
      </c>
      <c r="AG15" s="115">
        <v>10796093</v>
      </c>
      <c r="AH15" s="118">
        <v>10796093</v>
      </c>
      <c r="AI15" s="112">
        <v>0</v>
      </c>
      <c r="AJ15" s="116">
        <v>0</v>
      </c>
      <c r="AK15" s="115">
        <v>0</v>
      </c>
      <c r="AL15" s="112">
        <v>0</v>
      </c>
      <c r="AM15" s="116">
        <v>35854</v>
      </c>
      <c r="AN15" s="116">
        <v>0</v>
      </c>
      <c r="AO15" s="116">
        <v>46897</v>
      </c>
      <c r="AP15" s="116">
        <v>82751</v>
      </c>
      <c r="AQ15" s="116">
        <v>332538</v>
      </c>
      <c r="AR15" s="115">
        <v>498040</v>
      </c>
      <c r="AS15" s="118">
        <v>498040</v>
      </c>
      <c r="AT15" s="112">
        <v>3977</v>
      </c>
      <c r="AU15" s="116">
        <v>125724</v>
      </c>
      <c r="AV15" s="115">
        <v>129701</v>
      </c>
      <c r="AW15" s="112">
        <v>0</v>
      </c>
      <c r="AX15" s="116">
        <v>1400786</v>
      </c>
      <c r="AY15" s="116">
        <v>1141691</v>
      </c>
      <c r="AZ15" s="116">
        <v>947075</v>
      </c>
      <c r="BA15" s="116">
        <v>813277</v>
      </c>
      <c r="BB15" s="116">
        <v>902545</v>
      </c>
      <c r="BC15" s="115">
        <v>5205374</v>
      </c>
      <c r="BD15" s="118">
        <v>5335075</v>
      </c>
      <c r="BE15" s="112">
        <v>16270</v>
      </c>
      <c r="BF15" s="116">
        <v>24405</v>
      </c>
      <c r="BG15" s="114">
        <v>40675</v>
      </c>
      <c r="BH15" s="113">
        <v>0</v>
      </c>
      <c r="BI15" s="116">
        <v>0</v>
      </c>
      <c r="BJ15" s="116">
        <v>189385</v>
      </c>
      <c r="BK15" s="116">
        <v>66258</v>
      </c>
      <c r="BL15" s="116">
        <v>111598</v>
      </c>
      <c r="BM15" s="116">
        <v>54824</v>
      </c>
      <c r="BN15" s="115">
        <v>422065</v>
      </c>
      <c r="BO15" s="118">
        <v>462740</v>
      </c>
      <c r="BP15" s="112">
        <v>174496</v>
      </c>
      <c r="BQ15" s="116">
        <v>128816</v>
      </c>
      <c r="BR15" s="115">
        <v>303312</v>
      </c>
      <c r="BS15" s="112">
        <v>0</v>
      </c>
      <c r="BT15" s="116">
        <v>752440</v>
      </c>
      <c r="BU15" s="116">
        <v>573160</v>
      </c>
      <c r="BV15" s="116">
        <v>744736</v>
      </c>
      <c r="BW15" s="116">
        <v>529064</v>
      </c>
      <c r="BX15" s="116">
        <v>419696</v>
      </c>
      <c r="BY15" s="115">
        <v>3019096</v>
      </c>
      <c r="BZ15" s="118">
        <v>3322408</v>
      </c>
      <c r="CA15" s="112">
        <v>82785</v>
      </c>
      <c r="CB15" s="116">
        <v>155141</v>
      </c>
      <c r="CC15" s="115">
        <v>237926</v>
      </c>
      <c r="CD15" s="112">
        <v>0</v>
      </c>
      <c r="CE15" s="116">
        <v>3038993</v>
      </c>
      <c r="CF15" s="116">
        <v>2709122</v>
      </c>
      <c r="CG15" s="116">
        <v>2467846</v>
      </c>
      <c r="CH15" s="116">
        <v>1510138</v>
      </c>
      <c r="CI15" s="116">
        <v>813771</v>
      </c>
      <c r="CJ15" s="115">
        <v>10539870</v>
      </c>
      <c r="CK15" s="118">
        <v>10777796</v>
      </c>
      <c r="CL15" s="112">
        <v>0</v>
      </c>
      <c r="CM15" s="116">
        <v>0</v>
      </c>
      <c r="CN15" s="115">
        <v>0</v>
      </c>
      <c r="CO15" s="113">
        <v>0</v>
      </c>
      <c r="CP15" s="116">
        <v>2314898</v>
      </c>
      <c r="CQ15" s="116">
        <v>1814824</v>
      </c>
      <c r="CR15" s="116">
        <v>1689620</v>
      </c>
      <c r="CS15" s="116">
        <v>748831</v>
      </c>
      <c r="CT15" s="116">
        <v>813771</v>
      </c>
      <c r="CU15" s="115">
        <v>7381944</v>
      </c>
      <c r="CV15" s="118">
        <v>7381944</v>
      </c>
      <c r="CW15" s="112">
        <v>82785</v>
      </c>
      <c r="CX15" s="116">
        <v>155141</v>
      </c>
      <c r="CY15" s="115">
        <v>237926</v>
      </c>
      <c r="CZ15" s="112">
        <v>0</v>
      </c>
      <c r="DA15" s="116">
        <v>724095</v>
      </c>
      <c r="DB15" s="116">
        <v>894298</v>
      </c>
      <c r="DC15" s="116">
        <v>778226</v>
      </c>
      <c r="DD15" s="116">
        <v>761307</v>
      </c>
      <c r="DE15" s="116">
        <v>0</v>
      </c>
      <c r="DF15" s="115">
        <v>3157926</v>
      </c>
      <c r="DG15" s="118">
        <v>3395852</v>
      </c>
      <c r="DH15" s="112">
        <v>0</v>
      </c>
      <c r="DI15" s="116">
        <v>0</v>
      </c>
      <c r="DJ15" s="114">
        <v>0</v>
      </c>
      <c r="DK15" s="113">
        <v>0</v>
      </c>
      <c r="DL15" s="116">
        <v>383036</v>
      </c>
      <c r="DM15" s="116">
        <v>888462</v>
      </c>
      <c r="DN15" s="116">
        <v>1134570</v>
      </c>
      <c r="DO15" s="116">
        <v>538822</v>
      </c>
      <c r="DP15" s="116">
        <v>333309</v>
      </c>
      <c r="DQ15" s="115">
        <v>3278199</v>
      </c>
      <c r="DR15" s="118">
        <v>3278199</v>
      </c>
      <c r="DS15" s="112">
        <v>0</v>
      </c>
      <c r="DT15" s="116">
        <v>0</v>
      </c>
      <c r="DU15" s="115">
        <v>0</v>
      </c>
      <c r="DV15" s="112">
        <v>0</v>
      </c>
      <c r="DW15" s="116">
        <v>326014</v>
      </c>
      <c r="DX15" s="116">
        <v>611049</v>
      </c>
      <c r="DY15" s="116">
        <v>1134570</v>
      </c>
      <c r="DZ15" s="116">
        <v>437466</v>
      </c>
      <c r="EA15" s="116">
        <v>333309</v>
      </c>
      <c r="EB15" s="115">
        <v>2842408</v>
      </c>
      <c r="EC15" s="118">
        <v>2842408</v>
      </c>
      <c r="ED15" s="112">
        <v>0</v>
      </c>
      <c r="EE15" s="114">
        <v>0</v>
      </c>
      <c r="EF15" s="115">
        <v>0</v>
      </c>
      <c r="EG15" s="112">
        <v>0</v>
      </c>
      <c r="EH15" s="116">
        <v>57022</v>
      </c>
      <c r="EI15" s="116">
        <v>277413</v>
      </c>
      <c r="EJ15" s="116">
        <v>0</v>
      </c>
      <c r="EK15" s="116">
        <v>101356</v>
      </c>
      <c r="EL15" s="116">
        <v>0</v>
      </c>
      <c r="EM15" s="114">
        <v>435791</v>
      </c>
      <c r="EN15" s="118">
        <v>435791</v>
      </c>
      <c r="EO15" s="112">
        <v>0</v>
      </c>
      <c r="EP15" s="116">
        <v>0</v>
      </c>
      <c r="EQ15" s="114">
        <v>0</v>
      </c>
      <c r="ER15" s="113">
        <v>0</v>
      </c>
      <c r="ES15" s="116">
        <v>0</v>
      </c>
      <c r="ET15" s="116">
        <v>0</v>
      </c>
      <c r="EU15" s="116">
        <v>0</v>
      </c>
      <c r="EV15" s="116">
        <v>0</v>
      </c>
      <c r="EW15" s="116">
        <v>0</v>
      </c>
      <c r="EX15" s="115">
        <v>0</v>
      </c>
      <c r="EY15" s="118">
        <v>0</v>
      </c>
      <c r="EZ15" s="112">
        <v>0</v>
      </c>
      <c r="FA15" s="116">
        <v>0</v>
      </c>
      <c r="FB15" s="114">
        <v>0</v>
      </c>
      <c r="FC15" s="390"/>
      <c r="FD15" s="116">
        <v>0</v>
      </c>
      <c r="FE15" s="116">
        <v>0</v>
      </c>
      <c r="FF15" s="116">
        <v>0</v>
      </c>
      <c r="FG15" s="116">
        <v>0</v>
      </c>
      <c r="FH15" s="116">
        <v>0</v>
      </c>
      <c r="FI15" s="115">
        <v>0</v>
      </c>
      <c r="FJ15" s="118">
        <v>0</v>
      </c>
      <c r="FK15" s="112">
        <v>170128</v>
      </c>
      <c r="FL15" s="116">
        <v>130224</v>
      </c>
      <c r="FM15" s="115">
        <v>300352</v>
      </c>
      <c r="FN15" s="112">
        <v>0</v>
      </c>
      <c r="FO15" s="116">
        <v>1018564</v>
      </c>
      <c r="FP15" s="116">
        <v>1197668</v>
      </c>
      <c r="FQ15" s="116">
        <v>930536</v>
      </c>
      <c r="FR15" s="116">
        <v>919170</v>
      </c>
      <c r="FS15" s="116">
        <v>594968</v>
      </c>
      <c r="FT15" s="115">
        <v>4660906</v>
      </c>
      <c r="FU15" s="118">
        <v>4961258</v>
      </c>
      <c r="FV15" s="117">
        <v>135728</v>
      </c>
      <c r="FW15" s="116">
        <v>114384</v>
      </c>
      <c r="FX15" s="114">
        <v>250112</v>
      </c>
      <c r="FY15" s="113">
        <v>0</v>
      </c>
      <c r="FZ15" s="116">
        <v>636352</v>
      </c>
      <c r="GA15" s="116">
        <v>1161992</v>
      </c>
      <c r="GB15" s="116">
        <v>910824</v>
      </c>
      <c r="GC15" s="116">
        <v>908170</v>
      </c>
      <c r="GD15" s="116">
        <v>594968</v>
      </c>
      <c r="GE15" s="115">
        <v>4212306</v>
      </c>
      <c r="GF15" s="354">
        <v>4462418</v>
      </c>
      <c r="GG15" s="117">
        <v>34400</v>
      </c>
      <c r="GH15" s="116">
        <v>15840</v>
      </c>
      <c r="GI15" s="114">
        <v>50240</v>
      </c>
      <c r="GJ15" s="113">
        <v>0</v>
      </c>
      <c r="GK15" s="116">
        <v>83812</v>
      </c>
      <c r="GL15" s="116">
        <v>35676</v>
      </c>
      <c r="GM15" s="116">
        <v>19712</v>
      </c>
      <c r="GN15" s="116">
        <v>11000</v>
      </c>
      <c r="GO15" s="116">
        <v>0</v>
      </c>
      <c r="GP15" s="115">
        <v>150200</v>
      </c>
      <c r="GQ15" s="118">
        <v>200440</v>
      </c>
      <c r="GR15" s="112">
        <v>0</v>
      </c>
      <c r="GS15" s="116">
        <v>0</v>
      </c>
      <c r="GT15" s="115">
        <v>0</v>
      </c>
      <c r="GU15" s="112">
        <v>0</v>
      </c>
      <c r="GV15" s="116">
        <v>298400</v>
      </c>
      <c r="GW15" s="116">
        <v>0</v>
      </c>
      <c r="GX15" s="116">
        <v>0</v>
      </c>
      <c r="GY15" s="116">
        <v>0</v>
      </c>
      <c r="GZ15" s="116">
        <v>0</v>
      </c>
      <c r="HA15" s="114">
        <v>298400</v>
      </c>
      <c r="HB15" s="118">
        <v>298400</v>
      </c>
      <c r="HC15" s="112">
        <v>555818</v>
      </c>
      <c r="HD15" s="116">
        <v>747667</v>
      </c>
      <c r="HE15" s="114">
        <v>1303485</v>
      </c>
      <c r="HF15" s="113">
        <v>0</v>
      </c>
      <c r="HG15" s="116">
        <v>3471575</v>
      </c>
      <c r="HH15" s="116">
        <v>2257062</v>
      </c>
      <c r="HI15" s="116">
        <v>1838659</v>
      </c>
      <c r="HJ15" s="116">
        <v>2611454</v>
      </c>
      <c r="HK15" s="116">
        <v>1583615</v>
      </c>
      <c r="HL15" s="115">
        <v>11762365</v>
      </c>
      <c r="HM15" s="111">
        <v>13065850</v>
      </c>
      <c r="HN15" s="370"/>
      <c r="HO15" s="371"/>
      <c r="HP15" s="372"/>
      <c r="HQ15" s="373"/>
      <c r="HR15" s="371"/>
      <c r="HS15" s="371"/>
      <c r="HT15" s="371"/>
      <c r="HU15" s="371"/>
      <c r="HV15" s="371"/>
      <c r="HW15" s="374"/>
      <c r="HX15" s="375"/>
      <c r="HY15" s="131">
        <v>42834</v>
      </c>
      <c r="HZ15" s="166">
        <v>0</v>
      </c>
      <c r="IA15" s="133">
        <v>42834</v>
      </c>
      <c r="IB15" s="163">
        <v>0</v>
      </c>
      <c r="IC15" s="149">
        <v>2919163</v>
      </c>
      <c r="ID15" s="164">
        <v>2596415</v>
      </c>
      <c r="IE15" s="150">
        <v>3674875</v>
      </c>
      <c r="IF15" s="149">
        <v>1628715</v>
      </c>
      <c r="IG15" s="150">
        <v>987033</v>
      </c>
      <c r="IH15" s="165">
        <v>11806201</v>
      </c>
      <c r="II15" s="137">
        <v>11849035</v>
      </c>
      <c r="IJ15" s="261">
        <v>0</v>
      </c>
      <c r="IK15" s="268">
        <v>0</v>
      </c>
      <c r="IL15" s="269">
        <v>0</v>
      </c>
      <c r="IM15" s="157"/>
      <c r="IN15" s="122">
        <v>142402</v>
      </c>
      <c r="IO15" s="122">
        <v>0</v>
      </c>
      <c r="IP15" s="122">
        <v>0</v>
      </c>
      <c r="IQ15" s="122">
        <v>241703</v>
      </c>
      <c r="IR15" s="122">
        <v>291392</v>
      </c>
      <c r="IS15" s="158">
        <v>675497</v>
      </c>
      <c r="IT15" s="357">
        <v>675497</v>
      </c>
      <c r="IU15" s="159">
        <v>0</v>
      </c>
      <c r="IV15" s="122">
        <v>0</v>
      </c>
      <c r="IW15" s="123">
        <v>0</v>
      </c>
      <c r="IX15" s="161"/>
      <c r="IY15" s="122">
        <v>0</v>
      </c>
      <c r="IZ15" s="122">
        <v>0</v>
      </c>
      <c r="JA15" s="122">
        <v>0</v>
      </c>
      <c r="JB15" s="122">
        <v>0</v>
      </c>
      <c r="JC15" s="122">
        <v>0</v>
      </c>
      <c r="JD15" s="123">
        <v>0</v>
      </c>
      <c r="JE15" s="124">
        <v>0</v>
      </c>
      <c r="JF15" s="159">
        <v>0</v>
      </c>
      <c r="JG15" s="122">
        <v>0</v>
      </c>
      <c r="JH15" s="158">
        <v>0</v>
      </c>
      <c r="JI15" s="121">
        <v>0</v>
      </c>
      <c r="JJ15" s="122">
        <v>1493797</v>
      </c>
      <c r="JK15" s="122">
        <v>949461</v>
      </c>
      <c r="JL15" s="122">
        <v>1198249</v>
      </c>
      <c r="JM15" s="122">
        <v>884911</v>
      </c>
      <c r="JN15" s="122">
        <v>0</v>
      </c>
      <c r="JO15" s="123">
        <v>4526418</v>
      </c>
      <c r="JP15" s="357">
        <v>4526418</v>
      </c>
      <c r="JQ15" s="159">
        <v>0</v>
      </c>
      <c r="JR15" s="122">
        <v>0</v>
      </c>
      <c r="JS15" s="158">
        <v>0</v>
      </c>
      <c r="JT15" s="121">
        <v>0</v>
      </c>
      <c r="JU15" s="122">
        <v>8368</v>
      </c>
      <c r="JV15" s="122">
        <v>29673</v>
      </c>
      <c r="JW15" s="122">
        <v>94445</v>
      </c>
      <c r="JX15" s="122">
        <v>0</v>
      </c>
      <c r="JY15" s="122">
        <v>0</v>
      </c>
      <c r="JZ15" s="123">
        <v>132486</v>
      </c>
      <c r="KA15" s="357">
        <v>132486</v>
      </c>
      <c r="KB15" s="264">
        <v>42834</v>
      </c>
      <c r="KC15" s="258">
        <v>0</v>
      </c>
      <c r="KD15" s="123">
        <v>42834</v>
      </c>
      <c r="KE15" s="121">
        <v>0</v>
      </c>
      <c r="KF15" s="122">
        <v>484185</v>
      </c>
      <c r="KG15" s="122">
        <v>323097</v>
      </c>
      <c r="KH15" s="122">
        <v>0</v>
      </c>
      <c r="KI15" s="122">
        <v>250389</v>
      </c>
      <c r="KJ15" s="122">
        <v>0</v>
      </c>
      <c r="KK15" s="123">
        <v>1057671</v>
      </c>
      <c r="KL15" s="160">
        <v>1100505</v>
      </c>
      <c r="KM15" s="261">
        <v>0</v>
      </c>
      <c r="KN15" s="268">
        <v>0</v>
      </c>
      <c r="KO15" s="269">
        <v>0</v>
      </c>
      <c r="KP15" s="157"/>
      <c r="KQ15" s="122">
        <v>644822</v>
      </c>
      <c r="KR15" s="122">
        <v>942416</v>
      </c>
      <c r="KS15" s="122">
        <v>1379322</v>
      </c>
      <c r="KT15" s="122">
        <v>237240</v>
      </c>
      <c r="KU15" s="122">
        <v>695641</v>
      </c>
      <c r="KV15" s="123">
        <v>3899441</v>
      </c>
      <c r="KW15" s="357">
        <v>3899441</v>
      </c>
      <c r="KX15" s="159">
        <v>0</v>
      </c>
      <c r="KY15" s="122">
        <v>0</v>
      </c>
      <c r="KZ15" s="123">
        <v>0</v>
      </c>
      <c r="LA15" s="162"/>
      <c r="LB15" s="122">
        <v>145589</v>
      </c>
      <c r="LC15" s="122">
        <v>163121</v>
      </c>
      <c r="LD15" s="122">
        <v>265546</v>
      </c>
      <c r="LE15" s="122">
        <v>14472</v>
      </c>
      <c r="LF15" s="122">
        <v>0</v>
      </c>
      <c r="LG15" s="123">
        <v>588728</v>
      </c>
      <c r="LH15" s="124">
        <v>588728</v>
      </c>
      <c r="LI15" s="159">
        <v>0</v>
      </c>
      <c r="LJ15" s="122">
        <v>0</v>
      </c>
      <c r="LK15" s="123">
        <v>0</v>
      </c>
      <c r="LL15" s="162"/>
      <c r="LM15" s="122">
        <v>0</v>
      </c>
      <c r="LN15" s="122">
        <v>0</v>
      </c>
      <c r="LO15" s="122">
        <v>0</v>
      </c>
      <c r="LP15" s="122">
        <v>0</v>
      </c>
      <c r="LQ15" s="122">
        <v>0</v>
      </c>
      <c r="LR15" s="123">
        <v>0</v>
      </c>
      <c r="LS15" s="357">
        <v>0</v>
      </c>
      <c r="LT15" s="159">
        <v>0</v>
      </c>
      <c r="LU15" s="122">
        <v>0</v>
      </c>
      <c r="LV15" s="123">
        <v>0</v>
      </c>
      <c r="LW15" s="162"/>
      <c r="LX15" s="122">
        <v>0</v>
      </c>
      <c r="LY15" s="122">
        <v>188647</v>
      </c>
      <c r="LZ15" s="122">
        <v>737313</v>
      </c>
      <c r="MA15" s="122">
        <v>0</v>
      </c>
      <c r="MB15" s="122">
        <v>0</v>
      </c>
      <c r="MC15" s="123">
        <v>925960</v>
      </c>
      <c r="MD15" s="124">
        <v>925960</v>
      </c>
      <c r="ME15" s="159">
        <v>0</v>
      </c>
      <c r="MF15" s="122">
        <v>0</v>
      </c>
      <c r="MG15" s="123">
        <v>0</v>
      </c>
      <c r="MH15" s="162"/>
      <c r="MI15" s="122">
        <v>508836</v>
      </c>
      <c r="MJ15" s="122">
        <v>1357797</v>
      </c>
      <c r="MK15" s="122">
        <v>6252692</v>
      </c>
      <c r="ML15" s="122">
        <v>8051057</v>
      </c>
      <c r="MM15" s="122">
        <v>2301832</v>
      </c>
      <c r="MN15" s="123">
        <v>18472214</v>
      </c>
      <c r="MO15" s="160">
        <v>18472214</v>
      </c>
      <c r="MP15" s="159">
        <v>0</v>
      </c>
      <c r="MQ15" s="122">
        <v>0</v>
      </c>
      <c r="MR15" s="123">
        <v>0</v>
      </c>
      <c r="MS15" s="162"/>
      <c r="MT15" s="122">
        <v>0</v>
      </c>
      <c r="MU15" s="122">
        <v>0</v>
      </c>
      <c r="MV15" s="122">
        <v>3343900</v>
      </c>
      <c r="MW15" s="122">
        <v>5655162</v>
      </c>
      <c r="MX15" s="122">
        <v>2016420</v>
      </c>
      <c r="MY15" s="123">
        <v>11015482</v>
      </c>
      <c r="MZ15" s="160">
        <v>11015482</v>
      </c>
      <c r="NA15" s="159">
        <v>0</v>
      </c>
      <c r="NB15" s="122">
        <v>0</v>
      </c>
      <c r="NC15" s="123">
        <v>0</v>
      </c>
      <c r="ND15" s="162"/>
      <c r="NE15" s="122">
        <v>508836</v>
      </c>
      <c r="NF15" s="122">
        <v>1357797</v>
      </c>
      <c r="NG15" s="122">
        <v>2617089</v>
      </c>
      <c r="NH15" s="122">
        <v>2395895</v>
      </c>
      <c r="NI15" s="122">
        <v>285412</v>
      </c>
      <c r="NJ15" s="123">
        <v>7165029</v>
      </c>
      <c r="NK15" s="357">
        <v>7165029</v>
      </c>
      <c r="NL15" s="159">
        <v>0</v>
      </c>
      <c r="NM15" s="122">
        <v>0</v>
      </c>
      <c r="NN15" s="123">
        <v>0</v>
      </c>
      <c r="NO15" s="162"/>
      <c r="NP15" s="122">
        <v>0</v>
      </c>
      <c r="NQ15" s="122">
        <v>0</v>
      </c>
      <c r="NR15" s="122">
        <v>0</v>
      </c>
      <c r="NS15" s="122">
        <v>0</v>
      </c>
      <c r="NT15" s="122">
        <v>0</v>
      </c>
      <c r="NU15" s="123">
        <v>0</v>
      </c>
      <c r="NV15" s="124">
        <v>0</v>
      </c>
      <c r="NW15" s="159">
        <v>0</v>
      </c>
      <c r="NX15" s="122">
        <v>0</v>
      </c>
      <c r="NY15" s="123">
        <v>0</v>
      </c>
      <c r="NZ15" s="162"/>
      <c r="OA15" s="122">
        <v>0</v>
      </c>
      <c r="OB15" s="122">
        <v>0</v>
      </c>
      <c r="OC15" s="122">
        <v>291703</v>
      </c>
      <c r="OD15" s="122">
        <v>0</v>
      </c>
      <c r="OE15" s="122">
        <v>0</v>
      </c>
      <c r="OF15" s="123">
        <v>291703</v>
      </c>
      <c r="OG15" s="124">
        <v>291703</v>
      </c>
      <c r="OH15" s="159">
        <v>1046308</v>
      </c>
      <c r="OI15" s="122">
        <v>1311977</v>
      </c>
      <c r="OJ15" s="158">
        <v>2358285</v>
      </c>
      <c r="OK15" s="121">
        <v>0</v>
      </c>
      <c r="OL15" s="122">
        <v>15138774</v>
      </c>
      <c r="OM15" s="122">
        <v>14918319</v>
      </c>
      <c r="ON15" s="122">
        <v>19815487</v>
      </c>
      <c r="OO15" s="122">
        <v>19620276</v>
      </c>
      <c r="OP15" s="122">
        <v>10967567</v>
      </c>
      <c r="OQ15" s="123">
        <v>80460423</v>
      </c>
      <c r="OR15" s="160">
        <v>82818708</v>
      </c>
    </row>
    <row r="16" spans="1:408" ht="20.25" customHeight="1" x14ac:dyDescent="0.2">
      <c r="A16" s="129" t="s">
        <v>10</v>
      </c>
      <c r="B16" s="112">
        <v>1215442</v>
      </c>
      <c r="C16" s="116">
        <v>2301412</v>
      </c>
      <c r="D16" s="115">
        <v>3516854</v>
      </c>
      <c r="E16" s="190">
        <v>0</v>
      </c>
      <c r="F16" s="116">
        <v>19121052</v>
      </c>
      <c r="G16" s="116">
        <v>13069170</v>
      </c>
      <c r="H16" s="116">
        <v>15125732</v>
      </c>
      <c r="I16" s="116">
        <v>12011591</v>
      </c>
      <c r="J16" s="116">
        <v>9266694</v>
      </c>
      <c r="K16" s="111">
        <v>68594239</v>
      </c>
      <c r="L16" s="118">
        <v>72111093</v>
      </c>
      <c r="M16" s="112">
        <v>475295</v>
      </c>
      <c r="N16" s="116">
        <v>968543</v>
      </c>
      <c r="O16" s="115">
        <v>1443838</v>
      </c>
      <c r="P16" s="112">
        <v>0</v>
      </c>
      <c r="Q16" s="116">
        <v>6533960</v>
      </c>
      <c r="R16" s="116">
        <v>4524826</v>
      </c>
      <c r="S16" s="116">
        <v>5170647</v>
      </c>
      <c r="T16" s="116">
        <v>4945484</v>
      </c>
      <c r="U16" s="116">
        <v>4436586</v>
      </c>
      <c r="V16" s="115">
        <v>25611503</v>
      </c>
      <c r="W16" s="118">
        <v>27055341</v>
      </c>
      <c r="X16" s="112">
        <v>0</v>
      </c>
      <c r="Y16" s="116">
        <v>0</v>
      </c>
      <c r="Z16" s="115">
        <v>0</v>
      </c>
      <c r="AA16" s="112">
        <v>0</v>
      </c>
      <c r="AB16" s="116">
        <v>2681687</v>
      </c>
      <c r="AC16" s="116">
        <v>1834634</v>
      </c>
      <c r="AD16" s="116">
        <v>3389681</v>
      </c>
      <c r="AE16" s="116">
        <v>2624982</v>
      </c>
      <c r="AF16" s="116">
        <v>2122204</v>
      </c>
      <c r="AG16" s="115">
        <v>12653188</v>
      </c>
      <c r="AH16" s="118">
        <v>12653188</v>
      </c>
      <c r="AI16" s="112">
        <v>0</v>
      </c>
      <c r="AJ16" s="116">
        <v>0</v>
      </c>
      <c r="AK16" s="115">
        <v>0</v>
      </c>
      <c r="AL16" s="112">
        <v>0</v>
      </c>
      <c r="AM16" s="116">
        <v>0</v>
      </c>
      <c r="AN16" s="116">
        <v>58622</v>
      </c>
      <c r="AO16" s="116">
        <v>175864</v>
      </c>
      <c r="AP16" s="116">
        <v>403308</v>
      </c>
      <c r="AQ16" s="116">
        <v>526552</v>
      </c>
      <c r="AR16" s="115">
        <v>1164346</v>
      </c>
      <c r="AS16" s="118">
        <v>1164346</v>
      </c>
      <c r="AT16" s="112">
        <v>319648</v>
      </c>
      <c r="AU16" s="116">
        <v>595637</v>
      </c>
      <c r="AV16" s="115">
        <v>915285</v>
      </c>
      <c r="AW16" s="112">
        <v>0</v>
      </c>
      <c r="AX16" s="116">
        <v>2423470</v>
      </c>
      <c r="AY16" s="116">
        <v>1733145</v>
      </c>
      <c r="AZ16" s="116">
        <v>820403</v>
      </c>
      <c r="BA16" s="116">
        <v>1167488</v>
      </c>
      <c r="BB16" s="116">
        <v>1144449</v>
      </c>
      <c r="BC16" s="115">
        <v>7288955</v>
      </c>
      <c r="BD16" s="118">
        <v>8204240</v>
      </c>
      <c r="BE16" s="112">
        <v>16015</v>
      </c>
      <c r="BF16" s="116">
        <v>108618</v>
      </c>
      <c r="BG16" s="114">
        <v>124633</v>
      </c>
      <c r="BH16" s="113">
        <v>0</v>
      </c>
      <c r="BI16" s="116">
        <v>402979</v>
      </c>
      <c r="BJ16" s="116">
        <v>64929</v>
      </c>
      <c r="BK16" s="116">
        <v>92099</v>
      </c>
      <c r="BL16" s="116">
        <v>47994</v>
      </c>
      <c r="BM16" s="116">
        <v>57093</v>
      </c>
      <c r="BN16" s="115">
        <v>665094</v>
      </c>
      <c r="BO16" s="118">
        <v>789727</v>
      </c>
      <c r="BP16" s="112">
        <v>139632</v>
      </c>
      <c r="BQ16" s="116">
        <v>264288</v>
      </c>
      <c r="BR16" s="115">
        <v>403920</v>
      </c>
      <c r="BS16" s="112">
        <v>0</v>
      </c>
      <c r="BT16" s="116">
        <v>1025824</v>
      </c>
      <c r="BU16" s="116">
        <v>833496</v>
      </c>
      <c r="BV16" s="116">
        <v>692600</v>
      </c>
      <c r="BW16" s="116">
        <v>701712</v>
      </c>
      <c r="BX16" s="116">
        <v>586288</v>
      </c>
      <c r="BY16" s="115">
        <v>3839920</v>
      </c>
      <c r="BZ16" s="118">
        <v>4243840</v>
      </c>
      <c r="CA16" s="112">
        <v>63296</v>
      </c>
      <c r="CB16" s="116">
        <v>68112</v>
      </c>
      <c r="CC16" s="115">
        <v>131408</v>
      </c>
      <c r="CD16" s="112">
        <v>0</v>
      </c>
      <c r="CE16" s="116">
        <v>5993286</v>
      </c>
      <c r="CF16" s="116">
        <v>3658082</v>
      </c>
      <c r="CG16" s="116">
        <v>3161423</v>
      </c>
      <c r="CH16" s="116">
        <v>1480785</v>
      </c>
      <c r="CI16" s="116">
        <v>786884</v>
      </c>
      <c r="CJ16" s="115">
        <v>15080460</v>
      </c>
      <c r="CK16" s="118">
        <v>15211868</v>
      </c>
      <c r="CL16" s="112">
        <v>0</v>
      </c>
      <c r="CM16" s="116">
        <v>0</v>
      </c>
      <c r="CN16" s="115">
        <v>0</v>
      </c>
      <c r="CO16" s="113">
        <v>0</v>
      </c>
      <c r="CP16" s="116">
        <v>5333326</v>
      </c>
      <c r="CQ16" s="116">
        <v>3290880</v>
      </c>
      <c r="CR16" s="116">
        <v>2538803</v>
      </c>
      <c r="CS16" s="116">
        <v>1156815</v>
      </c>
      <c r="CT16" s="116">
        <v>712256</v>
      </c>
      <c r="CU16" s="115">
        <v>13032080</v>
      </c>
      <c r="CV16" s="118">
        <v>13032080</v>
      </c>
      <c r="CW16" s="112">
        <v>63296</v>
      </c>
      <c r="CX16" s="116">
        <v>68112</v>
      </c>
      <c r="CY16" s="115">
        <v>131408</v>
      </c>
      <c r="CZ16" s="112">
        <v>0</v>
      </c>
      <c r="DA16" s="116">
        <v>659960</v>
      </c>
      <c r="DB16" s="116">
        <v>367202</v>
      </c>
      <c r="DC16" s="116">
        <v>622620</v>
      </c>
      <c r="DD16" s="116">
        <v>323970</v>
      </c>
      <c r="DE16" s="116">
        <v>74628</v>
      </c>
      <c r="DF16" s="115">
        <v>2048380</v>
      </c>
      <c r="DG16" s="118">
        <v>2179788</v>
      </c>
      <c r="DH16" s="112">
        <v>0</v>
      </c>
      <c r="DI16" s="116">
        <v>22684</v>
      </c>
      <c r="DJ16" s="114">
        <v>22684</v>
      </c>
      <c r="DK16" s="113">
        <v>0</v>
      </c>
      <c r="DL16" s="116">
        <v>649854</v>
      </c>
      <c r="DM16" s="116">
        <v>817266</v>
      </c>
      <c r="DN16" s="116">
        <v>2236494</v>
      </c>
      <c r="DO16" s="116">
        <v>1324689</v>
      </c>
      <c r="DP16" s="116">
        <v>443998</v>
      </c>
      <c r="DQ16" s="115">
        <v>5472301</v>
      </c>
      <c r="DR16" s="118">
        <v>5494985</v>
      </c>
      <c r="DS16" s="112">
        <v>0</v>
      </c>
      <c r="DT16" s="116">
        <v>22684</v>
      </c>
      <c r="DU16" s="115">
        <v>22684</v>
      </c>
      <c r="DV16" s="112">
        <v>0</v>
      </c>
      <c r="DW16" s="116">
        <v>649854</v>
      </c>
      <c r="DX16" s="116">
        <v>782911</v>
      </c>
      <c r="DY16" s="116">
        <v>2136669</v>
      </c>
      <c r="DZ16" s="116">
        <v>1324689</v>
      </c>
      <c r="EA16" s="116">
        <v>443998</v>
      </c>
      <c r="EB16" s="115">
        <v>5338121</v>
      </c>
      <c r="EC16" s="118">
        <v>5360805</v>
      </c>
      <c r="ED16" s="112">
        <v>0</v>
      </c>
      <c r="EE16" s="114">
        <v>0</v>
      </c>
      <c r="EF16" s="115">
        <v>0</v>
      </c>
      <c r="EG16" s="112">
        <v>0</v>
      </c>
      <c r="EH16" s="116">
        <v>0</v>
      </c>
      <c r="EI16" s="116">
        <v>34355</v>
      </c>
      <c r="EJ16" s="116">
        <v>99825</v>
      </c>
      <c r="EK16" s="116">
        <v>0</v>
      </c>
      <c r="EL16" s="116">
        <v>0</v>
      </c>
      <c r="EM16" s="114">
        <v>134180</v>
      </c>
      <c r="EN16" s="118">
        <v>134180</v>
      </c>
      <c r="EO16" s="112">
        <v>0</v>
      </c>
      <c r="EP16" s="116">
        <v>0</v>
      </c>
      <c r="EQ16" s="114">
        <v>0</v>
      </c>
      <c r="ER16" s="113">
        <v>0</v>
      </c>
      <c r="ES16" s="116">
        <v>0</v>
      </c>
      <c r="ET16" s="116">
        <v>0</v>
      </c>
      <c r="EU16" s="116">
        <v>0</v>
      </c>
      <c r="EV16" s="116">
        <v>0</v>
      </c>
      <c r="EW16" s="116">
        <v>0</v>
      </c>
      <c r="EX16" s="115">
        <v>0</v>
      </c>
      <c r="EY16" s="118">
        <v>0</v>
      </c>
      <c r="EZ16" s="112">
        <v>0</v>
      </c>
      <c r="FA16" s="116">
        <v>0</v>
      </c>
      <c r="FB16" s="114">
        <v>0</v>
      </c>
      <c r="FC16" s="390"/>
      <c r="FD16" s="116">
        <v>0</v>
      </c>
      <c r="FE16" s="116">
        <v>0</v>
      </c>
      <c r="FF16" s="116">
        <v>0</v>
      </c>
      <c r="FG16" s="116">
        <v>0</v>
      </c>
      <c r="FH16" s="116">
        <v>0</v>
      </c>
      <c r="FI16" s="115">
        <v>0</v>
      </c>
      <c r="FJ16" s="118">
        <v>0</v>
      </c>
      <c r="FK16" s="112">
        <v>321600</v>
      </c>
      <c r="FL16" s="116">
        <v>563640</v>
      </c>
      <c r="FM16" s="115">
        <v>885240</v>
      </c>
      <c r="FN16" s="112">
        <v>0</v>
      </c>
      <c r="FO16" s="116">
        <v>1146672</v>
      </c>
      <c r="FP16" s="116">
        <v>1626224</v>
      </c>
      <c r="FQ16" s="116">
        <v>1102208</v>
      </c>
      <c r="FR16" s="116">
        <v>953728</v>
      </c>
      <c r="FS16" s="116">
        <v>643504</v>
      </c>
      <c r="FT16" s="115">
        <v>5472336</v>
      </c>
      <c r="FU16" s="118">
        <v>6357576</v>
      </c>
      <c r="FV16" s="117">
        <v>268800</v>
      </c>
      <c r="FW16" s="116">
        <v>371256</v>
      </c>
      <c r="FX16" s="114">
        <v>640056</v>
      </c>
      <c r="FY16" s="113">
        <v>0</v>
      </c>
      <c r="FZ16" s="116">
        <v>950832</v>
      </c>
      <c r="GA16" s="116">
        <v>1527584</v>
      </c>
      <c r="GB16" s="116">
        <v>1102208</v>
      </c>
      <c r="GC16" s="116">
        <v>806528</v>
      </c>
      <c r="GD16" s="116">
        <v>643504</v>
      </c>
      <c r="GE16" s="115">
        <v>5030656</v>
      </c>
      <c r="GF16" s="354">
        <v>5670712</v>
      </c>
      <c r="GG16" s="117">
        <v>0</v>
      </c>
      <c r="GH16" s="116">
        <v>32384</v>
      </c>
      <c r="GI16" s="114">
        <v>32384</v>
      </c>
      <c r="GJ16" s="113">
        <v>0</v>
      </c>
      <c r="GK16" s="116">
        <v>11840</v>
      </c>
      <c r="GL16" s="116">
        <v>23440</v>
      </c>
      <c r="GM16" s="116">
        <v>0</v>
      </c>
      <c r="GN16" s="116">
        <v>99200</v>
      </c>
      <c r="GO16" s="116">
        <v>0</v>
      </c>
      <c r="GP16" s="115">
        <v>134480</v>
      </c>
      <c r="GQ16" s="118">
        <v>166864</v>
      </c>
      <c r="GR16" s="112">
        <v>52800</v>
      </c>
      <c r="GS16" s="116">
        <v>160000</v>
      </c>
      <c r="GT16" s="115">
        <v>212800</v>
      </c>
      <c r="GU16" s="112">
        <v>0</v>
      </c>
      <c r="GV16" s="116">
        <v>184000</v>
      </c>
      <c r="GW16" s="116">
        <v>75200</v>
      </c>
      <c r="GX16" s="116">
        <v>0</v>
      </c>
      <c r="GY16" s="116">
        <v>48000</v>
      </c>
      <c r="GZ16" s="116">
        <v>0</v>
      </c>
      <c r="HA16" s="114">
        <v>307200</v>
      </c>
      <c r="HB16" s="118">
        <v>520000</v>
      </c>
      <c r="HC16" s="112">
        <v>355251</v>
      </c>
      <c r="HD16" s="116">
        <v>678433</v>
      </c>
      <c r="HE16" s="114">
        <v>1033684</v>
      </c>
      <c r="HF16" s="113">
        <v>0</v>
      </c>
      <c r="HG16" s="116">
        <v>4797280</v>
      </c>
      <c r="HH16" s="116">
        <v>2442772</v>
      </c>
      <c r="HI16" s="116">
        <v>3454960</v>
      </c>
      <c r="HJ16" s="116">
        <v>3306905</v>
      </c>
      <c r="HK16" s="116">
        <v>2955722</v>
      </c>
      <c r="HL16" s="115">
        <v>16957639</v>
      </c>
      <c r="HM16" s="111">
        <v>17991323</v>
      </c>
      <c r="HN16" s="370"/>
      <c r="HO16" s="371"/>
      <c r="HP16" s="372"/>
      <c r="HQ16" s="373"/>
      <c r="HR16" s="371"/>
      <c r="HS16" s="371"/>
      <c r="HT16" s="371"/>
      <c r="HU16" s="371"/>
      <c r="HV16" s="371"/>
      <c r="HW16" s="374"/>
      <c r="HX16" s="375"/>
      <c r="HY16" s="167">
        <v>0</v>
      </c>
      <c r="HZ16" s="152">
        <v>0</v>
      </c>
      <c r="IA16" s="167">
        <v>0</v>
      </c>
      <c r="IB16" s="151">
        <v>0</v>
      </c>
      <c r="IC16" s="152">
        <v>3697312</v>
      </c>
      <c r="ID16" s="153">
        <v>5564542</v>
      </c>
      <c r="IE16" s="154">
        <v>3899587</v>
      </c>
      <c r="IF16" s="152">
        <v>4581932</v>
      </c>
      <c r="IG16" s="154">
        <v>3315828</v>
      </c>
      <c r="IH16" s="155">
        <v>21059201</v>
      </c>
      <c r="II16" s="167">
        <v>21059201</v>
      </c>
      <c r="IJ16" s="261">
        <v>0</v>
      </c>
      <c r="IK16" s="268">
        <v>0</v>
      </c>
      <c r="IL16" s="269">
        <v>0</v>
      </c>
      <c r="IM16" s="157"/>
      <c r="IN16" s="122">
        <v>344778</v>
      </c>
      <c r="IO16" s="122">
        <v>106725</v>
      </c>
      <c r="IP16" s="122">
        <v>0</v>
      </c>
      <c r="IQ16" s="122">
        <v>0</v>
      </c>
      <c r="IR16" s="122">
        <v>0</v>
      </c>
      <c r="IS16" s="158">
        <v>451503</v>
      </c>
      <c r="IT16" s="357">
        <v>451503</v>
      </c>
      <c r="IU16" s="159">
        <v>0</v>
      </c>
      <c r="IV16" s="122">
        <v>0</v>
      </c>
      <c r="IW16" s="123">
        <v>0</v>
      </c>
      <c r="IX16" s="161"/>
      <c r="IY16" s="122">
        <v>10475</v>
      </c>
      <c r="IZ16" s="122">
        <v>31425</v>
      </c>
      <c r="JA16" s="122">
        <v>20950</v>
      </c>
      <c r="JB16" s="122">
        <v>0</v>
      </c>
      <c r="JC16" s="122">
        <v>0</v>
      </c>
      <c r="JD16" s="123">
        <v>62850</v>
      </c>
      <c r="JE16" s="124">
        <v>62850</v>
      </c>
      <c r="JF16" s="159">
        <v>0</v>
      </c>
      <c r="JG16" s="122">
        <v>0</v>
      </c>
      <c r="JH16" s="158">
        <v>0</v>
      </c>
      <c r="JI16" s="121">
        <v>0</v>
      </c>
      <c r="JJ16" s="122">
        <v>1466982</v>
      </c>
      <c r="JK16" s="122">
        <v>1035359</v>
      </c>
      <c r="JL16" s="122">
        <v>262197</v>
      </c>
      <c r="JM16" s="122">
        <v>199244</v>
      </c>
      <c r="JN16" s="122">
        <v>104533</v>
      </c>
      <c r="JO16" s="123">
        <v>3068315</v>
      </c>
      <c r="JP16" s="357">
        <v>3068315</v>
      </c>
      <c r="JQ16" s="159">
        <v>0</v>
      </c>
      <c r="JR16" s="122">
        <v>0</v>
      </c>
      <c r="JS16" s="158">
        <v>0</v>
      </c>
      <c r="JT16" s="121">
        <v>0</v>
      </c>
      <c r="JU16" s="122">
        <v>85858</v>
      </c>
      <c r="JV16" s="122">
        <v>327294</v>
      </c>
      <c r="JW16" s="122">
        <v>272697</v>
      </c>
      <c r="JX16" s="122">
        <v>31340</v>
      </c>
      <c r="JY16" s="122">
        <v>0</v>
      </c>
      <c r="JZ16" s="123">
        <v>717189</v>
      </c>
      <c r="KA16" s="357">
        <v>717189</v>
      </c>
      <c r="KB16" s="264">
        <v>0</v>
      </c>
      <c r="KC16" s="258">
        <v>0</v>
      </c>
      <c r="KD16" s="123">
        <v>0</v>
      </c>
      <c r="KE16" s="121">
        <v>0</v>
      </c>
      <c r="KF16" s="122">
        <v>347163</v>
      </c>
      <c r="KG16" s="122">
        <v>663739</v>
      </c>
      <c r="KH16" s="122">
        <v>1145791</v>
      </c>
      <c r="KI16" s="122">
        <v>1575569</v>
      </c>
      <c r="KJ16" s="122">
        <v>532248</v>
      </c>
      <c r="KK16" s="123">
        <v>4264510</v>
      </c>
      <c r="KL16" s="160">
        <v>4264510</v>
      </c>
      <c r="KM16" s="261">
        <v>0</v>
      </c>
      <c r="KN16" s="268">
        <v>0</v>
      </c>
      <c r="KO16" s="269">
        <v>0</v>
      </c>
      <c r="KP16" s="157"/>
      <c r="KQ16" s="122">
        <v>1266380</v>
      </c>
      <c r="KR16" s="122">
        <v>2612814</v>
      </c>
      <c r="KS16" s="122">
        <v>687864</v>
      </c>
      <c r="KT16" s="122">
        <v>2134958</v>
      </c>
      <c r="KU16" s="122">
        <v>806679</v>
      </c>
      <c r="KV16" s="123">
        <v>7508695</v>
      </c>
      <c r="KW16" s="357">
        <v>7508695</v>
      </c>
      <c r="KX16" s="159">
        <v>0</v>
      </c>
      <c r="KY16" s="122">
        <v>0</v>
      </c>
      <c r="KZ16" s="123">
        <v>0</v>
      </c>
      <c r="LA16" s="162"/>
      <c r="LB16" s="122">
        <v>0</v>
      </c>
      <c r="LC16" s="122">
        <v>475394</v>
      </c>
      <c r="LD16" s="122">
        <v>884731</v>
      </c>
      <c r="LE16" s="122">
        <v>386445</v>
      </c>
      <c r="LF16" s="122">
        <v>638181</v>
      </c>
      <c r="LG16" s="123">
        <v>2384751</v>
      </c>
      <c r="LH16" s="124">
        <v>2384751</v>
      </c>
      <c r="LI16" s="159">
        <v>0</v>
      </c>
      <c r="LJ16" s="122">
        <v>0</v>
      </c>
      <c r="LK16" s="123">
        <v>0</v>
      </c>
      <c r="LL16" s="162"/>
      <c r="LM16" s="122">
        <v>0</v>
      </c>
      <c r="LN16" s="122">
        <v>0</v>
      </c>
      <c r="LO16" s="122">
        <v>208287</v>
      </c>
      <c r="LP16" s="122">
        <v>254376</v>
      </c>
      <c r="LQ16" s="122">
        <v>720530</v>
      </c>
      <c r="LR16" s="123">
        <v>1183193</v>
      </c>
      <c r="LS16" s="357">
        <v>1183193</v>
      </c>
      <c r="LT16" s="159">
        <v>0</v>
      </c>
      <c r="LU16" s="122">
        <v>0</v>
      </c>
      <c r="LV16" s="123">
        <v>0</v>
      </c>
      <c r="LW16" s="162"/>
      <c r="LX16" s="122">
        <v>175676</v>
      </c>
      <c r="LY16" s="122">
        <v>311792</v>
      </c>
      <c r="LZ16" s="122">
        <v>417070</v>
      </c>
      <c r="MA16" s="122">
        <v>0</v>
      </c>
      <c r="MB16" s="122">
        <v>513657</v>
      </c>
      <c r="MC16" s="123">
        <v>1418195</v>
      </c>
      <c r="MD16" s="124">
        <v>1418195</v>
      </c>
      <c r="ME16" s="159">
        <v>0</v>
      </c>
      <c r="MF16" s="122">
        <v>0</v>
      </c>
      <c r="MG16" s="123">
        <v>0</v>
      </c>
      <c r="MH16" s="162"/>
      <c r="MI16" s="122">
        <v>1481995</v>
      </c>
      <c r="MJ16" s="122">
        <v>1131738</v>
      </c>
      <c r="MK16" s="122">
        <v>6357356</v>
      </c>
      <c r="ML16" s="122">
        <v>10592426</v>
      </c>
      <c r="MM16" s="122">
        <v>6389920</v>
      </c>
      <c r="MN16" s="123">
        <v>25953435</v>
      </c>
      <c r="MO16" s="160">
        <v>25953435</v>
      </c>
      <c r="MP16" s="159">
        <v>0</v>
      </c>
      <c r="MQ16" s="122">
        <v>0</v>
      </c>
      <c r="MR16" s="123">
        <v>0</v>
      </c>
      <c r="MS16" s="162"/>
      <c r="MT16" s="122">
        <v>191254</v>
      </c>
      <c r="MU16" s="122">
        <v>0</v>
      </c>
      <c r="MV16" s="122">
        <v>4046957</v>
      </c>
      <c r="MW16" s="122">
        <v>7503354</v>
      </c>
      <c r="MX16" s="122">
        <v>4651169</v>
      </c>
      <c r="MY16" s="123">
        <v>16392734</v>
      </c>
      <c r="MZ16" s="160">
        <v>16392734</v>
      </c>
      <c r="NA16" s="159">
        <v>0</v>
      </c>
      <c r="NB16" s="122">
        <v>0</v>
      </c>
      <c r="NC16" s="123">
        <v>0</v>
      </c>
      <c r="ND16" s="162"/>
      <c r="NE16" s="122">
        <v>1290741</v>
      </c>
      <c r="NF16" s="122">
        <v>1131738</v>
      </c>
      <c r="NG16" s="122">
        <v>2310399</v>
      </c>
      <c r="NH16" s="122">
        <v>2764440</v>
      </c>
      <c r="NI16" s="122">
        <v>1738751</v>
      </c>
      <c r="NJ16" s="123">
        <v>9236069</v>
      </c>
      <c r="NK16" s="357">
        <v>9236069</v>
      </c>
      <c r="NL16" s="159">
        <v>0</v>
      </c>
      <c r="NM16" s="122">
        <v>0</v>
      </c>
      <c r="NN16" s="123">
        <v>0</v>
      </c>
      <c r="NO16" s="162"/>
      <c r="NP16" s="122">
        <v>0</v>
      </c>
      <c r="NQ16" s="122">
        <v>0</v>
      </c>
      <c r="NR16" s="122">
        <v>0</v>
      </c>
      <c r="NS16" s="122">
        <v>0</v>
      </c>
      <c r="NT16" s="122">
        <v>0</v>
      </c>
      <c r="NU16" s="123">
        <v>0</v>
      </c>
      <c r="NV16" s="124">
        <v>0</v>
      </c>
      <c r="NW16" s="159">
        <v>0</v>
      </c>
      <c r="NX16" s="122">
        <v>0</v>
      </c>
      <c r="NY16" s="123">
        <v>0</v>
      </c>
      <c r="NZ16" s="162"/>
      <c r="OA16" s="122">
        <v>0</v>
      </c>
      <c r="OB16" s="122">
        <v>0</v>
      </c>
      <c r="OC16" s="122">
        <v>0</v>
      </c>
      <c r="OD16" s="122">
        <v>324632</v>
      </c>
      <c r="OE16" s="122">
        <v>0</v>
      </c>
      <c r="OF16" s="123">
        <v>324632</v>
      </c>
      <c r="OG16" s="124">
        <v>324632</v>
      </c>
      <c r="OH16" s="159">
        <v>1215442</v>
      </c>
      <c r="OI16" s="122">
        <v>2301412</v>
      </c>
      <c r="OJ16" s="158">
        <v>3516854</v>
      </c>
      <c r="OK16" s="121">
        <v>0</v>
      </c>
      <c r="OL16" s="122">
        <v>24300359</v>
      </c>
      <c r="OM16" s="122">
        <v>19765450</v>
      </c>
      <c r="ON16" s="122">
        <v>25382675</v>
      </c>
      <c r="OO16" s="122">
        <v>27185949</v>
      </c>
      <c r="OP16" s="122">
        <v>18972442</v>
      </c>
      <c r="OQ16" s="123">
        <v>115606875</v>
      </c>
      <c r="OR16" s="160">
        <v>119123729</v>
      </c>
    </row>
    <row r="17" spans="1:408" ht="20.25" customHeight="1" x14ac:dyDescent="0.2">
      <c r="A17" s="129" t="s">
        <v>11</v>
      </c>
      <c r="B17" s="112">
        <v>362237</v>
      </c>
      <c r="C17" s="116">
        <v>666759</v>
      </c>
      <c r="D17" s="188">
        <v>1028996</v>
      </c>
      <c r="E17" s="113">
        <v>0</v>
      </c>
      <c r="F17" s="116">
        <v>7758116</v>
      </c>
      <c r="G17" s="116">
        <v>6401559</v>
      </c>
      <c r="H17" s="116">
        <v>7544095</v>
      </c>
      <c r="I17" s="116">
        <v>9072765</v>
      </c>
      <c r="J17" s="116">
        <v>3943389</v>
      </c>
      <c r="K17" s="111">
        <v>34719924</v>
      </c>
      <c r="L17" s="118">
        <v>35748920</v>
      </c>
      <c r="M17" s="112">
        <v>68080</v>
      </c>
      <c r="N17" s="116">
        <v>148143</v>
      </c>
      <c r="O17" s="115">
        <v>216223</v>
      </c>
      <c r="P17" s="112">
        <v>0</v>
      </c>
      <c r="Q17" s="116">
        <v>1859106</v>
      </c>
      <c r="R17" s="116">
        <v>1169289</v>
      </c>
      <c r="S17" s="116">
        <v>2503202</v>
      </c>
      <c r="T17" s="116">
        <v>2197677</v>
      </c>
      <c r="U17" s="116">
        <v>2153531</v>
      </c>
      <c r="V17" s="115">
        <v>9882805</v>
      </c>
      <c r="W17" s="118">
        <v>10099028</v>
      </c>
      <c r="X17" s="112">
        <v>0</v>
      </c>
      <c r="Y17" s="116">
        <v>0</v>
      </c>
      <c r="Z17" s="115">
        <v>0</v>
      </c>
      <c r="AA17" s="112">
        <v>0</v>
      </c>
      <c r="AB17" s="116">
        <v>481353</v>
      </c>
      <c r="AC17" s="116">
        <v>197151</v>
      </c>
      <c r="AD17" s="116">
        <v>1265952</v>
      </c>
      <c r="AE17" s="116">
        <v>968233</v>
      </c>
      <c r="AF17" s="116">
        <v>1359449</v>
      </c>
      <c r="AG17" s="115">
        <v>4272138</v>
      </c>
      <c r="AH17" s="118">
        <v>4272138</v>
      </c>
      <c r="AI17" s="112">
        <v>0</v>
      </c>
      <c r="AJ17" s="116">
        <v>0</v>
      </c>
      <c r="AK17" s="115">
        <v>0</v>
      </c>
      <c r="AL17" s="112">
        <v>0</v>
      </c>
      <c r="AM17" s="116">
        <v>0</v>
      </c>
      <c r="AN17" s="116">
        <v>0</v>
      </c>
      <c r="AO17" s="116">
        <v>181153</v>
      </c>
      <c r="AP17" s="116">
        <v>267915</v>
      </c>
      <c r="AQ17" s="116">
        <v>193400</v>
      </c>
      <c r="AR17" s="115">
        <v>642468</v>
      </c>
      <c r="AS17" s="118">
        <v>642468</v>
      </c>
      <c r="AT17" s="112">
        <v>45536</v>
      </c>
      <c r="AU17" s="116">
        <v>99711</v>
      </c>
      <c r="AV17" s="115">
        <v>145247</v>
      </c>
      <c r="AW17" s="112">
        <v>0</v>
      </c>
      <c r="AX17" s="116">
        <v>979071</v>
      </c>
      <c r="AY17" s="116">
        <v>674098</v>
      </c>
      <c r="AZ17" s="116">
        <v>633240</v>
      </c>
      <c r="BA17" s="116">
        <v>456346</v>
      </c>
      <c r="BB17" s="116">
        <v>434474</v>
      </c>
      <c r="BC17" s="115">
        <v>3177229</v>
      </c>
      <c r="BD17" s="118">
        <v>3322476</v>
      </c>
      <c r="BE17" s="112">
        <v>0</v>
      </c>
      <c r="BF17" s="116">
        <v>15024</v>
      </c>
      <c r="BG17" s="114">
        <v>15024</v>
      </c>
      <c r="BH17" s="113">
        <v>0</v>
      </c>
      <c r="BI17" s="116">
        <v>64346</v>
      </c>
      <c r="BJ17" s="116">
        <v>39624</v>
      </c>
      <c r="BK17" s="116">
        <v>78089</v>
      </c>
      <c r="BL17" s="116">
        <v>207463</v>
      </c>
      <c r="BM17" s="116">
        <v>0</v>
      </c>
      <c r="BN17" s="115">
        <v>389522</v>
      </c>
      <c r="BO17" s="118">
        <v>404546</v>
      </c>
      <c r="BP17" s="112">
        <v>22544</v>
      </c>
      <c r="BQ17" s="116">
        <v>33408</v>
      </c>
      <c r="BR17" s="115">
        <v>55952</v>
      </c>
      <c r="BS17" s="112">
        <v>0</v>
      </c>
      <c r="BT17" s="116">
        <v>334336</v>
      </c>
      <c r="BU17" s="116">
        <v>258416</v>
      </c>
      <c r="BV17" s="116">
        <v>344768</v>
      </c>
      <c r="BW17" s="116">
        <v>297720</v>
      </c>
      <c r="BX17" s="116">
        <v>166208</v>
      </c>
      <c r="BY17" s="115">
        <v>1401448</v>
      </c>
      <c r="BZ17" s="118">
        <v>1457400</v>
      </c>
      <c r="CA17" s="112">
        <v>61744</v>
      </c>
      <c r="CB17" s="116">
        <v>87753</v>
      </c>
      <c r="CC17" s="115">
        <v>149497</v>
      </c>
      <c r="CD17" s="112">
        <v>0</v>
      </c>
      <c r="CE17" s="116">
        <v>2268067</v>
      </c>
      <c r="CF17" s="116">
        <v>1665207</v>
      </c>
      <c r="CG17" s="116">
        <v>1480901</v>
      </c>
      <c r="CH17" s="116">
        <v>1938205</v>
      </c>
      <c r="CI17" s="116">
        <v>293862</v>
      </c>
      <c r="CJ17" s="115">
        <v>7646242</v>
      </c>
      <c r="CK17" s="118">
        <v>7795739</v>
      </c>
      <c r="CL17" s="112">
        <v>0</v>
      </c>
      <c r="CM17" s="116">
        <v>0</v>
      </c>
      <c r="CN17" s="115">
        <v>0</v>
      </c>
      <c r="CO17" s="113">
        <v>0</v>
      </c>
      <c r="CP17" s="116">
        <v>1602535</v>
      </c>
      <c r="CQ17" s="116">
        <v>1239884</v>
      </c>
      <c r="CR17" s="116">
        <v>1307250</v>
      </c>
      <c r="CS17" s="116">
        <v>1058942</v>
      </c>
      <c r="CT17" s="116">
        <v>206323</v>
      </c>
      <c r="CU17" s="115">
        <v>5414934</v>
      </c>
      <c r="CV17" s="118">
        <v>5414934</v>
      </c>
      <c r="CW17" s="112">
        <v>61744</v>
      </c>
      <c r="CX17" s="116">
        <v>87753</v>
      </c>
      <c r="CY17" s="115">
        <v>149497</v>
      </c>
      <c r="CZ17" s="112">
        <v>0</v>
      </c>
      <c r="DA17" s="116">
        <v>665532</v>
      </c>
      <c r="DB17" s="116">
        <v>425323</v>
      </c>
      <c r="DC17" s="116">
        <v>173651</v>
      </c>
      <c r="DD17" s="116">
        <v>879263</v>
      </c>
      <c r="DE17" s="116">
        <v>87539</v>
      </c>
      <c r="DF17" s="115">
        <v>2231308</v>
      </c>
      <c r="DG17" s="118">
        <v>2380805</v>
      </c>
      <c r="DH17" s="112">
        <v>0</v>
      </c>
      <c r="DI17" s="116">
        <v>0</v>
      </c>
      <c r="DJ17" s="114">
        <v>0</v>
      </c>
      <c r="DK17" s="113">
        <v>0</v>
      </c>
      <c r="DL17" s="116">
        <v>320917</v>
      </c>
      <c r="DM17" s="116">
        <v>131229</v>
      </c>
      <c r="DN17" s="116">
        <v>822987</v>
      </c>
      <c r="DO17" s="116">
        <v>651054</v>
      </c>
      <c r="DP17" s="116">
        <v>30510</v>
      </c>
      <c r="DQ17" s="115">
        <v>1956697</v>
      </c>
      <c r="DR17" s="118">
        <v>1956697</v>
      </c>
      <c r="DS17" s="112">
        <v>0</v>
      </c>
      <c r="DT17" s="116">
        <v>0</v>
      </c>
      <c r="DU17" s="115">
        <v>0</v>
      </c>
      <c r="DV17" s="112">
        <v>0</v>
      </c>
      <c r="DW17" s="116">
        <v>320917</v>
      </c>
      <c r="DX17" s="116">
        <v>54242</v>
      </c>
      <c r="DY17" s="116">
        <v>822987</v>
      </c>
      <c r="DZ17" s="116">
        <v>608662</v>
      </c>
      <c r="EA17" s="116">
        <v>30510</v>
      </c>
      <c r="EB17" s="115">
        <v>1837318</v>
      </c>
      <c r="EC17" s="118">
        <v>1837318</v>
      </c>
      <c r="ED17" s="112">
        <v>0</v>
      </c>
      <c r="EE17" s="114">
        <v>0</v>
      </c>
      <c r="EF17" s="115">
        <v>0</v>
      </c>
      <c r="EG17" s="112">
        <v>0</v>
      </c>
      <c r="EH17" s="116">
        <v>0</v>
      </c>
      <c r="EI17" s="116">
        <v>76987</v>
      </c>
      <c r="EJ17" s="116">
        <v>0</v>
      </c>
      <c r="EK17" s="116">
        <v>42392</v>
      </c>
      <c r="EL17" s="116">
        <v>0</v>
      </c>
      <c r="EM17" s="114">
        <v>119379</v>
      </c>
      <c r="EN17" s="118">
        <v>119379</v>
      </c>
      <c r="EO17" s="112">
        <v>0</v>
      </c>
      <c r="EP17" s="116">
        <v>0</v>
      </c>
      <c r="EQ17" s="114">
        <v>0</v>
      </c>
      <c r="ER17" s="113">
        <v>0</v>
      </c>
      <c r="ES17" s="116">
        <v>0</v>
      </c>
      <c r="ET17" s="116">
        <v>0</v>
      </c>
      <c r="EU17" s="116">
        <v>0</v>
      </c>
      <c r="EV17" s="116">
        <v>0</v>
      </c>
      <c r="EW17" s="116">
        <v>0</v>
      </c>
      <c r="EX17" s="115">
        <v>0</v>
      </c>
      <c r="EY17" s="118">
        <v>0</v>
      </c>
      <c r="EZ17" s="112">
        <v>0</v>
      </c>
      <c r="FA17" s="116">
        <v>0</v>
      </c>
      <c r="FB17" s="114">
        <v>0</v>
      </c>
      <c r="FC17" s="390"/>
      <c r="FD17" s="116">
        <v>0</v>
      </c>
      <c r="FE17" s="116">
        <v>0</v>
      </c>
      <c r="FF17" s="116">
        <v>0</v>
      </c>
      <c r="FG17" s="116">
        <v>0</v>
      </c>
      <c r="FH17" s="116">
        <v>0</v>
      </c>
      <c r="FI17" s="115">
        <v>0</v>
      </c>
      <c r="FJ17" s="118">
        <v>0</v>
      </c>
      <c r="FK17" s="112">
        <v>83600</v>
      </c>
      <c r="FL17" s="116">
        <v>163968</v>
      </c>
      <c r="FM17" s="115">
        <v>247568</v>
      </c>
      <c r="FN17" s="112">
        <v>0</v>
      </c>
      <c r="FO17" s="116">
        <v>370912</v>
      </c>
      <c r="FP17" s="116">
        <v>478880</v>
      </c>
      <c r="FQ17" s="116">
        <v>591040</v>
      </c>
      <c r="FR17" s="116">
        <v>594800</v>
      </c>
      <c r="FS17" s="116">
        <v>196536</v>
      </c>
      <c r="FT17" s="115">
        <v>2232168</v>
      </c>
      <c r="FU17" s="118">
        <v>2479736</v>
      </c>
      <c r="FV17" s="117">
        <v>83600</v>
      </c>
      <c r="FW17" s="116">
        <v>163968</v>
      </c>
      <c r="FX17" s="114">
        <v>247568</v>
      </c>
      <c r="FY17" s="113">
        <v>0</v>
      </c>
      <c r="FZ17" s="116">
        <v>370912</v>
      </c>
      <c r="GA17" s="116">
        <v>478880</v>
      </c>
      <c r="GB17" s="116">
        <v>591040</v>
      </c>
      <c r="GC17" s="116">
        <v>594800</v>
      </c>
      <c r="GD17" s="116">
        <v>196536</v>
      </c>
      <c r="GE17" s="115">
        <v>2232168</v>
      </c>
      <c r="GF17" s="354">
        <v>2479736</v>
      </c>
      <c r="GG17" s="117">
        <v>0</v>
      </c>
      <c r="GH17" s="116">
        <v>0</v>
      </c>
      <c r="GI17" s="114">
        <v>0</v>
      </c>
      <c r="GJ17" s="113">
        <v>0</v>
      </c>
      <c r="GK17" s="116">
        <v>0</v>
      </c>
      <c r="GL17" s="116">
        <v>0</v>
      </c>
      <c r="GM17" s="116">
        <v>0</v>
      </c>
      <c r="GN17" s="116">
        <v>0</v>
      </c>
      <c r="GO17" s="116">
        <v>0</v>
      </c>
      <c r="GP17" s="115">
        <v>0</v>
      </c>
      <c r="GQ17" s="118">
        <v>0</v>
      </c>
      <c r="GR17" s="112">
        <v>0</v>
      </c>
      <c r="GS17" s="116">
        <v>0</v>
      </c>
      <c r="GT17" s="115">
        <v>0</v>
      </c>
      <c r="GU17" s="112">
        <v>0</v>
      </c>
      <c r="GV17" s="116">
        <v>0</v>
      </c>
      <c r="GW17" s="116">
        <v>0</v>
      </c>
      <c r="GX17" s="116">
        <v>0</v>
      </c>
      <c r="GY17" s="116">
        <v>0</v>
      </c>
      <c r="GZ17" s="116">
        <v>0</v>
      </c>
      <c r="HA17" s="114">
        <v>0</v>
      </c>
      <c r="HB17" s="118">
        <v>0</v>
      </c>
      <c r="HC17" s="112">
        <v>148813</v>
      </c>
      <c r="HD17" s="116">
        <v>266895</v>
      </c>
      <c r="HE17" s="114">
        <v>415708</v>
      </c>
      <c r="HF17" s="113">
        <v>0</v>
      </c>
      <c r="HG17" s="116">
        <v>2939114</v>
      </c>
      <c r="HH17" s="116">
        <v>2956954</v>
      </c>
      <c r="HI17" s="116">
        <v>2145965</v>
      </c>
      <c r="HJ17" s="116">
        <v>3691029</v>
      </c>
      <c r="HK17" s="116">
        <v>1268950</v>
      </c>
      <c r="HL17" s="115">
        <v>13002012</v>
      </c>
      <c r="HM17" s="111">
        <v>13417720</v>
      </c>
      <c r="HN17" s="370"/>
      <c r="HO17" s="371"/>
      <c r="HP17" s="372"/>
      <c r="HQ17" s="373"/>
      <c r="HR17" s="371"/>
      <c r="HS17" s="371"/>
      <c r="HT17" s="371"/>
      <c r="HU17" s="371"/>
      <c r="HV17" s="371"/>
      <c r="HW17" s="374"/>
      <c r="HX17" s="375"/>
      <c r="HY17" s="148">
        <v>0</v>
      </c>
      <c r="HZ17" s="149">
        <v>0</v>
      </c>
      <c r="IA17" s="150">
        <v>0</v>
      </c>
      <c r="IB17" s="163">
        <v>0</v>
      </c>
      <c r="IC17" s="149">
        <v>2091686</v>
      </c>
      <c r="ID17" s="164">
        <v>818278</v>
      </c>
      <c r="IE17" s="150">
        <v>2510025</v>
      </c>
      <c r="IF17" s="149">
        <v>1172125</v>
      </c>
      <c r="IG17" s="150">
        <v>231491</v>
      </c>
      <c r="IH17" s="165">
        <v>6823605</v>
      </c>
      <c r="II17" s="156">
        <v>6823605</v>
      </c>
      <c r="IJ17" s="261">
        <v>0</v>
      </c>
      <c r="IK17" s="268">
        <v>0</v>
      </c>
      <c r="IL17" s="269">
        <v>0</v>
      </c>
      <c r="IM17" s="157"/>
      <c r="IN17" s="122">
        <v>62888</v>
      </c>
      <c r="IO17" s="122">
        <v>0</v>
      </c>
      <c r="IP17" s="122">
        <v>328908</v>
      </c>
      <c r="IQ17" s="122">
        <v>0</v>
      </c>
      <c r="IR17" s="122">
        <v>0</v>
      </c>
      <c r="IS17" s="158">
        <v>391796</v>
      </c>
      <c r="IT17" s="357">
        <v>391796</v>
      </c>
      <c r="IU17" s="159">
        <v>0</v>
      </c>
      <c r="IV17" s="122">
        <v>0</v>
      </c>
      <c r="IW17" s="123">
        <v>0</v>
      </c>
      <c r="IX17" s="161"/>
      <c r="IY17" s="122">
        <v>7190</v>
      </c>
      <c r="IZ17" s="122">
        <v>0</v>
      </c>
      <c r="JA17" s="122">
        <v>0</v>
      </c>
      <c r="JB17" s="122">
        <v>0</v>
      </c>
      <c r="JC17" s="122">
        <v>0</v>
      </c>
      <c r="JD17" s="123">
        <v>7190</v>
      </c>
      <c r="JE17" s="124">
        <v>7190</v>
      </c>
      <c r="JF17" s="159">
        <v>0</v>
      </c>
      <c r="JG17" s="122">
        <v>0</v>
      </c>
      <c r="JH17" s="158">
        <v>0</v>
      </c>
      <c r="JI17" s="121">
        <v>0</v>
      </c>
      <c r="JJ17" s="122">
        <v>1226728</v>
      </c>
      <c r="JK17" s="122">
        <v>254056</v>
      </c>
      <c r="JL17" s="122">
        <v>1252803</v>
      </c>
      <c r="JM17" s="122">
        <v>241542</v>
      </c>
      <c r="JN17" s="122">
        <v>231491</v>
      </c>
      <c r="JO17" s="123">
        <v>3206620</v>
      </c>
      <c r="JP17" s="357">
        <v>3206620</v>
      </c>
      <c r="JQ17" s="159">
        <v>0</v>
      </c>
      <c r="JR17" s="122">
        <v>0</v>
      </c>
      <c r="JS17" s="158">
        <v>0</v>
      </c>
      <c r="JT17" s="121">
        <v>0</v>
      </c>
      <c r="JU17" s="122">
        <v>267121</v>
      </c>
      <c r="JV17" s="122">
        <v>187476</v>
      </c>
      <c r="JW17" s="122">
        <v>0</v>
      </c>
      <c r="JX17" s="122">
        <v>0</v>
      </c>
      <c r="JY17" s="122">
        <v>0</v>
      </c>
      <c r="JZ17" s="123">
        <v>454597</v>
      </c>
      <c r="KA17" s="357">
        <v>454597</v>
      </c>
      <c r="KB17" s="264">
        <v>0</v>
      </c>
      <c r="KC17" s="258">
        <v>0</v>
      </c>
      <c r="KD17" s="123">
        <v>0</v>
      </c>
      <c r="KE17" s="121">
        <v>0</v>
      </c>
      <c r="KF17" s="122">
        <v>106242</v>
      </c>
      <c r="KG17" s="122">
        <v>161937</v>
      </c>
      <c r="KH17" s="122">
        <v>702686</v>
      </c>
      <c r="KI17" s="122">
        <v>0</v>
      </c>
      <c r="KJ17" s="122">
        <v>0</v>
      </c>
      <c r="KK17" s="123">
        <v>970865</v>
      </c>
      <c r="KL17" s="160">
        <v>970865</v>
      </c>
      <c r="KM17" s="261">
        <v>0</v>
      </c>
      <c r="KN17" s="268">
        <v>0</v>
      </c>
      <c r="KO17" s="269">
        <v>0</v>
      </c>
      <c r="KP17" s="157"/>
      <c r="KQ17" s="122">
        <v>421517</v>
      </c>
      <c r="KR17" s="122">
        <v>214809</v>
      </c>
      <c r="KS17" s="122">
        <v>225628</v>
      </c>
      <c r="KT17" s="122">
        <v>930583</v>
      </c>
      <c r="KU17" s="122">
        <v>0</v>
      </c>
      <c r="KV17" s="123">
        <v>1792537</v>
      </c>
      <c r="KW17" s="357">
        <v>1792537</v>
      </c>
      <c r="KX17" s="159">
        <v>0</v>
      </c>
      <c r="KY17" s="122">
        <v>0</v>
      </c>
      <c r="KZ17" s="123">
        <v>0</v>
      </c>
      <c r="LA17" s="162"/>
      <c r="LB17" s="122">
        <v>0</v>
      </c>
      <c r="LC17" s="122">
        <v>0</v>
      </c>
      <c r="LD17" s="122">
        <v>0</v>
      </c>
      <c r="LE17" s="122">
        <v>0</v>
      </c>
      <c r="LF17" s="122">
        <v>0</v>
      </c>
      <c r="LG17" s="123">
        <v>0</v>
      </c>
      <c r="LH17" s="124">
        <v>0</v>
      </c>
      <c r="LI17" s="159">
        <v>0</v>
      </c>
      <c r="LJ17" s="122">
        <v>0</v>
      </c>
      <c r="LK17" s="123">
        <v>0</v>
      </c>
      <c r="LL17" s="162"/>
      <c r="LM17" s="122">
        <v>0</v>
      </c>
      <c r="LN17" s="122">
        <v>0</v>
      </c>
      <c r="LO17" s="122">
        <v>0</v>
      </c>
      <c r="LP17" s="122">
        <v>0</v>
      </c>
      <c r="LQ17" s="122">
        <v>0</v>
      </c>
      <c r="LR17" s="123">
        <v>0</v>
      </c>
      <c r="LS17" s="357">
        <v>0</v>
      </c>
      <c r="LT17" s="159">
        <v>0</v>
      </c>
      <c r="LU17" s="122">
        <v>0</v>
      </c>
      <c r="LV17" s="123">
        <v>0</v>
      </c>
      <c r="LW17" s="162"/>
      <c r="LX17" s="122">
        <v>0</v>
      </c>
      <c r="LY17" s="122">
        <v>0</v>
      </c>
      <c r="LZ17" s="122">
        <v>0</v>
      </c>
      <c r="MA17" s="122">
        <v>0</v>
      </c>
      <c r="MB17" s="122">
        <v>0</v>
      </c>
      <c r="MC17" s="123">
        <v>0</v>
      </c>
      <c r="MD17" s="124">
        <v>0</v>
      </c>
      <c r="ME17" s="159">
        <v>0</v>
      </c>
      <c r="MF17" s="122">
        <v>0</v>
      </c>
      <c r="MG17" s="123">
        <v>0</v>
      </c>
      <c r="MH17" s="162"/>
      <c r="MI17" s="122">
        <v>446599</v>
      </c>
      <c r="MJ17" s="122">
        <v>1479519</v>
      </c>
      <c r="MK17" s="122">
        <v>2234090</v>
      </c>
      <c r="ML17" s="122">
        <v>5024532</v>
      </c>
      <c r="MM17" s="122">
        <v>3339173</v>
      </c>
      <c r="MN17" s="123">
        <v>12523913</v>
      </c>
      <c r="MO17" s="160">
        <v>12523913</v>
      </c>
      <c r="MP17" s="159">
        <v>0</v>
      </c>
      <c r="MQ17" s="122">
        <v>0</v>
      </c>
      <c r="MR17" s="123">
        <v>0</v>
      </c>
      <c r="MS17" s="162"/>
      <c r="MT17" s="122">
        <v>0</v>
      </c>
      <c r="MU17" s="122">
        <v>0</v>
      </c>
      <c r="MV17" s="122">
        <v>1088563</v>
      </c>
      <c r="MW17" s="122">
        <v>3422973</v>
      </c>
      <c r="MX17" s="122">
        <v>1726794</v>
      </c>
      <c r="MY17" s="123">
        <v>6238330</v>
      </c>
      <c r="MZ17" s="160">
        <v>6238330</v>
      </c>
      <c r="NA17" s="159">
        <v>0</v>
      </c>
      <c r="NB17" s="122">
        <v>0</v>
      </c>
      <c r="NC17" s="123">
        <v>0</v>
      </c>
      <c r="ND17" s="162"/>
      <c r="NE17" s="122">
        <v>446599</v>
      </c>
      <c r="NF17" s="122">
        <v>1272863</v>
      </c>
      <c r="NG17" s="122">
        <v>919255</v>
      </c>
      <c r="NH17" s="122">
        <v>1328823</v>
      </c>
      <c r="NI17" s="122">
        <v>1612379</v>
      </c>
      <c r="NJ17" s="123">
        <v>5579919</v>
      </c>
      <c r="NK17" s="357">
        <v>5579919</v>
      </c>
      <c r="NL17" s="159">
        <v>0</v>
      </c>
      <c r="NM17" s="122">
        <v>0</v>
      </c>
      <c r="NN17" s="123">
        <v>0</v>
      </c>
      <c r="NO17" s="162"/>
      <c r="NP17" s="122">
        <v>0</v>
      </c>
      <c r="NQ17" s="122">
        <v>0</v>
      </c>
      <c r="NR17" s="122">
        <v>0</v>
      </c>
      <c r="NS17" s="122">
        <v>0</v>
      </c>
      <c r="NT17" s="122">
        <v>0</v>
      </c>
      <c r="NU17" s="123">
        <v>0</v>
      </c>
      <c r="NV17" s="124">
        <v>0</v>
      </c>
      <c r="NW17" s="159">
        <v>0</v>
      </c>
      <c r="NX17" s="122">
        <v>0</v>
      </c>
      <c r="NY17" s="123">
        <v>0</v>
      </c>
      <c r="NZ17" s="162"/>
      <c r="OA17" s="122">
        <v>0</v>
      </c>
      <c r="OB17" s="122">
        <v>206656</v>
      </c>
      <c r="OC17" s="122">
        <v>226272</v>
      </c>
      <c r="OD17" s="122">
        <v>272736</v>
      </c>
      <c r="OE17" s="122">
        <v>0</v>
      </c>
      <c r="OF17" s="123">
        <v>705664</v>
      </c>
      <c r="OG17" s="124">
        <v>705664</v>
      </c>
      <c r="OH17" s="159">
        <v>362237</v>
      </c>
      <c r="OI17" s="122">
        <v>666759</v>
      </c>
      <c r="OJ17" s="158">
        <v>1028996</v>
      </c>
      <c r="OK17" s="121">
        <v>0</v>
      </c>
      <c r="OL17" s="122">
        <v>10296401</v>
      </c>
      <c r="OM17" s="122">
        <v>8699356</v>
      </c>
      <c r="ON17" s="122">
        <v>12288210</v>
      </c>
      <c r="OO17" s="122">
        <v>15269422</v>
      </c>
      <c r="OP17" s="122">
        <v>7514053</v>
      </c>
      <c r="OQ17" s="123">
        <v>54067442</v>
      </c>
      <c r="OR17" s="160">
        <v>55096438</v>
      </c>
    </row>
    <row r="18" spans="1:408" ht="20.25" customHeight="1" x14ac:dyDescent="0.2">
      <c r="A18" s="129" t="s">
        <v>12</v>
      </c>
      <c r="B18" s="112">
        <v>884534</v>
      </c>
      <c r="C18" s="116">
        <v>1375187</v>
      </c>
      <c r="D18" s="115">
        <v>2259721</v>
      </c>
      <c r="E18" s="111">
        <v>0</v>
      </c>
      <c r="F18" s="116">
        <v>7179312</v>
      </c>
      <c r="G18" s="187">
        <v>7331648</v>
      </c>
      <c r="H18" s="187">
        <v>8321194</v>
      </c>
      <c r="I18" s="187">
        <v>8380638</v>
      </c>
      <c r="J18" s="187">
        <v>5337892</v>
      </c>
      <c r="K18" s="114">
        <v>36550684</v>
      </c>
      <c r="L18" s="118">
        <v>38810405</v>
      </c>
      <c r="M18" s="112">
        <v>416888</v>
      </c>
      <c r="N18" s="116">
        <v>465814</v>
      </c>
      <c r="O18" s="115">
        <v>882702</v>
      </c>
      <c r="P18" s="112">
        <v>0</v>
      </c>
      <c r="Q18" s="116">
        <v>2778338</v>
      </c>
      <c r="R18" s="116">
        <v>3190368</v>
      </c>
      <c r="S18" s="116">
        <v>2188992</v>
      </c>
      <c r="T18" s="116">
        <v>3049219</v>
      </c>
      <c r="U18" s="116">
        <v>3311023</v>
      </c>
      <c r="V18" s="115">
        <v>14517940</v>
      </c>
      <c r="W18" s="118">
        <v>15400642</v>
      </c>
      <c r="X18" s="112">
        <v>0</v>
      </c>
      <c r="Y18" s="116">
        <v>0</v>
      </c>
      <c r="Z18" s="115">
        <v>0</v>
      </c>
      <c r="AA18" s="112">
        <v>0</v>
      </c>
      <c r="AB18" s="116">
        <v>1356646</v>
      </c>
      <c r="AC18" s="116">
        <v>1830457</v>
      </c>
      <c r="AD18" s="116">
        <v>1269428</v>
      </c>
      <c r="AE18" s="116">
        <v>2123816</v>
      </c>
      <c r="AF18" s="116">
        <v>2167096</v>
      </c>
      <c r="AG18" s="115">
        <v>8747443</v>
      </c>
      <c r="AH18" s="118">
        <v>8747443</v>
      </c>
      <c r="AI18" s="112">
        <v>0</v>
      </c>
      <c r="AJ18" s="116">
        <v>0</v>
      </c>
      <c r="AK18" s="115">
        <v>0</v>
      </c>
      <c r="AL18" s="112">
        <v>0</v>
      </c>
      <c r="AM18" s="116">
        <v>48132</v>
      </c>
      <c r="AN18" s="116">
        <v>0</v>
      </c>
      <c r="AO18" s="116">
        <v>34719</v>
      </c>
      <c r="AP18" s="116">
        <v>79881</v>
      </c>
      <c r="AQ18" s="116">
        <v>389253</v>
      </c>
      <c r="AR18" s="115">
        <v>551985</v>
      </c>
      <c r="AS18" s="118">
        <v>551985</v>
      </c>
      <c r="AT18" s="112">
        <v>359280</v>
      </c>
      <c r="AU18" s="116">
        <v>363934</v>
      </c>
      <c r="AV18" s="115">
        <v>723214</v>
      </c>
      <c r="AW18" s="112">
        <v>0</v>
      </c>
      <c r="AX18" s="116">
        <v>1003767</v>
      </c>
      <c r="AY18" s="116">
        <v>977202</v>
      </c>
      <c r="AZ18" s="116">
        <v>535991</v>
      </c>
      <c r="BA18" s="116">
        <v>283345</v>
      </c>
      <c r="BB18" s="116">
        <v>470235</v>
      </c>
      <c r="BC18" s="115">
        <v>3270540</v>
      </c>
      <c r="BD18" s="118">
        <v>3993754</v>
      </c>
      <c r="BE18" s="112">
        <v>0</v>
      </c>
      <c r="BF18" s="116">
        <v>0</v>
      </c>
      <c r="BG18" s="114">
        <v>0</v>
      </c>
      <c r="BH18" s="113">
        <v>0</v>
      </c>
      <c r="BI18" s="116">
        <v>42625</v>
      </c>
      <c r="BJ18" s="116">
        <v>144269</v>
      </c>
      <c r="BK18" s="116">
        <v>87754</v>
      </c>
      <c r="BL18" s="116">
        <v>160577</v>
      </c>
      <c r="BM18" s="116">
        <v>43271</v>
      </c>
      <c r="BN18" s="115">
        <v>478496</v>
      </c>
      <c r="BO18" s="118">
        <v>478496</v>
      </c>
      <c r="BP18" s="112">
        <v>57608</v>
      </c>
      <c r="BQ18" s="116">
        <v>101880</v>
      </c>
      <c r="BR18" s="115">
        <v>159488</v>
      </c>
      <c r="BS18" s="112">
        <v>0</v>
      </c>
      <c r="BT18" s="116">
        <v>327168</v>
      </c>
      <c r="BU18" s="116">
        <v>238440</v>
      </c>
      <c r="BV18" s="116">
        <v>261100</v>
      </c>
      <c r="BW18" s="116">
        <v>401600</v>
      </c>
      <c r="BX18" s="116">
        <v>241168</v>
      </c>
      <c r="BY18" s="115">
        <v>1469476</v>
      </c>
      <c r="BZ18" s="118">
        <v>1628964</v>
      </c>
      <c r="CA18" s="112">
        <v>233422</v>
      </c>
      <c r="CB18" s="116">
        <v>159012</v>
      </c>
      <c r="CC18" s="115">
        <v>392434</v>
      </c>
      <c r="CD18" s="112">
        <v>0</v>
      </c>
      <c r="CE18" s="116">
        <v>2978053</v>
      </c>
      <c r="CF18" s="116">
        <v>1732341</v>
      </c>
      <c r="CG18" s="116">
        <v>2622611</v>
      </c>
      <c r="CH18" s="116">
        <v>928357</v>
      </c>
      <c r="CI18" s="116">
        <v>265113</v>
      </c>
      <c r="CJ18" s="115">
        <v>8526475</v>
      </c>
      <c r="CK18" s="118">
        <v>8918909</v>
      </c>
      <c r="CL18" s="112">
        <v>0</v>
      </c>
      <c r="CM18" s="116">
        <v>0</v>
      </c>
      <c r="CN18" s="115">
        <v>0</v>
      </c>
      <c r="CO18" s="113">
        <v>0</v>
      </c>
      <c r="CP18" s="116">
        <v>2398159</v>
      </c>
      <c r="CQ18" s="116">
        <v>1142882</v>
      </c>
      <c r="CR18" s="116">
        <v>2014123</v>
      </c>
      <c r="CS18" s="116">
        <v>416098</v>
      </c>
      <c r="CT18" s="116">
        <v>240306</v>
      </c>
      <c r="CU18" s="115">
        <v>6211568</v>
      </c>
      <c r="CV18" s="118">
        <v>6211568</v>
      </c>
      <c r="CW18" s="112">
        <v>233422</v>
      </c>
      <c r="CX18" s="116">
        <v>159012</v>
      </c>
      <c r="CY18" s="115">
        <v>392434</v>
      </c>
      <c r="CZ18" s="112">
        <v>0</v>
      </c>
      <c r="DA18" s="116">
        <v>579894</v>
      </c>
      <c r="DB18" s="116">
        <v>589459</v>
      </c>
      <c r="DC18" s="116">
        <v>608488</v>
      </c>
      <c r="DD18" s="116">
        <v>512259</v>
      </c>
      <c r="DE18" s="116">
        <v>24807</v>
      </c>
      <c r="DF18" s="115">
        <v>2314907</v>
      </c>
      <c r="DG18" s="118">
        <v>2707341</v>
      </c>
      <c r="DH18" s="112">
        <v>0</v>
      </c>
      <c r="DI18" s="116">
        <v>0</v>
      </c>
      <c r="DJ18" s="114">
        <v>0</v>
      </c>
      <c r="DK18" s="113">
        <v>0</v>
      </c>
      <c r="DL18" s="116">
        <v>243043</v>
      </c>
      <c r="DM18" s="116">
        <v>345152</v>
      </c>
      <c r="DN18" s="116">
        <v>1116084</v>
      </c>
      <c r="DO18" s="116">
        <v>787893</v>
      </c>
      <c r="DP18" s="116">
        <v>320517</v>
      </c>
      <c r="DQ18" s="115">
        <v>2812689</v>
      </c>
      <c r="DR18" s="118">
        <v>2812689</v>
      </c>
      <c r="DS18" s="112">
        <v>0</v>
      </c>
      <c r="DT18" s="116">
        <v>0</v>
      </c>
      <c r="DU18" s="115">
        <v>0</v>
      </c>
      <c r="DV18" s="112">
        <v>0</v>
      </c>
      <c r="DW18" s="116">
        <v>243043</v>
      </c>
      <c r="DX18" s="116">
        <v>278841</v>
      </c>
      <c r="DY18" s="116">
        <v>1015179</v>
      </c>
      <c r="DZ18" s="116">
        <v>787893</v>
      </c>
      <c r="EA18" s="116">
        <v>320517</v>
      </c>
      <c r="EB18" s="115">
        <v>2645473</v>
      </c>
      <c r="EC18" s="118">
        <v>2645473</v>
      </c>
      <c r="ED18" s="112">
        <v>0</v>
      </c>
      <c r="EE18" s="114">
        <v>0</v>
      </c>
      <c r="EF18" s="115">
        <v>0</v>
      </c>
      <c r="EG18" s="112">
        <v>0</v>
      </c>
      <c r="EH18" s="116">
        <v>0</v>
      </c>
      <c r="EI18" s="116">
        <v>66311</v>
      </c>
      <c r="EJ18" s="116">
        <v>100905</v>
      </c>
      <c r="EK18" s="116">
        <v>0</v>
      </c>
      <c r="EL18" s="116">
        <v>0</v>
      </c>
      <c r="EM18" s="114">
        <v>167216</v>
      </c>
      <c r="EN18" s="118">
        <v>167216</v>
      </c>
      <c r="EO18" s="112">
        <v>0</v>
      </c>
      <c r="EP18" s="116">
        <v>0</v>
      </c>
      <c r="EQ18" s="114">
        <v>0</v>
      </c>
      <c r="ER18" s="113">
        <v>0</v>
      </c>
      <c r="ES18" s="116">
        <v>0</v>
      </c>
      <c r="ET18" s="116">
        <v>0</v>
      </c>
      <c r="EU18" s="116">
        <v>0</v>
      </c>
      <c r="EV18" s="116">
        <v>0</v>
      </c>
      <c r="EW18" s="116">
        <v>0</v>
      </c>
      <c r="EX18" s="115">
        <v>0</v>
      </c>
      <c r="EY18" s="118">
        <v>0</v>
      </c>
      <c r="EZ18" s="112">
        <v>0</v>
      </c>
      <c r="FA18" s="116">
        <v>0</v>
      </c>
      <c r="FB18" s="114">
        <v>0</v>
      </c>
      <c r="FC18" s="390"/>
      <c r="FD18" s="116">
        <v>0</v>
      </c>
      <c r="FE18" s="116">
        <v>0</v>
      </c>
      <c r="FF18" s="116">
        <v>0</v>
      </c>
      <c r="FG18" s="116">
        <v>0</v>
      </c>
      <c r="FH18" s="116">
        <v>0</v>
      </c>
      <c r="FI18" s="115">
        <v>0</v>
      </c>
      <c r="FJ18" s="118">
        <v>0</v>
      </c>
      <c r="FK18" s="112">
        <v>234224</v>
      </c>
      <c r="FL18" s="116">
        <v>331104</v>
      </c>
      <c r="FM18" s="115">
        <v>565328</v>
      </c>
      <c r="FN18" s="112">
        <v>0</v>
      </c>
      <c r="FO18" s="116">
        <v>457448</v>
      </c>
      <c r="FP18" s="116">
        <v>953224</v>
      </c>
      <c r="FQ18" s="116">
        <v>791142</v>
      </c>
      <c r="FR18" s="116">
        <v>681960</v>
      </c>
      <c r="FS18" s="116">
        <v>465832</v>
      </c>
      <c r="FT18" s="115">
        <v>3349606</v>
      </c>
      <c r="FU18" s="118">
        <v>3914934</v>
      </c>
      <c r="FV18" s="117">
        <v>109384</v>
      </c>
      <c r="FW18" s="116">
        <v>171104</v>
      </c>
      <c r="FX18" s="114">
        <v>280488</v>
      </c>
      <c r="FY18" s="113">
        <v>0</v>
      </c>
      <c r="FZ18" s="116">
        <v>275688</v>
      </c>
      <c r="GA18" s="116">
        <v>918424</v>
      </c>
      <c r="GB18" s="116">
        <v>774342</v>
      </c>
      <c r="GC18" s="116">
        <v>641960</v>
      </c>
      <c r="GD18" s="116">
        <v>450344</v>
      </c>
      <c r="GE18" s="115">
        <v>3060758</v>
      </c>
      <c r="GF18" s="354">
        <v>3341246</v>
      </c>
      <c r="GG18" s="117">
        <v>22440</v>
      </c>
      <c r="GH18" s="116">
        <v>0</v>
      </c>
      <c r="GI18" s="114">
        <v>22440</v>
      </c>
      <c r="GJ18" s="113">
        <v>0</v>
      </c>
      <c r="GK18" s="116">
        <v>32960</v>
      </c>
      <c r="GL18" s="116">
        <v>34800</v>
      </c>
      <c r="GM18" s="116">
        <v>0</v>
      </c>
      <c r="GN18" s="116">
        <v>0</v>
      </c>
      <c r="GO18" s="116">
        <v>15488</v>
      </c>
      <c r="GP18" s="115">
        <v>83248</v>
      </c>
      <c r="GQ18" s="118">
        <v>105688</v>
      </c>
      <c r="GR18" s="112">
        <v>102400</v>
      </c>
      <c r="GS18" s="116">
        <v>160000</v>
      </c>
      <c r="GT18" s="115">
        <v>262400</v>
      </c>
      <c r="GU18" s="112">
        <v>0</v>
      </c>
      <c r="GV18" s="116">
        <v>148800</v>
      </c>
      <c r="GW18" s="116">
        <v>0</v>
      </c>
      <c r="GX18" s="116">
        <v>16800</v>
      </c>
      <c r="GY18" s="116">
        <v>40000</v>
      </c>
      <c r="GZ18" s="116">
        <v>0</v>
      </c>
      <c r="HA18" s="114">
        <v>205600</v>
      </c>
      <c r="HB18" s="118">
        <v>468000</v>
      </c>
      <c r="HC18" s="112">
        <v>0</v>
      </c>
      <c r="HD18" s="116">
        <v>419257</v>
      </c>
      <c r="HE18" s="114">
        <v>419257</v>
      </c>
      <c r="HF18" s="113">
        <v>0</v>
      </c>
      <c r="HG18" s="116">
        <v>722430</v>
      </c>
      <c r="HH18" s="116">
        <v>1110563</v>
      </c>
      <c r="HI18" s="116">
        <v>1602365</v>
      </c>
      <c r="HJ18" s="116">
        <v>2933209</v>
      </c>
      <c r="HK18" s="116">
        <v>975407</v>
      </c>
      <c r="HL18" s="115">
        <v>7343974</v>
      </c>
      <c r="HM18" s="111">
        <v>7763231</v>
      </c>
      <c r="HN18" s="370"/>
      <c r="HO18" s="371"/>
      <c r="HP18" s="372"/>
      <c r="HQ18" s="373"/>
      <c r="HR18" s="371"/>
      <c r="HS18" s="371"/>
      <c r="HT18" s="371"/>
      <c r="HU18" s="371"/>
      <c r="HV18" s="371"/>
      <c r="HW18" s="374"/>
      <c r="HX18" s="375"/>
      <c r="HY18" s="167">
        <v>0</v>
      </c>
      <c r="HZ18" s="152">
        <v>0</v>
      </c>
      <c r="IA18" s="167">
        <v>0</v>
      </c>
      <c r="IB18" s="151">
        <v>0</v>
      </c>
      <c r="IC18" s="152">
        <v>2820734</v>
      </c>
      <c r="ID18" s="153">
        <v>2115204</v>
      </c>
      <c r="IE18" s="154">
        <v>2056814</v>
      </c>
      <c r="IF18" s="152">
        <v>3679789</v>
      </c>
      <c r="IG18" s="154">
        <v>1706491</v>
      </c>
      <c r="IH18" s="155">
        <v>12379032</v>
      </c>
      <c r="II18" s="167">
        <v>12379032</v>
      </c>
      <c r="IJ18" s="261">
        <v>0</v>
      </c>
      <c r="IK18" s="268">
        <v>0</v>
      </c>
      <c r="IL18" s="269">
        <v>0</v>
      </c>
      <c r="IM18" s="157"/>
      <c r="IN18" s="122">
        <v>0</v>
      </c>
      <c r="IO18" s="122">
        <v>107136</v>
      </c>
      <c r="IP18" s="122">
        <v>0</v>
      </c>
      <c r="IQ18" s="122">
        <v>0</v>
      </c>
      <c r="IR18" s="122">
        <v>0</v>
      </c>
      <c r="IS18" s="158">
        <v>107136</v>
      </c>
      <c r="IT18" s="357">
        <v>107136</v>
      </c>
      <c r="IU18" s="159">
        <v>0</v>
      </c>
      <c r="IV18" s="122">
        <v>0</v>
      </c>
      <c r="IW18" s="123">
        <v>0</v>
      </c>
      <c r="IX18" s="161"/>
      <c r="IY18" s="122">
        <v>0</v>
      </c>
      <c r="IZ18" s="122">
        <v>0</v>
      </c>
      <c r="JA18" s="122">
        <v>0</v>
      </c>
      <c r="JB18" s="122">
        <v>0</v>
      </c>
      <c r="JC18" s="122">
        <v>0</v>
      </c>
      <c r="JD18" s="123">
        <v>0</v>
      </c>
      <c r="JE18" s="124">
        <v>0</v>
      </c>
      <c r="JF18" s="159">
        <v>0</v>
      </c>
      <c r="JG18" s="122">
        <v>0</v>
      </c>
      <c r="JH18" s="158">
        <v>0</v>
      </c>
      <c r="JI18" s="121">
        <v>0</v>
      </c>
      <c r="JJ18" s="122">
        <v>967401</v>
      </c>
      <c r="JK18" s="122">
        <v>594179</v>
      </c>
      <c r="JL18" s="122">
        <v>720482</v>
      </c>
      <c r="JM18" s="122">
        <v>48386</v>
      </c>
      <c r="JN18" s="122">
        <v>263963</v>
      </c>
      <c r="JO18" s="123">
        <v>2594411</v>
      </c>
      <c r="JP18" s="357">
        <v>2594411</v>
      </c>
      <c r="JQ18" s="159">
        <v>0</v>
      </c>
      <c r="JR18" s="122">
        <v>0</v>
      </c>
      <c r="JS18" s="158">
        <v>0</v>
      </c>
      <c r="JT18" s="121">
        <v>0</v>
      </c>
      <c r="JU18" s="122">
        <v>0</v>
      </c>
      <c r="JV18" s="122">
        <v>0</v>
      </c>
      <c r="JW18" s="122">
        <v>0</v>
      </c>
      <c r="JX18" s="122">
        <v>0</v>
      </c>
      <c r="JY18" s="122">
        <v>0</v>
      </c>
      <c r="JZ18" s="123">
        <v>0</v>
      </c>
      <c r="KA18" s="357">
        <v>0</v>
      </c>
      <c r="KB18" s="264">
        <v>0</v>
      </c>
      <c r="KC18" s="258">
        <v>0</v>
      </c>
      <c r="KD18" s="123">
        <v>0</v>
      </c>
      <c r="KE18" s="121">
        <v>0</v>
      </c>
      <c r="KF18" s="122">
        <v>343477</v>
      </c>
      <c r="KG18" s="122">
        <v>160941</v>
      </c>
      <c r="KH18" s="122">
        <v>940939</v>
      </c>
      <c r="KI18" s="122">
        <v>777651</v>
      </c>
      <c r="KJ18" s="122">
        <v>591980</v>
      </c>
      <c r="KK18" s="123">
        <v>2814988</v>
      </c>
      <c r="KL18" s="160">
        <v>2814988</v>
      </c>
      <c r="KM18" s="261">
        <v>0</v>
      </c>
      <c r="KN18" s="268">
        <v>0</v>
      </c>
      <c r="KO18" s="269">
        <v>0</v>
      </c>
      <c r="KP18" s="157"/>
      <c r="KQ18" s="122">
        <v>1200616</v>
      </c>
      <c r="KR18" s="122">
        <v>879294</v>
      </c>
      <c r="KS18" s="122">
        <v>395393</v>
      </c>
      <c r="KT18" s="122">
        <v>924571</v>
      </c>
      <c r="KU18" s="122">
        <v>234388</v>
      </c>
      <c r="KV18" s="123">
        <v>3634262</v>
      </c>
      <c r="KW18" s="357">
        <v>3634262</v>
      </c>
      <c r="KX18" s="159">
        <v>0</v>
      </c>
      <c r="KY18" s="122">
        <v>0</v>
      </c>
      <c r="KZ18" s="123">
        <v>0</v>
      </c>
      <c r="LA18" s="162"/>
      <c r="LB18" s="122">
        <v>0</v>
      </c>
      <c r="LC18" s="122">
        <v>162317</v>
      </c>
      <c r="LD18" s="122">
        <v>0</v>
      </c>
      <c r="LE18" s="122">
        <v>787540</v>
      </c>
      <c r="LF18" s="122">
        <v>0</v>
      </c>
      <c r="LG18" s="123">
        <v>949857</v>
      </c>
      <c r="LH18" s="124">
        <v>949857</v>
      </c>
      <c r="LI18" s="159">
        <v>0</v>
      </c>
      <c r="LJ18" s="122">
        <v>0</v>
      </c>
      <c r="LK18" s="123">
        <v>0</v>
      </c>
      <c r="LL18" s="162"/>
      <c r="LM18" s="122">
        <v>0</v>
      </c>
      <c r="LN18" s="122">
        <v>0</v>
      </c>
      <c r="LO18" s="122">
        <v>0</v>
      </c>
      <c r="LP18" s="122">
        <v>243459</v>
      </c>
      <c r="LQ18" s="122">
        <v>261132</v>
      </c>
      <c r="LR18" s="123">
        <v>504591</v>
      </c>
      <c r="LS18" s="357">
        <v>504591</v>
      </c>
      <c r="LT18" s="159">
        <v>0</v>
      </c>
      <c r="LU18" s="122">
        <v>0</v>
      </c>
      <c r="LV18" s="123">
        <v>0</v>
      </c>
      <c r="LW18" s="162"/>
      <c r="LX18" s="122">
        <v>309240</v>
      </c>
      <c r="LY18" s="122">
        <v>211337</v>
      </c>
      <c r="LZ18" s="122">
        <v>0</v>
      </c>
      <c r="MA18" s="122">
        <v>898182</v>
      </c>
      <c r="MB18" s="122">
        <v>355028</v>
      </c>
      <c r="MC18" s="123">
        <v>1773787</v>
      </c>
      <c r="MD18" s="124">
        <v>1773787</v>
      </c>
      <c r="ME18" s="159">
        <v>0</v>
      </c>
      <c r="MF18" s="122">
        <v>0</v>
      </c>
      <c r="MG18" s="123">
        <v>0</v>
      </c>
      <c r="MH18" s="162"/>
      <c r="MI18" s="122">
        <v>798476</v>
      </c>
      <c r="MJ18" s="122">
        <v>953516</v>
      </c>
      <c r="MK18" s="122">
        <v>3981683</v>
      </c>
      <c r="ML18" s="122">
        <v>5315380</v>
      </c>
      <c r="MM18" s="122">
        <v>2536428</v>
      </c>
      <c r="MN18" s="123">
        <v>13585483</v>
      </c>
      <c r="MO18" s="160">
        <v>13585483</v>
      </c>
      <c r="MP18" s="159">
        <v>0</v>
      </c>
      <c r="MQ18" s="122">
        <v>0</v>
      </c>
      <c r="MR18" s="123">
        <v>0</v>
      </c>
      <c r="MS18" s="162"/>
      <c r="MT18" s="122">
        <v>118026</v>
      </c>
      <c r="MU18" s="122">
        <v>211240</v>
      </c>
      <c r="MV18" s="122">
        <v>1939068</v>
      </c>
      <c r="MW18" s="122">
        <v>2482887</v>
      </c>
      <c r="MX18" s="122">
        <v>1484598</v>
      </c>
      <c r="MY18" s="123">
        <v>6235819</v>
      </c>
      <c r="MZ18" s="160">
        <v>6235819</v>
      </c>
      <c r="NA18" s="159">
        <v>0</v>
      </c>
      <c r="NB18" s="122">
        <v>0</v>
      </c>
      <c r="NC18" s="123">
        <v>0</v>
      </c>
      <c r="ND18" s="162"/>
      <c r="NE18" s="122">
        <v>680450</v>
      </c>
      <c r="NF18" s="122">
        <v>742276</v>
      </c>
      <c r="NG18" s="122">
        <v>2042615</v>
      </c>
      <c r="NH18" s="122">
        <v>2832493</v>
      </c>
      <c r="NI18" s="122">
        <v>764427</v>
      </c>
      <c r="NJ18" s="123">
        <v>7062261</v>
      </c>
      <c r="NK18" s="357">
        <v>7062261</v>
      </c>
      <c r="NL18" s="159">
        <v>0</v>
      </c>
      <c r="NM18" s="122">
        <v>0</v>
      </c>
      <c r="NN18" s="123">
        <v>0</v>
      </c>
      <c r="NO18" s="162"/>
      <c r="NP18" s="122">
        <v>0</v>
      </c>
      <c r="NQ18" s="122">
        <v>0</v>
      </c>
      <c r="NR18" s="122">
        <v>0</v>
      </c>
      <c r="NS18" s="122">
        <v>0</v>
      </c>
      <c r="NT18" s="122">
        <v>287403</v>
      </c>
      <c r="NU18" s="123">
        <v>287403</v>
      </c>
      <c r="NV18" s="124">
        <v>287403</v>
      </c>
      <c r="NW18" s="159">
        <v>0</v>
      </c>
      <c r="NX18" s="122">
        <v>0</v>
      </c>
      <c r="NY18" s="123">
        <v>0</v>
      </c>
      <c r="NZ18" s="162"/>
      <c r="OA18" s="122">
        <v>0</v>
      </c>
      <c r="OB18" s="122">
        <v>0</v>
      </c>
      <c r="OC18" s="122">
        <v>0</v>
      </c>
      <c r="OD18" s="122">
        <v>0</v>
      </c>
      <c r="OE18" s="122">
        <v>0</v>
      </c>
      <c r="OF18" s="123">
        <v>0</v>
      </c>
      <c r="OG18" s="124">
        <v>0</v>
      </c>
      <c r="OH18" s="159">
        <v>884534</v>
      </c>
      <c r="OI18" s="122">
        <v>1375187</v>
      </c>
      <c r="OJ18" s="158">
        <v>2259721</v>
      </c>
      <c r="OK18" s="121">
        <v>0</v>
      </c>
      <c r="OL18" s="122">
        <v>10798522</v>
      </c>
      <c r="OM18" s="122">
        <v>10400368</v>
      </c>
      <c r="ON18" s="122">
        <v>14359691</v>
      </c>
      <c r="OO18" s="122">
        <v>17375807</v>
      </c>
      <c r="OP18" s="122">
        <v>9580811</v>
      </c>
      <c r="OQ18" s="123">
        <v>62515199</v>
      </c>
      <c r="OR18" s="160">
        <v>64774920</v>
      </c>
    </row>
    <row r="19" spans="1:408" ht="20.25" customHeight="1" x14ac:dyDescent="0.2">
      <c r="A19" s="129" t="s">
        <v>13</v>
      </c>
      <c r="B19" s="112">
        <v>177456</v>
      </c>
      <c r="C19" s="116">
        <v>197336</v>
      </c>
      <c r="D19" s="115">
        <v>374792</v>
      </c>
      <c r="E19" s="112">
        <v>0</v>
      </c>
      <c r="F19" s="187">
        <v>2548957</v>
      </c>
      <c r="G19" s="116">
        <v>5080201</v>
      </c>
      <c r="H19" s="116">
        <v>3033410</v>
      </c>
      <c r="I19" s="116">
        <v>4854014</v>
      </c>
      <c r="J19" s="116">
        <v>4041212</v>
      </c>
      <c r="K19" s="114">
        <v>19557794</v>
      </c>
      <c r="L19" s="118">
        <v>19932586</v>
      </c>
      <c r="M19" s="112">
        <v>91723</v>
      </c>
      <c r="N19" s="116">
        <v>11082</v>
      </c>
      <c r="O19" s="115">
        <v>102805</v>
      </c>
      <c r="P19" s="112">
        <v>0</v>
      </c>
      <c r="Q19" s="116">
        <v>783793</v>
      </c>
      <c r="R19" s="116">
        <v>1932115</v>
      </c>
      <c r="S19" s="116">
        <v>984969</v>
      </c>
      <c r="T19" s="116">
        <v>1826027</v>
      </c>
      <c r="U19" s="116">
        <v>1756739</v>
      </c>
      <c r="V19" s="115">
        <v>7283643</v>
      </c>
      <c r="W19" s="118">
        <v>7386448</v>
      </c>
      <c r="X19" s="112">
        <v>0</v>
      </c>
      <c r="Y19" s="116">
        <v>0</v>
      </c>
      <c r="Z19" s="115">
        <v>0</v>
      </c>
      <c r="AA19" s="112">
        <v>0</v>
      </c>
      <c r="AB19" s="116">
        <v>500564</v>
      </c>
      <c r="AC19" s="116">
        <v>1173985</v>
      </c>
      <c r="AD19" s="116">
        <v>561602</v>
      </c>
      <c r="AE19" s="116">
        <v>1262394</v>
      </c>
      <c r="AF19" s="116">
        <v>1003045</v>
      </c>
      <c r="AG19" s="115">
        <v>4501590</v>
      </c>
      <c r="AH19" s="118">
        <v>4501590</v>
      </c>
      <c r="AI19" s="112">
        <v>0</v>
      </c>
      <c r="AJ19" s="116">
        <v>0</v>
      </c>
      <c r="AK19" s="115">
        <v>0</v>
      </c>
      <c r="AL19" s="112">
        <v>0</v>
      </c>
      <c r="AM19" s="116">
        <v>0</v>
      </c>
      <c r="AN19" s="116">
        <v>0</v>
      </c>
      <c r="AO19" s="116">
        <v>0</v>
      </c>
      <c r="AP19" s="116">
        <v>72095</v>
      </c>
      <c r="AQ19" s="116">
        <v>224668</v>
      </c>
      <c r="AR19" s="115">
        <v>296763</v>
      </c>
      <c r="AS19" s="118">
        <v>296763</v>
      </c>
      <c r="AT19" s="112">
        <v>46291</v>
      </c>
      <c r="AU19" s="116">
        <v>11082</v>
      </c>
      <c r="AV19" s="115">
        <v>57373</v>
      </c>
      <c r="AW19" s="112">
        <v>0</v>
      </c>
      <c r="AX19" s="116">
        <v>180091</v>
      </c>
      <c r="AY19" s="116">
        <v>456041</v>
      </c>
      <c r="AZ19" s="116">
        <v>248103</v>
      </c>
      <c r="BA19" s="116">
        <v>219744</v>
      </c>
      <c r="BB19" s="116">
        <v>272760</v>
      </c>
      <c r="BC19" s="115">
        <v>1376739</v>
      </c>
      <c r="BD19" s="118">
        <v>1434112</v>
      </c>
      <c r="BE19" s="112">
        <v>0</v>
      </c>
      <c r="BF19" s="116">
        <v>0</v>
      </c>
      <c r="BG19" s="114">
        <v>0</v>
      </c>
      <c r="BH19" s="113">
        <v>0</v>
      </c>
      <c r="BI19" s="116">
        <v>0</v>
      </c>
      <c r="BJ19" s="116">
        <v>24457</v>
      </c>
      <c r="BK19" s="116">
        <v>0</v>
      </c>
      <c r="BL19" s="116">
        <v>63402</v>
      </c>
      <c r="BM19" s="116">
        <v>16450</v>
      </c>
      <c r="BN19" s="115">
        <v>104309</v>
      </c>
      <c r="BO19" s="118">
        <v>104309</v>
      </c>
      <c r="BP19" s="112">
        <v>45432</v>
      </c>
      <c r="BQ19" s="116">
        <v>0</v>
      </c>
      <c r="BR19" s="115">
        <v>45432</v>
      </c>
      <c r="BS19" s="112">
        <v>0</v>
      </c>
      <c r="BT19" s="116">
        <v>103138</v>
      </c>
      <c r="BU19" s="116">
        <v>277632</v>
      </c>
      <c r="BV19" s="116">
        <v>175264</v>
      </c>
      <c r="BW19" s="116">
        <v>208392</v>
      </c>
      <c r="BX19" s="116">
        <v>239816</v>
      </c>
      <c r="BY19" s="115">
        <v>1004242</v>
      </c>
      <c r="BZ19" s="118">
        <v>1049674</v>
      </c>
      <c r="CA19" s="112">
        <v>0</v>
      </c>
      <c r="CB19" s="116">
        <v>39126</v>
      </c>
      <c r="CC19" s="115">
        <v>39126</v>
      </c>
      <c r="CD19" s="112">
        <v>0</v>
      </c>
      <c r="CE19" s="116">
        <v>446953</v>
      </c>
      <c r="CF19" s="116">
        <v>1016630</v>
      </c>
      <c r="CG19" s="116">
        <v>917173</v>
      </c>
      <c r="CH19" s="116">
        <v>565127</v>
      </c>
      <c r="CI19" s="116">
        <v>376394</v>
      </c>
      <c r="CJ19" s="115">
        <v>3322277</v>
      </c>
      <c r="CK19" s="118">
        <v>3361403</v>
      </c>
      <c r="CL19" s="112">
        <v>0</v>
      </c>
      <c r="CM19" s="116">
        <v>0</v>
      </c>
      <c r="CN19" s="115">
        <v>0</v>
      </c>
      <c r="CO19" s="113">
        <v>0</v>
      </c>
      <c r="CP19" s="116">
        <v>407696</v>
      </c>
      <c r="CQ19" s="116">
        <v>944311</v>
      </c>
      <c r="CR19" s="116">
        <v>764549</v>
      </c>
      <c r="CS19" s="116">
        <v>221478</v>
      </c>
      <c r="CT19" s="116">
        <v>376394</v>
      </c>
      <c r="CU19" s="115">
        <v>2714428</v>
      </c>
      <c r="CV19" s="118">
        <v>2714428</v>
      </c>
      <c r="CW19" s="112">
        <v>0</v>
      </c>
      <c r="CX19" s="116">
        <v>39126</v>
      </c>
      <c r="CY19" s="115">
        <v>39126</v>
      </c>
      <c r="CZ19" s="112">
        <v>0</v>
      </c>
      <c r="DA19" s="116">
        <v>39257</v>
      </c>
      <c r="DB19" s="116">
        <v>72319</v>
      </c>
      <c r="DC19" s="116">
        <v>152624</v>
      </c>
      <c r="DD19" s="116">
        <v>343649</v>
      </c>
      <c r="DE19" s="116">
        <v>0</v>
      </c>
      <c r="DF19" s="115">
        <v>607849</v>
      </c>
      <c r="DG19" s="118">
        <v>646975</v>
      </c>
      <c r="DH19" s="112">
        <v>0</v>
      </c>
      <c r="DI19" s="116">
        <v>0</v>
      </c>
      <c r="DJ19" s="114">
        <v>0</v>
      </c>
      <c r="DK19" s="113">
        <v>0</v>
      </c>
      <c r="DL19" s="116">
        <v>178056</v>
      </c>
      <c r="DM19" s="116">
        <v>277486</v>
      </c>
      <c r="DN19" s="116">
        <v>170372</v>
      </c>
      <c r="DO19" s="116">
        <v>686208</v>
      </c>
      <c r="DP19" s="116">
        <v>410888</v>
      </c>
      <c r="DQ19" s="115">
        <v>1723010</v>
      </c>
      <c r="DR19" s="118">
        <v>1723010</v>
      </c>
      <c r="DS19" s="112">
        <v>0</v>
      </c>
      <c r="DT19" s="116">
        <v>0</v>
      </c>
      <c r="DU19" s="115">
        <v>0</v>
      </c>
      <c r="DV19" s="112">
        <v>0</v>
      </c>
      <c r="DW19" s="116">
        <v>178056</v>
      </c>
      <c r="DX19" s="116">
        <v>211110</v>
      </c>
      <c r="DY19" s="116">
        <v>170372</v>
      </c>
      <c r="DZ19" s="116">
        <v>686208</v>
      </c>
      <c r="EA19" s="116">
        <v>410888</v>
      </c>
      <c r="EB19" s="115">
        <v>1656634</v>
      </c>
      <c r="EC19" s="118">
        <v>1656634</v>
      </c>
      <c r="ED19" s="112">
        <v>0</v>
      </c>
      <c r="EE19" s="114">
        <v>0</v>
      </c>
      <c r="EF19" s="115">
        <v>0</v>
      </c>
      <c r="EG19" s="112">
        <v>0</v>
      </c>
      <c r="EH19" s="116">
        <v>0</v>
      </c>
      <c r="EI19" s="116">
        <v>66376</v>
      </c>
      <c r="EJ19" s="116">
        <v>0</v>
      </c>
      <c r="EK19" s="116">
        <v>0</v>
      </c>
      <c r="EL19" s="116">
        <v>0</v>
      </c>
      <c r="EM19" s="114">
        <v>66376</v>
      </c>
      <c r="EN19" s="118">
        <v>66376</v>
      </c>
      <c r="EO19" s="112">
        <v>0</v>
      </c>
      <c r="EP19" s="116">
        <v>0</v>
      </c>
      <c r="EQ19" s="114">
        <v>0</v>
      </c>
      <c r="ER19" s="113">
        <v>0</v>
      </c>
      <c r="ES19" s="116">
        <v>0</v>
      </c>
      <c r="ET19" s="116">
        <v>0</v>
      </c>
      <c r="EU19" s="116">
        <v>0</v>
      </c>
      <c r="EV19" s="116">
        <v>0</v>
      </c>
      <c r="EW19" s="116">
        <v>0</v>
      </c>
      <c r="EX19" s="115">
        <v>0</v>
      </c>
      <c r="EY19" s="118">
        <v>0</v>
      </c>
      <c r="EZ19" s="112">
        <v>0</v>
      </c>
      <c r="FA19" s="116">
        <v>0</v>
      </c>
      <c r="FB19" s="114">
        <v>0</v>
      </c>
      <c r="FC19" s="390"/>
      <c r="FD19" s="116">
        <v>0</v>
      </c>
      <c r="FE19" s="116">
        <v>0</v>
      </c>
      <c r="FF19" s="116">
        <v>0</v>
      </c>
      <c r="FG19" s="116">
        <v>0</v>
      </c>
      <c r="FH19" s="116">
        <v>0</v>
      </c>
      <c r="FI19" s="115">
        <v>0</v>
      </c>
      <c r="FJ19" s="118">
        <v>0</v>
      </c>
      <c r="FK19" s="112">
        <v>14208</v>
      </c>
      <c r="FL19" s="116">
        <v>147128</v>
      </c>
      <c r="FM19" s="115">
        <v>161336</v>
      </c>
      <c r="FN19" s="112">
        <v>0</v>
      </c>
      <c r="FO19" s="116">
        <v>264896</v>
      </c>
      <c r="FP19" s="116">
        <v>377264</v>
      </c>
      <c r="FQ19" s="116">
        <v>273328</v>
      </c>
      <c r="FR19" s="116">
        <v>363576</v>
      </c>
      <c r="FS19" s="116">
        <v>127648</v>
      </c>
      <c r="FT19" s="115">
        <v>1406712</v>
      </c>
      <c r="FU19" s="118">
        <v>1568048</v>
      </c>
      <c r="FV19" s="117">
        <v>14208</v>
      </c>
      <c r="FW19" s="116">
        <v>59128</v>
      </c>
      <c r="FX19" s="114">
        <v>73336</v>
      </c>
      <c r="FY19" s="113">
        <v>0</v>
      </c>
      <c r="FZ19" s="116">
        <v>264896</v>
      </c>
      <c r="GA19" s="116">
        <v>377264</v>
      </c>
      <c r="GB19" s="116">
        <v>231728</v>
      </c>
      <c r="GC19" s="116">
        <v>349936</v>
      </c>
      <c r="GD19" s="116">
        <v>127648</v>
      </c>
      <c r="GE19" s="115">
        <v>1351472</v>
      </c>
      <c r="GF19" s="354">
        <v>1424808</v>
      </c>
      <c r="GG19" s="117">
        <v>0</v>
      </c>
      <c r="GH19" s="116">
        <v>0</v>
      </c>
      <c r="GI19" s="114">
        <v>0</v>
      </c>
      <c r="GJ19" s="113">
        <v>0</v>
      </c>
      <c r="GK19" s="116">
        <v>0</v>
      </c>
      <c r="GL19" s="116">
        <v>0</v>
      </c>
      <c r="GM19" s="116">
        <v>0</v>
      </c>
      <c r="GN19" s="116">
        <v>13640</v>
      </c>
      <c r="GO19" s="116">
        <v>0</v>
      </c>
      <c r="GP19" s="115">
        <v>13640</v>
      </c>
      <c r="GQ19" s="118">
        <v>13640</v>
      </c>
      <c r="GR19" s="112">
        <v>0</v>
      </c>
      <c r="GS19" s="116">
        <v>88000</v>
      </c>
      <c r="GT19" s="115">
        <v>88000</v>
      </c>
      <c r="GU19" s="112">
        <v>0</v>
      </c>
      <c r="GV19" s="116">
        <v>0</v>
      </c>
      <c r="GW19" s="116">
        <v>0</v>
      </c>
      <c r="GX19" s="116">
        <v>41600</v>
      </c>
      <c r="GY19" s="116">
        <v>0</v>
      </c>
      <c r="GZ19" s="116">
        <v>0</v>
      </c>
      <c r="HA19" s="114">
        <v>41600</v>
      </c>
      <c r="HB19" s="118">
        <v>129600</v>
      </c>
      <c r="HC19" s="112">
        <v>71525</v>
      </c>
      <c r="HD19" s="116">
        <v>0</v>
      </c>
      <c r="HE19" s="114">
        <v>71525</v>
      </c>
      <c r="HF19" s="113">
        <v>0</v>
      </c>
      <c r="HG19" s="116">
        <v>875259</v>
      </c>
      <c r="HH19" s="116">
        <v>1476706</v>
      </c>
      <c r="HI19" s="116">
        <v>687568</v>
      </c>
      <c r="HJ19" s="116">
        <v>1413076</v>
      </c>
      <c r="HK19" s="116">
        <v>1369543</v>
      </c>
      <c r="HL19" s="115">
        <v>5822152</v>
      </c>
      <c r="HM19" s="111">
        <v>5893677</v>
      </c>
      <c r="HN19" s="370"/>
      <c r="HO19" s="371"/>
      <c r="HP19" s="372"/>
      <c r="HQ19" s="373"/>
      <c r="HR19" s="371"/>
      <c r="HS19" s="371"/>
      <c r="HT19" s="371"/>
      <c r="HU19" s="371"/>
      <c r="HV19" s="371"/>
      <c r="HW19" s="374"/>
      <c r="HX19" s="375"/>
      <c r="HY19" s="148">
        <v>0</v>
      </c>
      <c r="HZ19" s="149">
        <v>0</v>
      </c>
      <c r="IA19" s="150">
        <v>0</v>
      </c>
      <c r="IB19" s="163">
        <v>0</v>
      </c>
      <c r="IC19" s="149">
        <v>709721</v>
      </c>
      <c r="ID19" s="164">
        <v>649124</v>
      </c>
      <c r="IE19" s="150">
        <v>996402</v>
      </c>
      <c r="IF19" s="149">
        <v>981754</v>
      </c>
      <c r="IG19" s="150">
        <v>91625</v>
      </c>
      <c r="IH19" s="165">
        <v>3428626</v>
      </c>
      <c r="II19" s="156">
        <v>3428626</v>
      </c>
      <c r="IJ19" s="261">
        <v>0</v>
      </c>
      <c r="IK19" s="268">
        <v>0</v>
      </c>
      <c r="IL19" s="269">
        <v>0</v>
      </c>
      <c r="IM19" s="157"/>
      <c r="IN19" s="122">
        <v>0</v>
      </c>
      <c r="IO19" s="122">
        <v>0</v>
      </c>
      <c r="IP19" s="122">
        <v>0</v>
      </c>
      <c r="IQ19" s="122">
        <v>0</v>
      </c>
      <c r="IR19" s="122">
        <v>0</v>
      </c>
      <c r="IS19" s="158">
        <v>0</v>
      </c>
      <c r="IT19" s="357">
        <v>0</v>
      </c>
      <c r="IU19" s="159">
        <v>0</v>
      </c>
      <c r="IV19" s="122">
        <v>0</v>
      </c>
      <c r="IW19" s="123">
        <v>0</v>
      </c>
      <c r="IX19" s="161"/>
      <c r="IY19" s="122">
        <v>0</v>
      </c>
      <c r="IZ19" s="122">
        <v>0</v>
      </c>
      <c r="JA19" s="122">
        <v>0</v>
      </c>
      <c r="JB19" s="122">
        <v>0</v>
      </c>
      <c r="JC19" s="122">
        <v>0</v>
      </c>
      <c r="JD19" s="123">
        <v>0</v>
      </c>
      <c r="JE19" s="124">
        <v>0</v>
      </c>
      <c r="JF19" s="159">
        <v>0</v>
      </c>
      <c r="JG19" s="122">
        <v>0</v>
      </c>
      <c r="JH19" s="158">
        <v>0</v>
      </c>
      <c r="JI19" s="121">
        <v>0</v>
      </c>
      <c r="JJ19" s="122">
        <v>349390</v>
      </c>
      <c r="JK19" s="122">
        <v>302002</v>
      </c>
      <c r="JL19" s="122">
        <v>166976</v>
      </c>
      <c r="JM19" s="122">
        <v>24637</v>
      </c>
      <c r="JN19" s="122">
        <v>91625</v>
      </c>
      <c r="JO19" s="123">
        <v>934630</v>
      </c>
      <c r="JP19" s="357">
        <v>934630</v>
      </c>
      <c r="JQ19" s="159">
        <v>0</v>
      </c>
      <c r="JR19" s="122">
        <v>0</v>
      </c>
      <c r="JS19" s="158">
        <v>0</v>
      </c>
      <c r="JT19" s="121">
        <v>0</v>
      </c>
      <c r="JU19" s="122">
        <v>0</v>
      </c>
      <c r="JV19" s="122">
        <v>0</v>
      </c>
      <c r="JW19" s="122">
        <v>366225</v>
      </c>
      <c r="JX19" s="122">
        <v>52173</v>
      </c>
      <c r="JY19" s="122">
        <v>0</v>
      </c>
      <c r="JZ19" s="123">
        <v>418398</v>
      </c>
      <c r="KA19" s="357">
        <v>418398</v>
      </c>
      <c r="KB19" s="264">
        <v>0</v>
      </c>
      <c r="KC19" s="258">
        <v>0</v>
      </c>
      <c r="KD19" s="123">
        <v>0</v>
      </c>
      <c r="KE19" s="121">
        <v>0</v>
      </c>
      <c r="KF19" s="122">
        <v>113628</v>
      </c>
      <c r="KG19" s="122">
        <v>347122</v>
      </c>
      <c r="KH19" s="122">
        <v>0</v>
      </c>
      <c r="KI19" s="122">
        <v>253204</v>
      </c>
      <c r="KJ19" s="122">
        <v>0</v>
      </c>
      <c r="KK19" s="123">
        <v>713954</v>
      </c>
      <c r="KL19" s="160">
        <v>713954</v>
      </c>
      <c r="KM19" s="261">
        <v>0</v>
      </c>
      <c r="KN19" s="268">
        <v>0</v>
      </c>
      <c r="KO19" s="269">
        <v>0</v>
      </c>
      <c r="KP19" s="157"/>
      <c r="KQ19" s="122">
        <v>246703</v>
      </c>
      <c r="KR19" s="122">
        <v>0</v>
      </c>
      <c r="KS19" s="122">
        <v>463201</v>
      </c>
      <c r="KT19" s="122">
        <v>457282</v>
      </c>
      <c r="KU19" s="122">
        <v>0</v>
      </c>
      <c r="KV19" s="123">
        <v>1167186</v>
      </c>
      <c r="KW19" s="357">
        <v>1167186</v>
      </c>
      <c r="KX19" s="159">
        <v>0</v>
      </c>
      <c r="KY19" s="122">
        <v>0</v>
      </c>
      <c r="KZ19" s="123">
        <v>0</v>
      </c>
      <c r="LA19" s="162"/>
      <c r="LB19" s="122">
        <v>0</v>
      </c>
      <c r="LC19" s="122">
        <v>0</v>
      </c>
      <c r="LD19" s="122">
        <v>0</v>
      </c>
      <c r="LE19" s="122">
        <v>194458</v>
      </c>
      <c r="LF19" s="122">
        <v>0</v>
      </c>
      <c r="LG19" s="123">
        <v>194458</v>
      </c>
      <c r="LH19" s="124">
        <v>194458</v>
      </c>
      <c r="LI19" s="159">
        <v>0</v>
      </c>
      <c r="LJ19" s="122">
        <v>0</v>
      </c>
      <c r="LK19" s="123">
        <v>0</v>
      </c>
      <c r="LL19" s="162"/>
      <c r="LM19" s="122">
        <v>0</v>
      </c>
      <c r="LN19" s="122">
        <v>0</v>
      </c>
      <c r="LO19" s="122">
        <v>0</v>
      </c>
      <c r="LP19" s="122">
        <v>0</v>
      </c>
      <c r="LQ19" s="122">
        <v>0</v>
      </c>
      <c r="LR19" s="123">
        <v>0</v>
      </c>
      <c r="LS19" s="357">
        <v>0</v>
      </c>
      <c r="LT19" s="159">
        <v>0</v>
      </c>
      <c r="LU19" s="122">
        <v>0</v>
      </c>
      <c r="LV19" s="123">
        <v>0</v>
      </c>
      <c r="LW19" s="162"/>
      <c r="LX19" s="122">
        <v>0</v>
      </c>
      <c r="LY19" s="122">
        <v>0</v>
      </c>
      <c r="LZ19" s="122">
        <v>0</v>
      </c>
      <c r="MA19" s="122">
        <v>0</v>
      </c>
      <c r="MB19" s="122">
        <v>0</v>
      </c>
      <c r="MC19" s="123">
        <v>0</v>
      </c>
      <c r="MD19" s="124">
        <v>0</v>
      </c>
      <c r="ME19" s="159">
        <v>0</v>
      </c>
      <c r="MF19" s="122">
        <v>0</v>
      </c>
      <c r="MG19" s="123">
        <v>0</v>
      </c>
      <c r="MH19" s="162"/>
      <c r="MI19" s="122">
        <v>392070</v>
      </c>
      <c r="MJ19" s="122">
        <v>535396</v>
      </c>
      <c r="MK19" s="122">
        <v>1332002</v>
      </c>
      <c r="ML19" s="122">
        <v>2274251</v>
      </c>
      <c r="MM19" s="122">
        <v>2151315</v>
      </c>
      <c r="MN19" s="123">
        <v>6685034</v>
      </c>
      <c r="MO19" s="160">
        <v>6685034</v>
      </c>
      <c r="MP19" s="159">
        <v>0</v>
      </c>
      <c r="MQ19" s="122">
        <v>0</v>
      </c>
      <c r="MR19" s="123">
        <v>0</v>
      </c>
      <c r="MS19" s="162"/>
      <c r="MT19" s="122">
        <v>0</v>
      </c>
      <c r="MU19" s="122">
        <v>0</v>
      </c>
      <c r="MV19" s="122">
        <v>441424</v>
      </c>
      <c r="MW19" s="122">
        <v>1688534</v>
      </c>
      <c r="MX19" s="122">
        <v>1278641</v>
      </c>
      <c r="MY19" s="123">
        <v>3408599</v>
      </c>
      <c r="MZ19" s="160">
        <v>3408599</v>
      </c>
      <c r="NA19" s="159">
        <v>0</v>
      </c>
      <c r="NB19" s="122">
        <v>0</v>
      </c>
      <c r="NC19" s="123">
        <v>0</v>
      </c>
      <c r="ND19" s="162"/>
      <c r="NE19" s="122">
        <v>392070</v>
      </c>
      <c r="NF19" s="122">
        <v>535396</v>
      </c>
      <c r="NG19" s="122">
        <v>890578</v>
      </c>
      <c r="NH19" s="122">
        <v>585717</v>
      </c>
      <c r="NI19" s="122">
        <v>872674</v>
      </c>
      <c r="NJ19" s="123">
        <v>3276435</v>
      </c>
      <c r="NK19" s="357">
        <v>3276435</v>
      </c>
      <c r="NL19" s="159">
        <v>0</v>
      </c>
      <c r="NM19" s="122">
        <v>0</v>
      </c>
      <c r="NN19" s="123">
        <v>0</v>
      </c>
      <c r="NO19" s="162"/>
      <c r="NP19" s="122">
        <v>0</v>
      </c>
      <c r="NQ19" s="122">
        <v>0</v>
      </c>
      <c r="NR19" s="122">
        <v>0</v>
      </c>
      <c r="NS19" s="122">
        <v>0</v>
      </c>
      <c r="NT19" s="122">
        <v>0</v>
      </c>
      <c r="NU19" s="123">
        <v>0</v>
      </c>
      <c r="NV19" s="124">
        <v>0</v>
      </c>
      <c r="NW19" s="159">
        <v>0</v>
      </c>
      <c r="NX19" s="122">
        <v>0</v>
      </c>
      <c r="NY19" s="123">
        <v>0</v>
      </c>
      <c r="NZ19" s="162"/>
      <c r="OA19" s="122">
        <v>0</v>
      </c>
      <c r="OB19" s="122">
        <v>0</v>
      </c>
      <c r="OC19" s="122">
        <v>0</v>
      </c>
      <c r="OD19" s="122">
        <v>0</v>
      </c>
      <c r="OE19" s="122">
        <v>0</v>
      </c>
      <c r="OF19" s="123">
        <v>0</v>
      </c>
      <c r="OG19" s="124">
        <v>0</v>
      </c>
      <c r="OH19" s="159">
        <v>177456</v>
      </c>
      <c r="OI19" s="122">
        <v>197336</v>
      </c>
      <c r="OJ19" s="158">
        <v>374792</v>
      </c>
      <c r="OK19" s="121">
        <v>0</v>
      </c>
      <c r="OL19" s="122">
        <v>3650748</v>
      </c>
      <c r="OM19" s="122">
        <v>6264721</v>
      </c>
      <c r="ON19" s="122">
        <v>5361814</v>
      </c>
      <c r="OO19" s="122">
        <v>8110019</v>
      </c>
      <c r="OP19" s="122">
        <v>6284152</v>
      </c>
      <c r="OQ19" s="123">
        <v>29671454</v>
      </c>
      <c r="OR19" s="160">
        <v>30046246</v>
      </c>
    </row>
    <row r="20" spans="1:408" ht="20.25" customHeight="1" x14ac:dyDescent="0.2">
      <c r="A20" s="129" t="s">
        <v>15</v>
      </c>
      <c r="B20" s="112">
        <v>216242</v>
      </c>
      <c r="C20" s="116">
        <v>217672</v>
      </c>
      <c r="D20" s="115">
        <v>433914</v>
      </c>
      <c r="E20" s="111">
        <v>0</v>
      </c>
      <c r="F20" s="116">
        <v>1053291</v>
      </c>
      <c r="G20" s="116">
        <v>1698550</v>
      </c>
      <c r="H20" s="116">
        <v>1742273</v>
      </c>
      <c r="I20" s="116">
        <v>1453555</v>
      </c>
      <c r="J20" s="116">
        <v>757730</v>
      </c>
      <c r="K20" s="111">
        <v>6705399</v>
      </c>
      <c r="L20" s="118">
        <v>7139313</v>
      </c>
      <c r="M20" s="112">
        <v>57312</v>
      </c>
      <c r="N20" s="116">
        <v>5872</v>
      </c>
      <c r="O20" s="115">
        <v>63184</v>
      </c>
      <c r="P20" s="112">
        <v>0</v>
      </c>
      <c r="Q20" s="116">
        <v>179724</v>
      </c>
      <c r="R20" s="116">
        <v>783391</v>
      </c>
      <c r="S20" s="116">
        <v>398114</v>
      </c>
      <c r="T20" s="116">
        <v>626988</v>
      </c>
      <c r="U20" s="116">
        <v>455638</v>
      </c>
      <c r="V20" s="115">
        <v>2443855</v>
      </c>
      <c r="W20" s="118">
        <v>2507039</v>
      </c>
      <c r="X20" s="112">
        <v>0</v>
      </c>
      <c r="Y20" s="116">
        <v>0</v>
      </c>
      <c r="Z20" s="115">
        <v>0</v>
      </c>
      <c r="AA20" s="112">
        <v>0</v>
      </c>
      <c r="AB20" s="116">
        <v>75882</v>
      </c>
      <c r="AC20" s="116">
        <v>346009</v>
      </c>
      <c r="AD20" s="116">
        <v>311754</v>
      </c>
      <c r="AE20" s="116">
        <v>183715</v>
      </c>
      <c r="AF20" s="116">
        <v>281904</v>
      </c>
      <c r="AG20" s="115">
        <v>1199264</v>
      </c>
      <c r="AH20" s="118">
        <v>1199264</v>
      </c>
      <c r="AI20" s="112">
        <v>0</v>
      </c>
      <c r="AJ20" s="116">
        <v>0</v>
      </c>
      <c r="AK20" s="115">
        <v>0</v>
      </c>
      <c r="AL20" s="112">
        <v>0</v>
      </c>
      <c r="AM20" s="116">
        <v>0</v>
      </c>
      <c r="AN20" s="116">
        <v>0</v>
      </c>
      <c r="AO20" s="116">
        <v>0</v>
      </c>
      <c r="AP20" s="116">
        <v>233212</v>
      </c>
      <c r="AQ20" s="116">
        <v>73656</v>
      </c>
      <c r="AR20" s="115">
        <v>306868</v>
      </c>
      <c r="AS20" s="118">
        <v>306868</v>
      </c>
      <c r="AT20" s="112">
        <v>35488</v>
      </c>
      <c r="AU20" s="116">
        <v>0</v>
      </c>
      <c r="AV20" s="115">
        <v>35488</v>
      </c>
      <c r="AW20" s="112">
        <v>0</v>
      </c>
      <c r="AX20" s="116">
        <v>23959</v>
      </c>
      <c r="AY20" s="116">
        <v>299831</v>
      </c>
      <c r="AZ20" s="116">
        <v>0</v>
      </c>
      <c r="BA20" s="116">
        <v>170693</v>
      </c>
      <c r="BB20" s="116">
        <v>35138</v>
      </c>
      <c r="BC20" s="115">
        <v>529621</v>
      </c>
      <c r="BD20" s="118">
        <v>565109</v>
      </c>
      <c r="BE20" s="112">
        <v>0</v>
      </c>
      <c r="BF20" s="116">
        <v>0</v>
      </c>
      <c r="BG20" s="114">
        <v>0</v>
      </c>
      <c r="BH20" s="113">
        <v>0</v>
      </c>
      <c r="BI20" s="116">
        <v>21707</v>
      </c>
      <c r="BJ20" s="116">
        <v>31039</v>
      </c>
      <c r="BK20" s="116">
        <v>0</v>
      </c>
      <c r="BL20" s="116">
        <v>0</v>
      </c>
      <c r="BM20" s="116">
        <v>56476</v>
      </c>
      <c r="BN20" s="115">
        <v>109222</v>
      </c>
      <c r="BO20" s="118">
        <v>109222</v>
      </c>
      <c r="BP20" s="112">
        <v>21824</v>
      </c>
      <c r="BQ20" s="116">
        <v>5872</v>
      </c>
      <c r="BR20" s="115">
        <v>27696</v>
      </c>
      <c r="BS20" s="112">
        <v>0</v>
      </c>
      <c r="BT20" s="116">
        <v>58176</v>
      </c>
      <c r="BU20" s="116">
        <v>106512</v>
      </c>
      <c r="BV20" s="116">
        <v>86360</v>
      </c>
      <c r="BW20" s="116">
        <v>39368</v>
      </c>
      <c r="BX20" s="116">
        <v>8464</v>
      </c>
      <c r="BY20" s="115">
        <v>298880</v>
      </c>
      <c r="BZ20" s="118">
        <v>326576</v>
      </c>
      <c r="CA20" s="112">
        <v>0</v>
      </c>
      <c r="CB20" s="116">
        <v>0</v>
      </c>
      <c r="CC20" s="115">
        <v>0</v>
      </c>
      <c r="CD20" s="112">
        <v>0</v>
      </c>
      <c r="CE20" s="116">
        <v>153525</v>
      </c>
      <c r="CF20" s="116">
        <v>237087</v>
      </c>
      <c r="CG20" s="116">
        <v>242877</v>
      </c>
      <c r="CH20" s="116">
        <v>158721</v>
      </c>
      <c r="CI20" s="116">
        <v>0</v>
      </c>
      <c r="CJ20" s="115">
        <v>792210</v>
      </c>
      <c r="CK20" s="118">
        <v>792210</v>
      </c>
      <c r="CL20" s="112">
        <v>0</v>
      </c>
      <c r="CM20" s="116">
        <v>0</v>
      </c>
      <c r="CN20" s="115">
        <v>0</v>
      </c>
      <c r="CO20" s="113">
        <v>0</v>
      </c>
      <c r="CP20" s="116">
        <v>26552</v>
      </c>
      <c r="CQ20" s="116">
        <v>213536</v>
      </c>
      <c r="CR20" s="116">
        <v>167463</v>
      </c>
      <c r="CS20" s="116">
        <v>148012</v>
      </c>
      <c r="CT20" s="116">
        <v>0</v>
      </c>
      <c r="CU20" s="115">
        <v>555563</v>
      </c>
      <c r="CV20" s="118">
        <v>555563</v>
      </c>
      <c r="CW20" s="112">
        <v>0</v>
      </c>
      <c r="CX20" s="116">
        <v>0</v>
      </c>
      <c r="CY20" s="115">
        <v>0</v>
      </c>
      <c r="CZ20" s="112">
        <v>0</v>
      </c>
      <c r="DA20" s="116">
        <v>126973</v>
      </c>
      <c r="DB20" s="116">
        <v>23551</v>
      </c>
      <c r="DC20" s="116">
        <v>75414</v>
      </c>
      <c r="DD20" s="116">
        <v>10709</v>
      </c>
      <c r="DE20" s="116">
        <v>0</v>
      </c>
      <c r="DF20" s="115">
        <v>236647</v>
      </c>
      <c r="DG20" s="118">
        <v>236647</v>
      </c>
      <c r="DH20" s="112">
        <v>0</v>
      </c>
      <c r="DI20" s="116">
        <v>0</v>
      </c>
      <c r="DJ20" s="114">
        <v>0</v>
      </c>
      <c r="DK20" s="113">
        <v>0</v>
      </c>
      <c r="DL20" s="116">
        <v>0</v>
      </c>
      <c r="DM20" s="116">
        <v>0</v>
      </c>
      <c r="DN20" s="116">
        <v>126877</v>
      </c>
      <c r="DO20" s="116">
        <v>290347</v>
      </c>
      <c r="DP20" s="116">
        <v>0</v>
      </c>
      <c r="DQ20" s="115">
        <v>417224</v>
      </c>
      <c r="DR20" s="118">
        <v>417224</v>
      </c>
      <c r="DS20" s="112">
        <v>0</v>
      </c>
      <c r="DT20" s="116">
        <v>0</v>
      </c>
      <c r="DU20" s="115">
        <v>0</v>
      </c>
      <c r="DV20" s="112">
        <v>0</v>
      </c>
      <c r="DW20" s="116">
        <v>0</v>
      </c>
      <c r="DX20" s="116">
        <v>0</v>
      </c>
      <c r="DY20" s="116">
        <v>126877</v>
      </c>
      <c r="DZ20" s="116">
        <v>290347</v>
      </c>
      <c r="EA20" s="116">
        <v>0</v>
      </c>
      <c r="EB20" s="115">
        <v>417224</v>
      </c>
      <c r="EC20" s="118">
        <v>417224</v>
      </c>
      <c r="ED20" s="112">
        <v>0</v>
      </c>
      <c r="EE20" s="114">
        <v>0</v>
      </c>
      <c r="EF20" s="115">
        <v>0</v>
      </c>
      <c r="EG20" s="112">
        <v>0</v>
      </c>
      <c r="EH20" s="116">
        <v>0</v>
      </c>
      <c r="EI20" s="116">
        <v>0</v>
      </c>
      <c r="EJ20" s="116">
        <v>0</v>
      </c>
      <c r="EK20" s="116">
        <v>0</v>
      </c>
      <c r="EL20" s="116">
        <v>0</v>
      </c>
      <c r="EM20" s="114">
        <v>0</v>
      </c>
      <c r="EN20" s="118">
        <v>0</v>
      </c>
      <c r="EO20" s="112">
        <v>0</v>
      </c>
      <c r="EP20" s="116">
        <v>0</v>
      </c>
      <c r="EQ20" s="114">
        <v>0</v>
      </c>
      <c r="ER20" s="113">
        <v>0</v>
      </c>
      <c r="ES20" s="116">
        <v>0</v>
      </c>
      <c r="ET20" s="116">
        <v>0</v>
      </c>
      <c r="EU20" s="116">
        <v>0</v>
      </c>
      <c r="EV20" s="116">
        <v>0</v>
      </c>
      <c r="EW20" s="116">
        <v>0</v>
      </c>
      <c r="EX20" s="115">
        <v>0</v>
      </c>
      <c r="EY20" s="118">
        <v>0</v>
      </c>
      <c r="EZ20" s="112">
        <v>0</v>
      </c>
      <c r="FA20" s="116">
        <v>0</v>
      </c>
      <c r="FB20" s="114">
        <v>0</v>
      </c>
      <c r="FC20" s="390"/>
      <c r="FD20" s="116">
        <v>0</v>
      </c>
      <c r="FE20" s="116">
        <v>0</v>
      </c>
      <c r="FF20" s="116">
        <v>0</v>
      </c>
      <c r="FG20" s="116">
        <v>0</v>
      </c>
      <c r="FH20" s="116">
        <v>0</v>
      </c>
      <c r="FI20" s="115">
        <v>0</v>
      </c>
      <c r="FJ20" s="118">
        <v>0</v>
      </c>
      <c r="FK20" s="112">
        <v>1600</v>
      </c>
      <c r="FL20" s="116">
        <v>38000</v>
      </c>
      <c r="FM20" s="115">
        <v>39600</v>
      </c>
      <c r="FN20" s="112">
        <v>0</v>
      </c>
      <c r="FO20" s="116">
        <v>20240</v>
      </c>
      <c r="FP20" s="116">
        <v>192608</v>
      </c>
      <c r="FQ20" s="116">
        <v>80016</v>
      </c>
      <c r="FR20" s="116">
        <v>156408</v>
      </c>
      <c r="FS20" s="116">
        <v>94104</v>
      </c>
      <c r="FT20" s="115">
        <v>543376</v>
      </c>
      <c r="FU20" s="118">
        <v>582976</v>
      </c>
      <c r="FV20" s="117">
        <v>1600</v>
      </c>
      <c r="FW20" s="116">
        <v>38000</v>
      </c>
      <c r="FX20" s="114">
        <v>39600</v>
      </c>
      <c r="FY20" s="113">
        <v>0</v>
      </c>
      <c r="FZ20" s="116">
        <v>20240</v>
      </c>
      <c r="GA20" s="116">
        <v>192608</v>
      </c>
      <c r="GB20" s="116">
        <v>68176</v>
      </c>
      <c r="GC20" s="116">
        <v>156408</v>
      </c>
      <c r="GD20" s="116">
        <v>94104</v>
      </c>
      <c r="GE20" s="115">
        <v>531536</v>
      </c>
      <c r="GF20" s="354">
        <v>571136</v>
      </c>
      <c r="GG20" s="117">
        <v>0</v>
      </c>
      <c r="GH20" s="116">
        <v>0</v>
      </c>
      <c r="GI20" s="114">
        <v>0</v>
      </c>
      <c r="GJ20" s="113">
        <v>0</v>
      </c>
      <c r="GK20" s="116">
        <v>0</v>
      </c>
      <c r="GL20" s="116">
        <v>0</v>
      </c>
      <c r="GM20" s="116">
        <v>11840</v>
      </c>
      <c r="GN20" s="116">
        <v>0</v>
      </c>
      <c r="GO20" s="116">
        <v>0</v>
      </c>
      <c r="GP20" s="115">
        <v>11840</v>
      </c>
      <c r="GQ20" s="118">
        <v>11840</v>
      </c>
      <c r="GR20" s="112">
        <v>0</v>
      </c>
      <c r="GS20" s="116">
        <v>0</v>
      </c>
      <c r="GT20" s="115">
        <v>0</v>
      </c>
      <c r="GU20" s="112">
        <v>0</v>
      </c>
      <c r="GV20" s="116">
        <v>0</v>
      </c>
      <c r="GW20" s="116">
        <v>0</v>
      </c>
      <c r="GX20" s="116">
        <v>0</v>
      </c>
      <c r="GY20" s="116">
        <v>0</v>
      </c>
      <c r="GZ20" s="116">
        <v>0</v>
      </c>
      <c r="HA20" s="114">
        <v>0</v>
      </c>
      <c r="HB20" s="118">
        <v>0</v>
      </c>
      <c r="HC20" s="112">
        <v>157330</v>
      </c>
      <c r="HD20" s="116">
        <v>173800</v>
      </c>
      <c r="HE20" s="114">
        <v>331130</v>
      </c>
      <c r="HF20" s="113">
        <v>0</v>
      </c>
      <c r="HG20" s="116">
        <v>699802</v>
      </c>
      <c r="HH20" s="116">
        <v>485464</v>
      </c>
      <c r="HI20" s="116">
        <v>894389</v>
      </c>
      <c r="HJ20" s="116">
        <v>221091</v>
      </c>
      <c r="HK20" s="116">
        <v>207988</v>
      </c>
      <c r="HL20" s="115">
        <v>2508734</v>
      </c>
      <c r="HM20" s="111">
        <v>2839864</v>
      </c>
      <c r="HN20" s="370"/>
      <c r="HO20" s="371"/>
      <c r="HP20" s="372"/>
      <c r="HQ20" s="373"/>
      <c r="HR20" s="371"/>
      <c r="HS20" s="371"/>
      <c r="HT20" s="371"/>
      <c r="HU20" s="371"/>
      <c r="HV20" s="371"/>
      <c r="HW20" s="374"/>
      <c r="HX20" s="375"/>
      <c r="HY20" s="167">
        <v>0</v>
      </c>
      <c r="HZ20" s="152">
        <v>0</v>
      </c>
      <c r="IA20" s="167">
        <v>0</v>
      </c>
      <c r="IB20" s="151">
        <v>0</v>
      </c>
      <c r="IC20" s="152">
        <v>558117</v>
      </c>
      <c r="ID20" s="153">
        <v>1158371</v>
      </c>
      <c r="IE20" s="154">
        <v>70196</v>
      </c>
      <c r="IF20" s="152">
        <v>818959</v>
      </c>
      <c r="IG20" s="154">
        <v>81937</v>
      </c>
      <c r="IH20" s="155">
        <v>2687580</v>
      </c>
      <c r="II20" s="167">
        <v>2687580</v>
      </c>
      <c r="IJ20" s="261">
        <v>0</v>
      </c>
      <c r="IK20" s="268">
        <v>0</v>
      </c>
      <c r="IL20" s="269">
        <v>0</v>
      </c>
      <c r="IM20" s="157"/>
      <c r="IN20" s="122">
        <v>0</v>
      </c>
      <c r="IO20" s="122">
        <v>0</v>
      </c>
      <c r="IP20" s="122">
        <v>0</v>
      </c>
      <c r="IQ20" s="122">
        <v>0</v>
      </c>
      <c r="IR20" s="122">
        <v>0</v>
      </c>
      <c r="IS20" s="158">
        <v>0</v>
      </c>
      <c r="IT20" s="357">
        <v>0</v>
      </c>
      <c r="IU20" s="159">
        <v>0</v>
      </c>
      <c r="IV20" s="122">
        <v>0</v>
      </c>
      <c r="IW20" s="123">
        <v>0</v>
      </c>
      <c r="IX20" s="161"/>
      <c r="IY20" s="122">
        <v>0</v>
      </c>
      <c r="IZ20" s="122">
        <v>0</v>
      </c>
      <c r="JA20" s="122">
        <v>0</v>
      </c>
      <c r="JB20" s="122">
        <v>0</v>
      </c>
      <c r="JC20" s="122">
        <v>0</v>
      </c>
      <c r="JD20" s="123">
        <v>0</v>
      </c>
      <c r="JE20" s="124">
        <v>0</v>
      </c>
      <c r="JF20" s="159">
        <v>0</v>
      </c>
      <c r="JG20" s="122">
        <v>0</v>
      </c>
      <c r="JH20" s="158">
        <v>0</v>
      </c>
      <c r="JI20" s="121">
        <v>0</v>
      </c>
      <c r="JJ20" s="122">
        <v>150711</v>
      </c>
      <c r="JK20" s="122">
        <v>341620</v>
      </c>
      <c r="JL20" s="122">
        <v>70196</v>
      </c>
      <c r="JM20" s="122">
        <v>86941</v>
      </c>
      <c r="JN20" s="122">
        <v>81937</v>
      </c>
      <c r="JO20" s="123">
        <v>731405</v>
      </c>
      <c r="JP20" s="357">
        <v>731405</v>
      </c>
      <c r="JQ20" s="159">
        <v>0</v>
      </c>
      <c r="JR20" s="122">
        <v>0</v>
      </c>
      <c r="JS20" s="158">
        <v>0</v>
      </c>
      <c r="JT20" s="121">
        <v>0</v>
      </c>
      <c r="JU20" s="122">
        <v>0</v>
      </c>
      <c r="JV20" s="122">
        <v>65359</v>
      </c>
      <c r="JW20" s="122">
        <v>0</v>
      </c>
      <c r="JX20" s="122">
        <v>0</v>
      </c>
      <c r="JY20" s="122">
        <v>0</v>
      </c>
      <c r="JZ20" s="123">
        <v>65359</v>
      </c>
      <c r="KA20" s="357">
        <v>65359</v>
      </c>
      <c r="KB20" s="264">
        <v>0</v>
      </c>
      <c r="KC20" s="258">
        <v>0</v>
      </c>
      <c r="KD20" s="123">
        <v>0</v>
      </c>
      <c r="KE20" s="121">
        <v>0</v>
      </c>
      <c r="KF20" s="122">
        <v>0</v>
      </c>
      <c r="KG20" s="122">
        <v>324146</v>
      </c>
      <c r="KH20" s="122">
        <v>0</v>
      </c>
      <c r="KI20" s="122">
        <v>499301</v>
      </c>
      <c r="KJ20" s="122">
        <v>0</v>
      </c>
      <c r="KK20" s="123">
        <v>823447</v>
      </c>
      <c r="KL20" s="160">
        <v>823447</v>
      </c>
      <c r="KM20" s="261">
        <v>0</v>
      </c>
      <c r="KN20" s="268">
        <v>0</v>
      </c>
      <c r="KO20" s="269">
        <v>0</v>
      </c>
      <c r="KP20" s="157"/>
      <c r="KQ20" s="122">
        <v>407406</v>
      </c>
      <c r="KR20" s="122">
        <v>427246</v>
      </c>
      <c r="KS20" s="122">
        <v>0</v>
      </c>
      <c r="KT20" s="122">
        <v>232717</v>
      </c>
      <c r="KU20" s="122">
        <v>0</v>
      </c>
      <c r="KV20" s="123">
        <v>1067369</v>
      </c>
      <c r="KW20" s="357">
        <v>1067369</v>
      </c>
      <c r="KX20" s="159">
        <v>0</v>
      </c>
      <c r="KY20" s="122">
        <v>0</v>
      </c>
      <c r="KZ20" s="123">
        <v>0</v>
      </c>
      <c r="LA20" s="162"/>
      <c r="LB20" s="122">
        <v>0</v>
      </c>
      <c r="LC20" s="122">
        <v>0</v>
      </c>
      <c r="LD20" s="122">
        <v>0</v>
      </c>
      <c r="LE20" s="122">
        <v>0</v>
      </c>
      <c r="LF20" s="122">
        <v>0</v>
      </c>
      <c r="LG20" s="123">
        <v>0</v>
      </c>
      <c r="LH20" s="124">
        <v>0</v>
      </c>
      <c r="LI20" s="159">
        <v>0</v>
      </c>
      <c r="LJ20" s="122">
        <v>0</v>
      </c>
      <c r="LK20" s="123">
        <v>0</v>
      </c>
      <c r="LL20" s="162"/>
      <c r="LM20" s="122">
        <v>0</v>
      </c>
      <c r="LN20" s="122">
        <v>0</v>
      </c>
      <c r="LO20" s="122">
        <v>0</v>
      </c>
      <c r="LP20" s="122">
        <v>0</v>
      </c>
      <c r="LQ20" s="122">
        <v>0</v>
      </c>
      <c r="LR20" s="123">
        <v>0</v>
      </c>
      <c r="LS20" s="357">
        <v>0</v>
      </c>
      <c r="LT20" s="159">
        <v>0</v>
      </c>
      <c r="LU20" s="122">
        <v>0</v>
      </c>
      <c r="LV20" s="123">
        <v>0</v>
      </c>
      <c r="LW20" s="162"/>
      <c r="LX20" s="122">
        <v>0</v>
      </c>
      <c r="LY20" s="122">
        <v>0</v>
      </c>
      <c r="LZ20" s="122">
        <v>0</v>
      </c>
      <c r="MA20" s="122">
        <v>0</v>
      </c>
      <c r="MB20" s="122">
        <v>0</v>
      </c>
      <c r="MC20" s="123">
        <v>0</v>
      </c>
      <c r="MD20" s="124">
        <v>0</v>
      </c>
      <c r="ME20" s="159">
        <v>0</v>
      </c>
      <c r="MF20" s="122">
        <v>0</v>
      </c>
      <c r="MG20" s="123">
        <v>0</v>
      </c>
      <c r="MH20" s="162"/>
      <c r="MI20" s="122">
        <v>431864</v>
      </c>
      <c r="MJ20" s="122">
        <v>214065</v>
      </c>
      <c r="MK20" s="122">
        <v>912187</v>
      </c>
      <c r="ML20" s="122">
        <v>1124175</v>
      </c>
      <c r="MM20" s="122">
        <v>536782</v>
      </c>
      <c r="MN20" s="123">
        <v>3219073</v>
      </c>
      <c r="MO20" s="160">
        <v>3219073</v>
      </c>
      <c r="MP20" s="159">
        <v>0</v>
      </c>
      <c r="MQ20" s="122">
        <v>0</v>
      </c>
      <c r="MR20" s="123">
        <v>0</v>
      </c>
      <c r="MS20" s="162"/>
      <c r="MT20" s="122">
        <v>0</v>
      </c>
      <c r="MU20" s="122">
        <v>0</v>
      </c>
      <c r="MV20" s="122">
        <v>655931</v>
      </c>
      <c r="MW20" s="122">
        <v>443899</v>
      </c>
      <c r="MX20" s="122">
        <v>0</v>
      </c>
      <c r="MY20" s="123">
        <v>1099830</v>
      </c>
      <c r="MZ20" s="160">
        <v>1099830</v>
      </c>
      <c r="NA20" s="159">
        <v>0</v>
      </c>
      <c r="NB20" s="122">
        <v>0</v>
      </c>
      <c r="NC20" s="123">
        <v>0</v>
      </c>
      <c r="ND20" s="162"/>
      <c r="NE20" s="122">
        <v>431864</v>
      </c>
      <c r="NF20" s="122">
        <v>214065</v>
      </c>
      <c r="NG20" s="122">
        <v>256256</v>
      </c>
      <c r="NH20" s="122">
        <v>680276</v>
      </c>
      <c r="NI20" s="122">
        <v>536782</v>
      </c>
      <c r="NJ20" s="123">
        <v>2119243</v>
      </c>
      <c r="NK20" s="357">
        <v>2119243</v>
      </c>
      <c r="NL20" s="159">
        <v>0</v>
      </c>
      <c r="NM20" s="122">
        <v>0</v>
      </c>
      <c r="NN20" s="123">
        <v>0</v>
      </c>
      <c r="NO20" s="162"/>
      <c r="NP20" s="122">
        <v>0</v>
      </c>
      <c r="NQ20" s="122">
        <v>0</v>
      </c>
      <c r="NR20" s="122">
        <v>0</v>
      </c>
      <c r="NS20" s="122">
        <v>0</v>
      </c>
      <c r="NT20" s="122">
        <v>0</v>
      </c>
      <c r="NU20" s="123">
        <v>0</v>
      </c>
      <c r="NV20" s="124">
        <v>0</v>
      </c>
      <c r="NW20" s="159">
        <v>0</v>
      </c>
      <c r="NX20" s="122">
        <v>0</v>
      </c>
      <c r="NY20" s="123">
        <v>0</v>
      </c>
      <c r="NZ20" s="162"/>
      <c r="OA20" s="122">
        <v>0</v>
      </c>
      <c r="OB20" s="122">
        <v>0</v>
      </c>
      <c r="OC20" s="122">
        <v>0</v>
      </c>
      <c r="OD20" s="122">
        <v>0</v>
      </c>
      <c r="OE20" s="122">
        <v>0</v>
      </c>
      <c r="OF20" s="123">
        <v>0</v>
      </c>
      <c r="OG20" s="124">
        <v>0</v>
      </c>
      <c r="OH20" s="159">
        <v>216242</v>
      </c>
      <c r="OI20" s="122">
        <v>217672</v>
      </c>
      <c r="OJ20" s="158">
        <v>433914</v>
      </c>
      <c r="OK20" s="121">
        <v>0</v>
      </c>
      <c r="OL20" s="122">
        <v>2043272</v>
      </c>
      <c r="OM20" s="122">
        <v>3070986</v>
      </c>
      <c r="ON20" s="122">
        <v>2724656</v>
      </c>
      <c r="OO20" s="122">
        <v>3396689</v>
      </c>
      <c r="OP20" s="122">
        <v>1376449</v>
      </c>
      <c r="OQ20" s="123">
        <v>12612052</v>
      </c>
      <c r="OR20" s="160">
        <v>13045966</v>
      </c>
    </row>
    <row r="21" spans="1:408" ht="20.25" customHeight="1" x14ac:dyDescent="0.2">
      <c r="A21" s="129" t="s">
        <v>16</v>
      </c>
      <c r="B21" s="112">
        <v>261335</v>
      </c>
      <c r="C21" s="116">
        <v>542726</v>
      </c>
      <c r="D21" s="115">
        <v>804061</v>
      </c>
      <c r="E21" s="111">
        <v>0</v>
      </c>
      <c r="F21" s="116">
        <v>4148131</v>
      </c>
      <c r="G21" s="116">
        <v>7015464</v>
      </c>
      <c r="H21" s="116">
        <v>4818695</v>
      </c>
      <c r="I21" s="116">
        <v>5286196</v>
      </c>
      <c r="J21" s="116">
        <v>2838527</v>
      </c>
      <c r="K21" s="111">
        <v>24107013</v>
      </c>
      <c r="L21" s="118">
        <v>24911074</v>
      </c>
      <c r="M21" s="112">
        <v>49740</v>
      </c>
      <c r="N21" s="116">
        <v>78918</v>
      </c>
      <c r="O21" s="115">
        <v>128658</v>
      </c>
      <c r="P21" s="112">
        <v>0</v>
      </c>
      <c r="Q21" s="116">
        <v>790242</v>
      </c>
      <c r="R21" s="116">
        <v>1386446</v>
      </c>
      <c r="S21" s="116">
        <v>1096093</v>
      </c>
      <c r="T21" s="116">
        <v>1179800</v>
      </c>
      <c r="U21" s="116">
        <v>982005</v>
      </c>
      <c r="V21" s="115">
        <v>5434586</v>
      </c>
      <c r="W21" s="118">
        <v>5563244</v>
      </c>
      <c r="X21" s="112">
        <v>0</v>
      </c>
      <c r="Y21" s="116">
        <v>0</v>
      </c>
      <c r="Z21" s="115">
        <v>0</v>
      </c>
      <c r="AA21" s="112">
        <v>0</v>
      </c>
      <c r="AB21" s="116">
        <v>207920</v>
      </c>
      <c r="AC21" s="116">
        <v>265871</v>
      </c>
      <c r="AD21" s="116">
        <v>307547</v>
      </c>
      <c r="AE21" s="116">
        <v>650251</v>
      </c>
      <c r="AF21" s="116">
        <v>302110</v>
      </c>
      <c r="AG21" s="115">
        <v>1733699</v>
      </c>
      <c r="AH21" s="118">
        <v>1733699</v>
      </c>
      <c r="AI21" s="112">
        <v>0</v>
      </c>
      <c r="AJ21" s="116">
        <v>0</v>
      </c>
      <c r="AK21" s="115">
        <v>0</v>
      </c>
      <c r="AL21" s="112">
        <v>0</v>
      </c>
      <c r="AM21" s="116">
        <v>0</v>
      </c>
      <c r="AN21" s="116">
        <v>0</v>
      </c>
      <c r="AO21" s="116">
        <v>0</v>
      </c>
      <c r="AP21" s="116">
        <v>0</v>
      </c>
      <c r="AQ21" s="116">
        <v>171089</v>
      </c>
      <c r="AR21" s="115">
        <v>171089</v>
      </c>
      <c r="AS21" s="118">
        <v>171089</v>
      </c>
      <c r="AT21" s="112">
        <v>31660</v>
      </c>
      <c r="AU21" s="116">
        <v>55190</v>
      </c>
      <c r="AV21" s="115">
        <v>86850</v>
      </c>
      <c r="AW21" s="112">
        <v>0</v>
      </c>
      <c r="AX21" s="116">
        <v>331858</v>
      </c>
      <c r="AY21" s="116">
        <v>886487</v>
      </c>
      <c r="AZ21" s="116">
        <v>468038</v>
      </c>
      <c r="BA21" s="116">
        <v>232789</v>
      </c>
      <c r="BB21" s="116">
        <v>348334</v>
      </c>
      <c r="BC21" s="115">
        <v>2267506</v>
      </c>
      <c r="BD21" s="118">
        <v>2354356</v>
      </c>
      <c r="BE21" s="112">
        <v>0</v>
      </c>
      <c r="BF21" s="116">
        <v>0</v>
      </c>
      <c r="BG21" s="114">
        <v>0</v>
      </c>
      <c r="BH21" s="113">
        <v>0</v>
      </c>
      <c r="BI21" s="116">
        <v>0</v>
      </c>
      <c r="BJ21" s="116">
        <v>31600</v>
      </c>
      <c r="BK21" s="116">
        <v>55300</v>
      </c>
      <c r="BL21" s="116">
        <v>0</v>
      </c>
      <c r="BM21" s="116">
        <v>31600</v>
      </c>
      <c r="BN21" s="115">
        <v>118500</v>
      </c>
      <c r="BO21" s="118">
        <v>118500</v>
      </c>
      <c r="BP21" s="112">
        <v>18080</v>
      </c>
      <c r="BQ21" s="116">
        <v>23728</v>
      </c>
      <c r="BR21" s="115">
        <v>41808</v>
      </c>
      <c r="BS21" s="112">
        <v>0</v>
      </c>
      <c r="BT21" s="116">
        <v>250464</v>
      </c>
      <c r="BU21" s="116">
        <v>202488</v>
      </c>
      <c r="BV21" s="116">
        <v>265208</v>
      </c>
      <c r="BW21" s="116">
        <v>296760</v>
      </c>
      <c r="BX21" s="116">
        <v>128872</v>
      </c>
      <c r="BY21" s="115">
        <v>1143792</v>
      </c>
      <c r="BZ21" s="118">
        <v>1185600</v>
      </c>
      <c r="CA21" s="112">
        <v>43137</v>
      </c>
      <c r="CB21" s="116">
        <v>148459</v>
      </c>
      <c r="CC21" s="115">
        <v>191596</v>
      </c>
      <c r="CD21" s="112">
        <v>0</v>
      </c>
      <c r="CE21" s="116">
        <v>1403100</v>
      </c>
      <c r="CF21" s="116">
        <v>2694657</v>
      </c>
      <c r="CG21" s="116">
        <v>1238404</v>
      </c>
      <c r="CH21" s="116">
        <v>1115714</v>
      </c>
      <c r="CI21" s="116">
        <v>195142</v>
      </c>
      <c r="CJ21" s="115">
        <v>6647017</v>
      </c>
      <c r="CK21" s="118">
        <v>6838613</v>
      </c>
      <c r="CL21" s="112">
        <v>0</v>
      </c>
      <c r="CM21" s="116">
        <v>0</v>
      </c>
      <c r="CN21" s="115">
        <v>0</v>
      </c>
      <c r="CO21" s="113">
        <v>0</v>
      </c>
      <c r="CP21" s="116">
        <v>751522</v>
      </c>
      <c r="CQ21" s="116">
        <v>1215120</v>
      </c>
      <c r="CR21" s="116">
        <v>726858</v>
      </c>
      <c r="CS21" s="116">
        <v>679767</v>
      </c>
      <c r="CT21" s="116">
        <v>238205</v>
      </c>
      <c r="CU21" s="115">
        <v>3611472</v>
      </c>
      <c r="CV21" s="118">
        <v>3611472</v>
      </c>
      <c r="CW21" s="112">
        <v>43137</v>
      </c>
      <c r="CX21" s="116">
        <v>148459</v>
      </c>
      <c r="CY21" s="115">
        <v>191596</v>
      </c>
      <c r="CZ21" s="112">
        <v>0</v>
      </c>
      <c r="DA21" s="116">
        <v>651578</v>
      </c>
      <c r="DB21" s="116">
        <v>1479537</v>
      </c>
      <c r="DC21" s="116">
        <v>511546</v>
      </c>
      <c r="DD21" s="116">
        <v>435947</v>
      </c>
      <c r="DE21" s="116">
        <v>-43063</v>
      </c>
      <c r="DF21" s="115">
        <v>3035545</v>
      </c>
      <c r="DG21" s="118">
        <v>3227141</v>
      </c>
      <c r="DH21" s="112">
        <v>0</v>
      </c>
      <c r="DI21" s="116">
        <v>27665</v>
      </c>
      <c r="DJ21" s="114">
        <v>27665</v>
      </c>
      <c r="DK21" s="113">
        <v>0</v>
      </c>
      <c r="DL21" s="116">
        <v>206730</v>
      </c>
      <c r="DM21" s="116">
        <v>917072</v>
      </c>
      <c r="DN21" s="116">
        <v>136123</v>
      </c>
      <c r="DO21" s="116">
        <v>33176</v>
      </c>
      <c r="DP21" s="116">
        <v>0</v>
      </c>
      <c r="DQ21" s="115">
        <v>1293101</v>
      </c>
      <c r="DR21" s="118">
        <v>1320766</v>
      </c>
      <c r="DS21" s="112">
        <v>0</v>
      </c>
      <c r="DT21" s="116">
        <v>27665</v>
      </c>
      <c r="DU21" s="115">
        <v>27665</v>
      </c>
      <c r="DV21" s="112">
        <v>0</v>
      </c>
      <c r="DW21" s="116">
        <v>206730</v>
      </c>
      <c r="DX21" s="116">
        <v>876519</v>
      </c>
      <c r="DY21" s="116">
        <v>136123</v>
      </c>
      <c r="DZ21" s="116">
        <v>0</v>
      </c>
      <c r="EA21" s="116">
        <v>0</v>
      </c>
      <c r="EB21" s="115">
        <v>1219372</v>
      </c>
      <c r="EC21" s="118">
        <v>1247037</v>
      </c>
      <c r="ED21" s="112">
        <v>0</v>
      </c>
      <c r="EE21" s="114">
        <v>0</v>
      </c>
      <c r="EF21" s="115">
        <v>0</v>
      </c>
      <c r="EG21" s="112">
        <v>0</v>
      </c>
      <c r="EH21" s="116">
        <v>0</v>
      </c>
      <c r="EI21" s="116">
        <v>40553</v>
      </c>
      <c r="EJ21" s="116">
        <v>0</v>
      </c>
      <c r="EK21" s="116">
        <v>33176</v>
      </c>
      <c r="EL21" s="116">
        <v>0</v>
      </c>
      <c r="EM21" s="114">
        <v>73729</v>
      </c>
      <c r="EN21" s="118">
        <v>73729</v>
      </c>
      <c r="EO21" s="112">
        <v>0</v>
      </c>
      <c r="EP21" s="116">
        <v>0</v>
      </c>
      <c r="EQ21" s="114">
        <v>0</v>
      </c>
      <c r="ER21" s="113">
        <v>0</v>
      </c>
      <c r="ES21" s="116">
        <v>0</v>
      </c>
      <c r="ET21" s="116">
        <v>0</v>
      </c>
      <c r="EU21" s="116">
        <v>0</v>
      </c>
      <c r="EV21" s="116">
        <v>0</v>
      </c>
      <c r="EW21" s="116">
        <v>0</v>
      </c>
      <c r="EX21" s="115">
        <v>0</v>
      </c>
      <c r="EY21" s="118">
        <v>0</v>
      </c>
      <c r="EZ21" s="112">
        <v>0</v>
      </c>
      <c r="FA21" s="116">
        <v>0</v>
      </c>
      <c r="FB21" s="114">
        <v>0</v>
      </c>
      <c r="FC21" s="390"/>
      <c r="FD21" s="116">
        <v>0</v>
      </c>
      <c r="FE21" s="116">
        <v>0</v>
      </c>
      <c r="FF21" s="116">
        <v>0</v>
      </c>
      <c r="FG21" s="116">
        <v>0</v>
      </c>
      <c r="FH21" s="116">
        <v>0</v>
      </c>
      <c r="FI21" s="115">
        <v>0</v>
      </c>
      <c r="FJ21" s="118">
        <v>0</v>
      </c>
      <c r="FK21" s="112">
        <v>71240</v>
      </c>
      <c r="FL21" s="116">
        <v>47520</v>
      </c>
      <c r="FM21" s="115">
        <v>118760</v>
      </c>
      <c r="FN21" s="112">
        <v>0</v>
      </c>
      <c r="FO21" s="116">
        <v>168408</v>
      </c>
      <c r="FP21" s="116">
        <v>769424</v>
      </c>
      <c r="FQ21" s="116">
        <v>330656</v>
      </c>
      <c r="FR21" s="116">
        <v>342032</v>
      </c>
      <c r="FS21" s="116">
        <v>199368</v>
      </c>
      <c r="FT21" s="115">
        <v>1809888</v>
      </c>
      <c r="FU21" s="118">
        <v>1928648</v>
      </c>
      <c r="FV21" s="117">
        <v>71240</v>
      </c>
      <c r="FW21" s="116">
        <v>47520</v>
      </c>
      <c r="FX21" s="114">
        <v>118760</v>
      </c>
      <c r="FY21" s="113">
        <v>0</v>
      </c>
      <c r="FZ21" s="116">
        <v>133560</v>
      </c>
      <c r="GA21" s="116">
        <v>633848</v>
      </c>
      <c r="GB21" s="116">
        <v>330656</v>
      </c>
      <c r="GC21" s="116">
        <v>342032</v>
      </c>
      <c r="GD21" s="116">
        <v>199368</v>
      </c>
      <c r="GE21" s="115">
        <v>1639464</v>
      </c>
      <c r="GF21" s="354">
        <v>1758224</v>
      </c>
      <c r="GG21" s="117">
        <v>0</v>
      </c>
      <c r="GH21" s="116">
        <v>0</v>
      </c>
      <c r="GI21" s="114">
        <v>0</v>
      </c>
      <c r="GJ21" s="113">
        <v>0</v>
      </c>
      <c r="GK21" s="116">
        <v>34848</v>
      </c>
      <c r="GL21" s="116">
        <v>135576</v>
      </c>
      <c r="GM21" s="116">
        <v>0</v>
      </c>
      <c r="GN21" s="116">
        <v>0</v>
      </c>
      <c r="GO21" s="116">
        <v>0</v>
      </c>
      <c r="GP21" s="115">
        <v>170424</v>
      </c>
      <c r="GQ21" s="118">
        <v>170424</v>
      </c>
      <c r="GR21" s="112">
        <v>0</v>
      </c>
      <c r="GS21" s="116">
        <v>0</v>
      </c>
      <c r="GT21" s="115">
        <v>0</v>
      </c>
      <c r="GU21" s="112">
        <v>0</v>
      </c>
      <c r="GV21" s="116">
        <v>0</v>
      </c>
      <c r="GW21" s="116">
        <v>0</v>
      </c>
      <c r="GX21" s="116">
        <v>0</v>
      </c>
      <c r="GY21" s="116">
        <v>0</v>
      </c>
      <c r="GZ21" s="116">
        <v>0</v>
      </c>
      <c r="HA21" s="114">
        <v>0</v>
      </c>
      <c r="HB21" s="118">
        <v>0</v>
      </c>
      <c r="HC21" s="112">
        <v>97218</v>
      </c>
      <c r="HD21" s="116">
        <v>240164</v>
      </c>
      <c r="HE21" s="114">
        <v>337382</v>
      </c>
      <c r="HF21" s="113">
        <v>0</v>
      </c>
      <c r="HG21" s="116">
        <v>1579651</v>
      </c>
      <c r="HH21" s="116">
        <v>1247865</v>
      </c>
      <c r="HI21" s="116">
        <v>2017419</v>
      </c>
      <c r="HJ21" s="116">
        <v>2615474</v>
      </c>
      <c r="HK21" s="116">
        <v>1462012</v>
      </c>
      <c r="HL21" s="115">
        <v>8922421</v>
      </c>
      <c r="HM21" s="111">
        <v>9259803</v>
      </c>
      <c r="HN21" s="370"/>
      <c r="HO21" s="371"/>
      <c r="HP21" s="372"/>
      <c r="HQ21" s="373"/>
      <c r="HR21" s="371"/>
      <c r="HS21" s="371"/>
      <c r="HT21" s="371"/>
      <c r="HU21" s="371"/>
      <c r="HV21" s="371"/>
      <c r="HW21" s="374"/>
      <c r="HX21" s="375"/>
      <c r="HY21" s="148">
        <v>0</v>
      </c>
      <c r="HZ21" s="149">
        <v>0</v>
      </c>
      <c r="IA21" s="150">
        <v>0</v>
      </c>
      <c r="IB21" s="163">
        <v>0</v>
      </c>
      <c r="IC21" s="149">
        <v>915358</v>
      </c>
      <c r="ID21" s="164">
        <v>1854962</v>
      </c>
      <c r="IE21" s="150">
        <v>1773878</v>
      </c>
      <c r="IF21" s="149">
        <v>881173</v>
      </c>
      <c r="IG21" s="150">
        <v>600659</v>
      </c>
      <c r="IH21" s="165">
        <v>6026030</v>
      </c>
      <c r="II21" s="156">
        <v>6026030</v>
      </c>
      <c r="IJ21" s="261">
        <v>0</v>
      </c>
      <c r="IK21" s="268">
        <v>0</v>
      </c>
      <c r="IL21" s="269">
        <v>0</v>
      </c>
      <c r="IM21" s="157"/>
      <c r="IN21" s="122">
        <v>0</v>
      </c>
      <c r="IO21" s="122">
        <v>101448</v>
      </c>
      <c r="IP21" s="122">
        <v>322527</v>
      </c>
      <c r="IQ21" s="122">
        <v>421556</v>
      </c>
      <c r="IR21" s="122">
        <v>-5293</v>
      </c>
      <c r="IS21" s="158">
        <v>840238</v>
      </c>
      <c r="IT21" s="357">
        <v>840238</v>
      </c>
      <c r="IU21" s="159">
        <v>0</v>
      </c>
      <c r="IV21" s="122">
        <v>0</v>
      </c>
      <c r="IW21" s="123">
        <v>0</v>
      </c>
      <c r="IX21" s="161"/>
      <c r="IY21" s="122">
        <v>0</v>
      </c>
      <c r="IZ21" s="122">
        <v>0</v>
      </c>
      <c r="JA21" s="122">
        <v>0</v>
      </c>
      <c r="JB21" s="122">
        <v>0</v>
      </c>
      <c r="JC21" s="122">
        <v>0</v>
      </c>
      <c r="JD21" s="123">
        <v>0</v>
      </c>
      <c r="JE21" s="124">
        <v>0</v>
      </c>
      <c r="JF21" s="159">
        <v>0</v>
      </c>
      <c r="JG21" s="122">
        <v>0</v>
      </c>
      <c r="JH21" s="158">
        <v>0</v>
      </c>
      <c r="JI21" s="121">
        <v>0</v>
      </c>
      <c r="JJ21" s="122">
        <v>303164</v>
      </c>
      <c r="JK21" s="122">
        <v>415475</v>
      </c>
      <c r="JL21" s="122">
        <v>159274</v>
      </c>
      <c r="JM21" s="122">
        <v>231345</v>
      </c>
      <c r="JN21" s="122">
        <v>142424</v>
      </c>
      <c r="JO21" s="123">
        <v>1251682</v>
      </c>
      <c r="JP21" s="357">
        <v>1251682</v>
      </c>
      <c r="JQ21" s="159">
        <v>0</v>
      </c>
      <c r="JR21" s="122">
        <v>0</v>
      </c>
      <c r="JS21" s="158">
        <v>0</v>
      </c>
      <c r="JT21" s="121">
        <v>0</v>
      </c>
      <c r="JU21" s="122">
        <v>196326</v>
      </c>
      <c r="JV21" s="122">
        <v>0</v>
      </c>
      <c r="JW21" s="122">
        <v>133446</v>
      </c>
      <c r="JX21" s="122">
        <v>0</v>
      </c>
      <c r="JY21" s="122">
        <v>0</v>
      </c>
      <c r="JZ21" s="123">
        <v>329772</v>
      </c>
      <c r="KA21" s="357">
        <v>329772</v>
      </c>
      <c r="KB21" s="264">
        <v>0</v>
      </c>
      <c r="KC21" s="258">
        <v>0</v>
      </c>
      <c r="KD21" s="123">
        <v>0</v>
      </c>
      <c r="KE21" s="121">
        <v>0</v>
      </c>
      <c r="KF21" s="122">
        <v>0</v>
      </c>
      <c r="KG21" s="122">
        <v>150222</v>
      </c>
      <c r="KH21" s="122">
        <v>483294</v>
      </c>
      <c r="KI21" s="122">
        <v>0</v>
      </c>
      <c r="KJ21" s="122">
        <v>0</v>
      </c>
      <c r="KK21" s="123">
        <v>633516</v>
      </c>
      <c r="KL21" s="160">
        <v>633516</v>
      </c>
      <c r="KM21" s="261">
        <v>0</v>
      </c>
      <c r="KN21" s="268">
        <v>0</v>
      </c>
      <c r="KO21" s="269">
        <v>0</v>
      </c>
      <c r="KP21" s="157"/>
      <c r="KQ21" s="122">
        <v>415868</v>
      </c>
      <c r="KR21" s="122">
        <v>1019059</v>
      </c>
      <c r="KS21" s="122">
        <v>438946</v>
      </c>
      <c r="KT21" s="122">
        <v>228272</v>
      </c>
      <c r="KU21" s="122">
        <v>463528</v>
      </c>
      <c r="KV21" s="123">
        <v>2565673</v>
      </c>
      <c r="KW21" s="357">
        <v>2565673</v>
      </c>
      <c r="KX21" s="159">
        <v>0</v>
      </c>
      <c r="KY21" s="122">
        <v>0</v>
      </c>
      <c r="KZ21" s="123">
        <v>0</v>
      </c>
      <c r="LA21" s="162"/>
      <c r="LB21" s="122">
        <v>0</v>
      </c>
      <c r="LC21" s="122">
        <v>0</v>
      </c>
      <c r="LD21" s="122">
        <v>0</v>
      </c>
      <c r="LE21" s="122">
        <v>0</v>
      </c>
      <c r="LF21" s="122">
        <v>0</v>
      </c>
      <c r="LG21" s="123">
        <v>0</v>
      </c>
      <c r="LH21" s="124">
        <v>0</v>
      </c>
      <c r="LI21" s="159">
        <v>0</v>
      </c>
      <c r="LJ21" s="122">
        <v>0</v>
      </c>
      <c r="LK21" s="123">
        <v>0</v>
      </c>
      <c r="LL21" s="162"/>
      <c r="LM21" s="122">
        <v>0</v>
      </c>
      <c r="LN21" s="122">
        <v>0</v>
      </c>
      <c r="LO21" s="122">
        <v>0</v>
      </c>
      <c r="LP21" s="122">
        <v>0</v>
      </c>
      <c r="LQ21" s="122">
        <v>0</v>
      </c>
      <c r="LR21" s="123">
        <v>0</v>
      </c>
      <c r="LS21" s="357">
        <v>0</v>
      </c>
      <c r="LT21" s="159">
        <v>0</v>
      </c>
      <c r="LU21" s="122">
        <v>0</v>
      </c>
      <c r="LV21" s="123">
        <v>0</v>
      </c>
      <c r="LW21" s="162"/>
      <c r="LX21" s="122">
        <v>0</v>
      </c>
      <c r="LY21" s="122">
        <v>168758</v>
      </c>
      <c r="LZ21" s="122">
        <v>236391</v>
      </c>
      <c r="MA21" s="122">
        <v>0</v>
      </c>
      <c r="MB21" s="122">
        <v>0</v>
      </c>
      <c r="MC21" s="123">
        <v>405149</v>
      </c>
      <c r="MD21" s="124">
        <v>405149</v>
      </c>
      <c r="ME21" s="159">
        <v>0</v>
      </c>
      <c r="MF21" s="122">
        <v>0</v>
      </c>
      <c r="MG21" s="123">
        <v>0</v>
      </c>
      <c r="MH21" s="162"/>
      <c r="MI21" s="122">
        <v>358832</v>
      </c>
      <c r="MJ21" s="122">
        <v>947031</v>
      </c>
      <c r="MK21" s="122">
        <v>1566573</v>
      </c>
      <c r="ML21" s="122">
        <v>3636962</v>
      </c>
      <c r="MM21" s="122">
        <v>2366752</v>
      </c>
      <c r="MN21" s="123">
        <v>8876150</v>
      </c>
      <c r="MO21" s="160">
        <v>8876150</v>
      </c>
      <c r="MP21" s="159">
        <v>0</v>
      </c>
      <c r="MQ21" s="122">
        <v>0</v>
      </c>
      <c r="MR21" s="123">
        <v>0</v>
      </c>
      <c r="MS21" s="162"/>
      <c r="MT21" s="122">
        <v>0</v>
      </c>
      <c r="MU21" s="122">
        <v>188836</v>
      </c>
      <c r="MV21" s="122">
        <v>424770</v>
      </c>
      <c r="MW21" s="122">
        <v>2263385</v>
      </c>
      <c r="MX21" s="122">
        <v>1440648</v>
      </c>
      <c r="MY21" s="123">
        <v>4317639</v>
      </c>
      <c r="MZ21" s="160">
        <v>4317639</v>
      </c>
      <c r="NA21" s="159">
        <v>0</v>
      </c>
      <c r="NB21" s="122">
        <v>0</v>
      </c>
      <c r="NC21" s="123">
        <v>0</v>
      </c>
      <c r="ND21" s="162"/>
      <c r="NE21" s="122">
        <v>358832</v>
      </c>
      <c r="NF21" s="122">
        <v>758195</v>
      </c>
      <c r="NG21" s="122">
        <v>1141803</v>
      </c>
      <c r="NH21" s="122">
        <v>1373577</v>
      </c>
      <c r="NI21" s="122">
        <v>557988</v>
      </c>
      <c r="NJ21" s="123">
        <v>4190395</v>
      </c>
      <c r="NK21" s="357">
        <v>4190395</v>
      </c>
      <c r="NL21" s="159">
        <v>0</v>
      </c>
      <c r="NM21" s="122">
        <v>0</v>
      </c>
      <c r="NN21" s="123">
        <v>0</v>
      </c>
      <c r="NO21" s="162"/>
      <c r="NP21" s="122">
        <v>0</v>
      </c>
      <c r="NQ21" s="122">
        <v>0</v>
      </c>
      <c r="NR21" s="122">
        <v>0</v>
      </c>
      <c r="NS21" s="122">
        <v>0</v>
      </c>
      <c r="NT21" s="122">
        <v>0</v>
      </c>
      <c r="NU21" s="123">
        <v>0</v>
      </c>
      <c r="NV21" s="124">
        <v>0</v>
      </c>
      <c r="NW21" s="159">
        <v>0</v>
      </c>
      <c r="NX21" s="122">
        <v>0</v>
      </c>
      <c r="NY21" s="123">
        <v>0</v>
      </c>
      <c r="NZ21" s="162"/>
      <c r="OA21" s="122">
        <v>0</v>
      </c>
      <c r="OB21" s="122">
        <v>0</v>
      </c>
      <c r="OC21" s="122">
        <v>0</v>
      </c>
      <c r="OD21" s="122">
        <v>0</v>
      </c>
      <c r="OE21" s="122">
        <v>368116</v>
      </c>
      <c r="OF21" s="123">
        <v>368116</v>
      </c>
      <c r="OG21" s="124">
        <v>368116</v>
      </c>
      <c r="OH21" s="159">
        <v>261335</v>
      </c>
      <c r="OI21" s="122">
        <v>542726</v>
      </c>
      <c r="OJ21" s="158">
        <v>804061</v>
      </c>
      <c r="OK21" s="121">
        <v>0</v>
      </c>
      <c r="OL21" s="122">
        <v>5422321</v>
      </c>
      <c r="OM21" s="122">
        <v>9817457</v>
      </c>
      <c r="ON21" s="122">
        <v>8159146</v>
      </c>
      <c r="OO21" s="122">
        <v>9804331</v>
      </c>
      <c r="OP21" s="122">
        <v>5805938</v>
      </c>
      <c r="OQ21" s="123">
        <v>39009193</v>
      </c>
      <c r="OR21" s="160">
        <v>39813254</v>
      </c>
    </row>
    <row r="22" spans="1:408" ht="20.25" customHeight="1" x14ac:dyDescent="0.2">
      <c r="A22" s="129" t="s">
        <v>17</v>
      </c>
      <c r="B22" s="112">
        <v>316052</v>
      </c>
      <c r="C22" s="116">
        <v>458170</v>
      </c>
      <c r="D22" s="115">
        <v>774222</v>
      </c>
      <c r="E22" s="111">
        <v>0</v>
      </c>
      <c r="F22" s="116">
        <v>3868754</v>
      </c>
      <c r="G22" s="116">
        <v>5405876</v>
      </c>
      <c r="H22" s="116">
        <v>5375981</v>
      </c>
      <c r="I22" s="116">
        <v>4259666</v>
      </c>
      <c r="J22" s="116">
        <v>4206449</v>
      </c>
      <c r="K22" s="111">
        <v>23116726</v>
      </c>
      <c r="L22" s="118">
        <v>23890948</v>
      </c>
      <c r="M22" s="112">
        <v>96679</v>
      </c>
      <c r="N22" s="116">
        <v>93243</v>
      </c>
      <c r="O22" s="115">
        <v>189922</v>
      </c>
      <c r="P22" s="112">
        <v>0</v>
      </c>
      <c r="Q22" s="116">
        <v>587230</v>
      </c>
      <c r="R22" s="116">
        <v>1497110</v>
      </c>
      <c r="S22" s="116">
        <v>1258469</v>
      </c>
      <c r="T22" s="116">
        <v>1701211</v>
      </c>
      <c r="U22" s="116">
        <v>2572802</v>
      </c>
      <c r="V22" s="115">
        <v>7616822</v>
      </c>
      <c r="W22" s="118">
        <v>7806744</v>
      </c>
      <c r="X22" s="112">
        <v>0</v>
      </c>
      <c r="Y22" s="116">
        <v>0</v>
      </c>
      <c r="Z22" s="115">
        <v>0</v>
      </c>
      <c r="AA22" s="112">
        <v>0</v>
      </c>
      <c r="AB22" s="116">
        <v>144766</v>
      </c>
      <c r="AC22" s="116">
        <v>769781</v>
      </c>
      <c r="AD22" s="116">
        <v>819078</v>
      </c>
      <c r="AE22" s="116">
        <v>1070312</v>
      </c>
      <c r="AF22" s="116">
        <v>1851492</v>
      </c>
      <c r="AG22" s="115">
        <v>4655429</v>
      </c>
      <c r="AH22" s="118">
        <v>4655429</v>
      </c>
      <c r="AI22" s="112">
        <v>0</v>
      </c>
      <c r="AJ22" s="116">
        <v>0</v>
      </c>
      <c r="AK22" s="115">
        <v>0</v>
      </c>
      <c r="AL22" s="112">
        <v>0</v>
      </c>
      <c r="AM22" s="116">
        <v>0</v>
      </c>
      <c r="AN22" s="116">
        <v>0</v>
      </c>
      <c r="AO22" s="116">
        <v>0</v>
      </c>
      <c r="AP22" s="116">
        <v>43111</v>
      </c>
      <c r="AQ22" s="116">
        <v>303144</v>
      </c>
      <c r="AR22" s="115">
        <v>346255</v>
      </c>
      <c r="AS22" s="118">
        <v>346255</v>
      </c>
      <c r="AT22" s="112">
        <v>16337</v>
      </c>
      <c r="AU22" s="116">
        <v>80387</v>
      </c>
      <c r="AV22" s="115">
        <v>96724</v>
      </c>
      <c r="AW22" s="112">
        <v>0</v>
      </c>
      <c r="AX22" s="116">
        <v>354656</v>
      </c>
      <c r="AY22" s="116">
        <v>385497</v>
      </c>
      <c r="AZ22" s="116">
        <v>179863</v>
      </c>
      <c r="BA22" s="116">
        <v>358196</v>
      </c>
      <c r="BB22" s="116">
        <v>240616</v>
      </c>
      <c r="BC22" s="115">
        <v>1518828</v>
      </c>
      <c r="BD22" s="118">
        <v>1615552</v>
      </c>
      <c r="BE22" s="112">
        <v>43782</v>
      </c>
      <c r="BF22" s="116">
        <v>0</v>
      </c>
      <c r="BG22" s="114">
        <v>43782</v>
      </c>
      <c r="BH22" s="113">
        <v>0</v>
      </c>
      <c r="BI22" s="116">
        <v>0</v>
      </c>
      <c r="BJ22" s="116">
        <v>64768</v>
      </c>
      <c r="BK22" s="116">
        <v>27400</v>
      </c>
      <c r="BL22" s="116">
        <v>0</v>
      </c>
      <c r="BM22" s="116">
        <v>66854</v>
      </c>
      <c r="BN22" s="115">
        <v>159022</v>
      </c>
      <c r="BO22" s="118">
        <v>202804</v>
      </c>
      <c r="BP22" s="112">
        <v>36560</v>
      </c>
      <c r="BQ22" s="116">
        <v>12856</v>
      </c>
      <c r="BR22" s="115">
        <v>49416</v>
      </c>
      <c r="BS22" s="112">
        <v>0</v>
      </c>
      <c r="BT22" s="116">
        <v>87808</v>
      </c>
      <c r="BU22" s="116">
        <v>277064</v>
      </c>
      <c r="BV22" s="116">
        <v>232128</v>
      </c>
      <c r="BW22" s="116">
        <v>229592</v>
      </c>
      <c r="BX22" s="116">
        <v>110696</v>
      </c>
      <c r="BY22" s="115">
        <v>937288</v>
      </c>
      <c r="BZ22" s="118">
        <v>986704</v>
      </c>
      <c r="CA22" s="112">
        <v>44686</v>
      </c>
      <c r="CB22" s="116">
        <v>92287</v>
      </c>
      <c r="CC22" s="115">
        <v>136973</v>
      </c>
      <c r="CD22" s="112">
        <v>0</v>
      </c>
      <c r="CE22" s="116">
        <v>1605589</v>
      </c>
      <c r="CF22" s="116">
        <v>1781925</v>
      </c>
      <c r="CG22" s="116">
        <v>1261168</v>
      </c>
      <c r="CH22" s="116">
        <v>723110</v>
      </c>
      <c r="CI22" s="116">
        <v>358022</v>
      </c>
      <c r="CJ22" s="115">
        <v>5729814</v>
      </c>
      <c r="CK22" s="118">
        <v>5866787</v>
      </c>
      <c r="CL22" s="112">
        <v>0</v>
      </c>
      <c r="CM22" s="116">
        <v>0</v>
      </c>
      <c r="CN22" s="115">
        <v>0</v>
      </c>
      <c r="CO22" s="113">
        <v>0</v>
      </c>
      <c r="CP22" s="116">
        <v>1420892</v>
      </c>
      <c r="CQ22" s="116">
        <v>1085214</v>
      </c>
      <c r="CR22" s="116">
        <v>1106157</v>
      </c>
      <c r="CS22" s="116">
        <v>626165</v>
      </c>
      <c r="CT22" s="116">
        <v>314948</v>
      </c>
      <c r="CU22" s="115">
        <v>4553376</v>
      </c>
      <c r="CV22" s="118">
        <v>4553376</v>
      </c>
      <c r="CW22" s="112">
        <v>44686</v>
      </c>
      <c r="CX22" s="116">
        <v>92287</v>
      </c>
      <c r="CY22" s="115">
        <v>136973</v>
      </c>
      <c r="CZ22" s="112">
        <v>0</v>
      </c>
      <c r="DA22" s="116">
        <v>184697</v>
      </c>
      <c r="DB22" s="116">
        <v>696711</v>
      </c>
      <c r="DC22" s="116">
        <v>155011</v>
      </c>
      <c r="DD22" s="116">
        <v>96945</v>
      </c>
      <c r="DE22" s="116">
        <v>43074</v>
      </c>
      <c r="DF22" s="115">
        <v>1176438</v>
      </c>
      <c r="DG22" s="118">
        <v>1313411</v>
      </c>
      <c r="DH22" s="112">
        <v>0</v>
      </c>
      <c r="DI22" s="116">
        <v>30888</v>
      </c>
      <c r="DJ22" s="114">
        <v>30888</v>
      </c>
      <c r="DK22" s="113">
        <v>0</v>
      </c>
      <c r="DL22" s="116">
        <v>474528</v>
      </c>
      <c r="DM22" s="116">
        <v>341921</v>
      </c>
      <c r="DN22" s="116">
        <v>982389</v>
      </c>
      <c r="DO22" s="116">
        <v>310656</v>
      </c>
      <c r="DP22" s="116">
        <v>437193</v>
      </c>
      <c r="DQ22" s="115">
        <v>2546687</v>
      </c>
      <c r="DR22" s="118">
        <v>2577575</v>
      </c>
      <c r="DS22" s="112">
        <v>0</v>
      </c>
      <c r="DT22" s="116">
        <v>30888</v>
      </c>
      <c r="DU22" s="115">
        <v>30888</v>
      </c>
      <c r="DV22" s="112">
        <v>0</v>
      </c>
      <c r="DW22" s="116">
        <v>403388</v>
      </c>
      <c r="DX22" s="116">
        <v>302452</v>
      </c>
      <c r="DY22" s="116">
        <v>871880</v>
      </c>
      <c r="DZ22" s="116">
        <v>310656</v>
      </c>
      <c r="EA22" s="116">
        <v>437193</v>
      </c>
      <c r="EB22" s="115">
        <v>2325569</v>
      </c>
      <c r="EC22" s="118">
        <v>2356457</v>
      </c>
      <c r="ED22" s="112">
        <v>0</v>
      </c>
      <c r="EE22" s="114">
        <v>0</v>
      </c>
      <c r="EF22" s="115">
        <v>0</v>
      </c>
      <c r="EG22" s="112">
        <v>0</v>
      </c>
      <c r="EH22" s="116">
        <v>71140</v>
      </c>
      <c r="EI22" s="116">
        <v>39469</v>
      </c>
      <c r="EJ22" s="116">
        <v>110509</v>
      </c>
      <c r="EK22" s="116">
        <v>0</v>
      </c>
      <c r="EL22" s="116">
        <v>0</v>
      </c>
      <c r="EM22" s="114">
        <v>221118</v>
      </c>
      <c r="EN22" s="118">
        <v>221118</v>
      </c>
      <c r="EO22" s="112">
        <v>0</v>
      </c>
      <c r="EP22" s="116">
        <v>0</v>
      </c>
      <c r="EQ22" s="114">
        <v>0</v>
      </c>
      <c r="ER22" s="113">
        <v>0</v>
      </c>
      <c r="ES22" s="116">
        <v>0</v>
      </c>
      <c r="ET22" s="116">
        <v>0</v>
      </c>
      <c r="EU22" s="116">
        <v>0</v>
      </c>
      <c r="EV22" s="116">
        <v>0</v>
      </c>
      <c r="EW22" s="116">
        <v>0</v>
      </c>
      <c r="EX22" s="115">
        <v>0</v>
      </c>
      <c r="EY22" s="118">
        <v>0</v>
      </c>
      <c r="EZ22" s="112">
        <v>0</v>
      </c>
      <c r="FA22" s="116">
        <v>0</v>
      </c>
      <c r="FB22" s="114">
        <v>0</v>
      </c>
      <c r="FC22" s="390"/>
      <c r="FD22" s="116">
        <v>0</v>
      </c>
      <c r="FE22" s="116">
        <v>0</v>
      </c>
      <c r="FF22" s="116">
        <v>0</v>
      </c>
      <c r="FG22" s="116">
        <v>0</v>
      </c>
      <c r="FH22" s="116">
        <v>0</v>
      </c>
      <c r="FI22" s="115">
        <v>0</v>
      </c>
      <c r="FJ22" s="118">
        <v>0</v>
      </c>
      <c r="FK22" s="112">
        <v>19200</v>
      </c>
      <c r="FL22" s="116">
        <v>158496</v>
      </c>
      <c r="FM22" s="115">
        <v>177696</v>
      </c>
      <c r="FN22" s="112">
        <v>0</v>
      </c>
      <c r="FO22" s="116">
        <v>195528</v>
      </c>
      <c r="FP22" s="116">
        <v>979192</v>
      </c>
      <c r="FQ22" s="116">
        <v>714656</v>
      </c>
      <c r="FR22" s="116">
        <v>454024</v>
      </c>
      <c r="FS22" s="116">
        <v>396352</v>
      </c>
      <c r="FT22" s="115">
        <v>2739752</v>
      </c>
      <c r="FU22" s="118">
        <v>2917448</v>
      </c>
      <c r="FV22" s="117">
        <v>19200</v>
      </c>
      <c r="FW22" s="116">
        <v>158496</v>
      </c>
      <c r="FX22" s="114">
        <v>177696</v>
      </c>
      <c r="FY22" s="113">
        <v>0</v>
      </c>
      <c r="FZ22" s="116">
        <v>142728</v>
      </c>
      <c r="GA22" s="116">
        <v>659112</v>
      </c>
      <c r="GB22" s="116">
        <v>523136</v>
      </c>
      <c r="GC22" s="116">
        <v>320960</v>
      </c>
      <c r="GD22" s="116">
        <v>396352</v>
      </c>
      <c r="GE22" s="115">
        <v>2042288</v>
      </c>
      <c r="GF22" s="354">
        <v>2219984</v>
      </c>
      <c r="GG22" s="117">
        <v>0</v>
      </c>
      <c r="GH22" s="116">
        <v>0</v>
      </c>
      <c r="GI22" s="114">
        <v>0</v>
      </c>
      <c r="GJ22" s="113">
        <v>0</v>
      </c>
      <c r="GK22" s="116">
        <v>0</v>
      </c>
      <c r="GL22" s="116">
        <v>27680</v>
      </c>
      <c r="GM22" s="116">
        <v>31520</v>
      </c>
      <c r="GN22" s="116">
        <v>133064</v>
      </c>
      <c r="GO22" s="116">
        <v>0</v>
      </c>
      <c r="GP22" s="115">
        <v>192264</v>
      </c>
      <c r="GQ22" s="118">
        <v>192264</v>
      </c>
      <c r="GR22" s="112">
        <v>0</v>
      </c>
      <c r="GS22" s="116">
        <v>0</v>
      </c>
      <c r="GT22" s="115">
        <v>0</v>
      </c>
      <c r="GU22" s="112">
        <v>0</v>
      </c>
      <c r="GV22" s="116">
        <v>52800</v>
      </c>
      <c r="GW22" s="116">
        <v>292400</v>
      </c>
      <c r="GX22" s="116">
        <v>160000</v>
      </c>
      <c r="GY22" s="116">
        <v>0</v>
      </c>
      <c r="GZ22" s="116">
        <v>0</v>
      </c>
      <c r="HA22" s="114">
        <v>505200</v>
      </c>
      <c r="HB22" s="118">
        <v>505200</v>
      </c>
      <c r="HC22" s="112">
        <v>155487</v>
      </c>
      <c r="HD22" s="116">
        <v>83256</v>
      </c>
      <c r="HE22" s="114">
        <v>238743</v>
      </c>
      <c r="HF22" s="113">
        <v>0</v>
      </c>
      <c r="HG22" s="116">
        <v>1005879</v>
      </c>
      <c r="HH22" s="116">
        <v>805728</v>
      </c>
      <c r="HI22" s="116">
        <v>1159299</v>
      </c>
      <c r="HJ22" s="116">
        <v>1070665</v>
      </c>
      <c r="HK22" s="116">
        <v>442080</v>
      </c>
      <c r="HL22" s="115">
        <v>4483651</v>
      </c>
      <c r="HM22" s="111">
        <v>4722394</v>
      </c>
      <c r="HN22" s="370"/>
      <c r="HO22" s="371"/>
      <c r="HP22" s="372"/>
      <c r="HQ22" s="373"/>
      <c r="HR22" s="371"/>
      <c r="HS22" s="371"/>
      <c r="HT22" s="371"/>
      <c r="HU22" s="371"/>
      <c r="HV22" s="371"/>
      <c r="HW22" s="374"/>
      <c r="HX22" s="375"/>
      <c r="HY22" s="167">
        <v>0</v>
      </c>
      <c r="HZ22" s="152">
        <v>0</v>
      </c>
      <c r="IA22" s="167">
        <v>0</v>
      </c>
      <c r="IB22" s="151">
        <v>0</v>
      </c>
      <c r="IC22" s="152">
        <v>1159026</v>
      </c>
      <c r="ID22" s="153">
        <v>1587970</v>
      </c>
      <c r="IE22" s="154">
        <v>2042174</v>
      </c>
      <c r="IF22" s="152">
        <v>1048022</v>
      </c>
      <c r="IG22" s="154">
        <v>706710</v>
      </c>
      <c r="IH22" s="155">
        <v>6543902</v>
      </c>
      <c r="II22" s="167">
        <v>6543902</v>
      </c>
      <c r="IJ22" s="261">
        <v>0</v>
      </c>
      <c r="IK22" s="268">
        <v>0</v>
      </c>
      <c r="IL22" s="269">
        <v>0</v>
      </c>
      <c r="IM22" s="157"/>
      <c r="IN22" s="122">
        <v>0</v>
      </c>
      <c r="IO22" s="122">
        <v>98131</v>
      </c>
      <c r="IP22" s="122">
        <v>0</v>
      </c>
      <c r="IQ22" s="122">
        <v>0</v>
      </c>
      <c r="IR22" s="122">
        <v>0</v>
      </c>
      <c r="IS22" s="158">
        <v>98131</v>
      </c>
      <c r="IT22" s="357">
        <v>98131</v>
      </c>
      <c r="IU22" s="159">
        <v>0</v>
      </c>
      <c r="IV22" s="122">
        <v>0</v>
      </c>
      <c r="IW22" s="123">
        <v>0</v>
      </c>
      <c r="IX22" s="161"/>
      <c r="IY22" s="122">
        <v>0</v>
      </c>
      <c r="IZ22" s="122">
        <v>0</v>
      </c>
      <c r="JA22" s="122">
        <v>0</v>
      </c>
      <c r="JB22" s="122">
        <v>0</v>
      </c>
      <c r="JC22" s="122">
        <v>0</v>
      </c>
      <c r="JD22" s="123">
        <v>0</v>
      </c>
      <c r="JE22" s="124">
        <v>0</v>
      </c>
      <c r="JF22" s="159">
        <v>0</v>
      </c>
      <c r="JG22" s="122">
        <v>0</v>
      </c>
      <c r="JH22" s="158">
        <v>0</v>
      </c>
      <c r="JI22" s="121">
        <v>0</v>
      </c>
      <c r="JJ22" s="122">
        <v>651181</v>
      </c>
      <c r="JK22" s="122">
        <v>307417</v>
      </c>
      <c r="JL22" s="122">
        <v>738857</v>
      </c>
      <c r="JM22" s="122">
        <v>570616</v>
      </c>
      <c r="JN22" s="122">
        <v>129067</v>
      </c>
      <c r="JO22" s="123">
        <v>2397138</v>
      </c>
      <c r="JP22" s="357">
        <v>2397138</v>
      </c>
      <c r="JQ22" s="159">
        <v>0</v>
      </c>
      <c r="JR22" s="122">
        <v>0</v>
      </c>
      <c r="JS22" s="158">
        <v>0</v>
      </c>
      <c r="JT22" s="121">
        <v>0</v>
      </c>
      <c r="JU22" s="122">
        <v>25336</v>
      </c>
      <c r="JV22" s="122">
        <v>0</v>
      </c>
      <c r="JW22" s="122">
        <v>131388</v>
      </c>
      <c r="JX22" s="122">
        <v>0</v>
      </c>
      <c r="JY22" s="122">
        <v>0</v>
      </c>
      <c r="JZ22" s="123">
        <v>156724</v>
      </c>
      <c r="KA22" s="357">
        <v>156724</v>
      </c>
      <c r="KB22" s="264">
        <v>0</v>
      </c>
      <c r="KC22" s="258">
        <v>0</v>
      </c>
      <c r="KD22" s="123">
        <v>0</v>
      </c>
      <c r="KE22" s="121">
        <v>0</v>
      </c>
      <c r="KF22" s="122">
        <v>0</v>
      </c>
      <c r="KG22" s="122">
        <v>396040</v>
      </c>
      <c r="KH22" s="122">
        <v>478197</v>
      </c>
      <c r="KI22" s="122">
        <v>243132</v>
      </c>
      <c r="KJ22" s="122">
        <v>577643</v>
      </c>
      <c r="KK22" s="123">
        <v>1695012</v>
      </c>
      <c r="KL22" s="160">
        <v>1695012</v>
      </c>
      <c r="KM22" s="261">
        <v>0</v>
      </c>
      <c r="KN22" s="268">
        <v>0</v>
      </c>
      <c r="KO22" s="269">
        <v>0</v>
      </c>
      <c r="KP22" s="157"/>
      <c r="KQ22" s="122">
        <v>314167</v>
      </c>
      <c r="KR22" s="122">
        <v>786382</v>
      </c>
      <c r="KS22" s="122">
        <v>457932</v>
      </c>
      <c r="KT22" s="122">
        <v>234274</v>
      </c>
      <c r="KU22" s="122">
        <v>0</v>
      </c>
      <c r="KV22" s="123">
        <v>1792755</v>
      </c>
      <c r="KW22" s="357">
        <v>1792755</v>
      </c>
      <c r="KX22" s="159">
        <v>0</v>
      </c>
      <c r="KY22" s="122">
        <v>0</v>
      </c>
      <c r="KZ22" s="123">
        <v>0</v>
      </c>
      <c r="LA22" s="162"/>
      <c r="LB22" s="122">
        <v>0</v>
      </c>
      <c r="LC22" s="122">
        <v>0</v>
      </c>
      <c r="LD22" s="122">
        <v>0</v>
      </c>
      <c r="LE22" s="122">
        <v>0</v>
      </c>
      <c r="LF22" s="122">
        <v>0</v>
      </c>
      <c r="LG22" s="123">
        <v>0</v>
      </c>
      <c r="LH22" s="124">
        <v>0</v>
      </c>
      <c r="LI22" s="159">
        <v>0</v>
      </c>
      <c r="LJ22" s="122">
        <v>0</v>
      </c>
      <c r="LK22" s="123">
        <v>0</v>
      </c>
      <c r="LL22" s="162"/>
      <c r="LM22" s="122">
        <v>0</v>
      </c>
      <c r="LN22" s="122">
        <v>0</v>
      </c>
      <c r="LO22" s="122">
        <v>235800</v>
      </c>
      <c r="LP22" s="122">
        <v>0</v>
      </c>
      <c r="LQ22" s="122">
        <v>0</v>
      </c>
      <c r="LR22" s="123">
        <v>235800</v>
      </c>
      <c r="LS22" s="357">
        <v>235800</v>
      </c>
      <c r="LT22" s="159">
        <v>0</v>
      </c>
      <c r="LU22" s="122">
        <v>0</v>
      </c>
      <c r="LV22" s="123">
        <v>0</v>
      </c>
      <c r="LW22" s="162"/>
      <c r="LX22" s="122">
        <v>168342</v>
      </c>
      <c r="LY22" s="122">
        <v>0</v>
      </c>
      <c r="LZ22" s="122">
        <v>0</v>
      </c>
      <c r="MA22" s="122">
        <v>0</v>
      </c>
      <c r="MB22" s="122">
        <v>0</v>
      </c>
      <c r="MC22" s="123">
        <v>168342</v>
      </c>
      <c r="MD22" s="124">
        <v>168342</v>
      </c>
      <c r="ME22" s="159">
        <v>0</v>
      </c>
      <c r="MF22" s="122">
        <v>0</v>
      </c>
      <c r="MG22" s="123">
        <v>0</v>
      </c>
      <c r="MH22" s="162"/>
      <c r="MI22" s="122">
        <v>0</v>
      </c>
      <c r="MJ22" s="122">
        <v>1546406</v>
      </c>
      <c r="MK22" s="122">
        <v>3400673</v>
      </c>
      <c r="ML22" s="122">
        <v>4635666</v>
      </c>
      <c r="MM22" s="122">
        <v>2074280</v>
      </c>
      <c r="MN22" s="123">
        <v>11657025</v>
      </c>
      <c r="MO22" s="160">
        <v>11657025</v>
      </c>
      <c r="MP22" s="159">
        <v>0</v>
      </c>
      <c r="MQ22" s="122">
        <v>0</v>
      </c>
      <c r="MR22" s="123">
        <v>0</v>
      </c>
      <c r="MS22" s="162"/>
      <c r="MT22" s="122">
        <v>0</v>
      </c>
      <c r="MU22" s="122">
        <v>360247</v>
      </c>
      <c r="MV22" s="122">
        <v>1833878</v>
      </c>
      <c r="MW22" s="122">
        <v>2996772</v>
      </c>
      <c r="MX22" s="122">
        <v>995867</v>
      </c>
      <c r="MY22" s="123">
        <v>6186764</v>
      </c>
      <c r="MZ22" s="160">
        <v>6186764</v>
      </c>
      <c r="NA22" s="159">
        <v>0</v>
      </c>
      <c r="NB22" s="122">
        <v>0</v>
      </c>
      <c r="NC22" s="123">
        <v>0</v>
      </c>
      <c r="ND22" s="162"/>
      <c r="NE22" s="122">
        <v>0</v>
      </c>
      <c r="NF22" s="122">
        <v>1186159</v>
      </c>
      <c r="NG22" s="122">
        <v>1566795</v>
      </c>
      <c r="NH22" s="122">
        <v>1638894</v>
      </c>
      <c r="NI22" s="122">
        <v>761246</v>
      </c>
      <c r="NJ22" s="123">
        <v>5153094</v>
      </c>
      <c r="NK22" s="357">
        <v>5153094</v>
      </c>
      <c r="NL22" s="159">
        <v>0</v>
      </c>
      <c r="NM22" s="122">
        <v>0</v>
      </c>
      <c r="NN22" s="123">
        <v>0</v>
      </c>
      <c r="NO22" s="162"/>
      <c r="NP22" s="122">
        <v>0</v>
      </c>
      <c r="NQ22" s="122">
        <v>0</v>
      </c>
      <c r="NR22" s="122">
        <v>0</v>
      </c>
      <c r="NS22" s="122">
        <v>0</v>
      </c>
      <c r="NT22" s="122">
        <v>0</v>
      </c>
      <c r="NU22" s="123">
        <v>0</v>
      </c>
      <c r="NV22" s="124">
        <v>0</v>
      </c>
      <c r="NW22" s="159">
        <v>0</v>
      </c>
      <c r="NX22" s="122">
        <v>0</v>
      </c>
      <c r="NY22" s="123">
        <v>0</v>
      </c>
      <c r="NZ22" s="162"/>
      <c r="OA22" s="122">
        <v>0</v>
      </c>
      <c r="OB22" s="122">
        <v>0</v>
      </c>
      <c r="OC22" s="122">
        <v>0</v>
      </c>
      <c r="OD22" s="122">
        <v>0</v>
      </c>
      <c r="OE22" s="122">
        <v>317167</v>
      </c>
      <c r="OF22" s="123">
        <v>317167</v>
      </c>
      <c r="OG22" s="124">
        <v>317167</v>
      </c>
      <c r="OH22" s="159">
        <v>316052</v>
      </c>
      <c r="OI22" s="122">
        <v>458170</v>
      </c>
      <c r="OJ22" s="158">
        <v>774222</v>
      </c>
      <c r="OK22" s="121">
        <v>0</v>
      </c>
      <c r="OL22" s="122">
        <v>5027780</v>
      </c>
      <c r="OM22" s="122">
        <v>8540252</v>
      </c>
      <c r="ON22" s="122">
        <v>10818828</v>
      </c>
      <c r="OO22" s="122">
        <v>9943354</v>
      </c>
      <c r="OP22" s="122">
        <v>6987439</v>
      </c>
      <c r="OQ22" s="123">
        <v>41317653</v>
      </c>
      <c r="OR22" s="160">
        <v>42091875</v>
      </c>
    </row>
    <row r="23" spans="1:408" ht="20.25" customHeight="1" x14ac:dyDescent="0.2">
      <c r="A23" s="129" t="s">
        <v>18</v>
      </c>
      <c r="B23" s="112">
        <v>298864</v>
      </c>
      <c r="C23" s="116">
        <v>1090301</v>
      </c>
      <c r="D23" s="115">
        <v>1389165</v>
      </c>
      <c r="E23" s="111">
        <v>0</v>
      </c>
      <c r="F23" s="116">
        <v>6091504</v>
      </c>
      <c r="G23" s="116">
        <v>8875654</v>
      </c>
      <c r="H23" s="116">
        <v>6670179</v>
      </c>
      <c r="I23" s="116">
        <v>4942661</v>
      </c>
      <c r="J23" s="116">
        <v>3310062</v>
      </c>
      <c r="K23" s="111">
        <v>29890060</v>
      </c>
      <c r="L23" s="118">
        <v>31279225</v>
      </c>
      <c r="M23" s="112">
        <v>110365</v>
      </c>
      <c r="N23" s="116">
        <v>306125</v>
      </c>
      <c r="O23" s="115">
        <v>416490</v>
      </c>
      <c r="P23" s="112">
        <v>0</v>
      </c>
      <c r="Q23" s="116">
        <v>1563399</v>
      </c>
      <c r="R23" s="116">
        <v>3039876</v>
      </c>
      <c r="S23" s="116">
        <v>2133386</v>
      </c>
      <c r="T23" s="116">
        <v>2155931</v>
      </c>
      <c r="U23" s="116">
        <v>1322156</v>
      </c>
      <c r="V23" s="115">
        <v>10214748</v>
      </c>
      <c r="W23" s="118">
        <v>10631238</v>
      </c>
      <c r="X23" s="112">
        <v>0</v>
      </c>
      <c r="Y23" s="116">
        <v>0</v>
      </c>
      <c r="Z23" s="115">
        <v>0</v>
      </c>
      <c r="AA23" s="112">
        <v>0</v>
      </c>
      <c r="AB23" s="116">
        <v>479994</v>
      </c>
      <c r="AC23" s="116">
        <v>1801513</v>
      </c>
      <c r="AD23" s="116">
        <v>1187683</v>
      </c>
      <c r="AE23" s="116">
        <v>1288000</v>
      </c>
      <c r="AF23" s="116">
        <v>716759</v>
      </c>
      <c r="AG23" s="115">
        <v>5473949</v>
      </c>
      <c r="AH23" s="118">
        <v>5473949</v>
      </c>
      <c r="AI23" s="112">
        <v>0</v>
      </c>
      <c r="AJ23" s="116">
        <v>0</v>
      </c>
      <c r="AK23" s="115">
        <v>0</v>
      </c>
      <c r="AL23" s="112">
        <v>0</v>
      </c>
      <c r="AM23" s="116">
        <v>82843</v>
      </c>
      <c r="AN23" s="116">
        <v>11572</v>
      </c>
      <c r="AO23" s="116">
        <v>45641</v>
      </c>
      <c r="AP23" s="116">
        <v>207292</v>
      </c>
      <c r="AQ23" s="116">
        <v>226466</v>
      </c>
      <c r="AR23" s="115">
        <v>573814</v>
      </c>
      <c r="AS23" s="118">
        <v>573814</v>
      </c>
      <c r="AT23" s="112">
        <v>84125</v>
      </c>
      <c r="AU23" s="116">
        <v>109240</v>
      </c>
      <c r="AV23" s="115">
        <v>193365</v>
      </c>
      <c r="AW23" s="112">
        <v>0</v>
      </c>
      <c r="AX23" s="116">
        <v>577662</v>
      </c>
      <c r="AY23" s="116">
        <v>527181</v>
      </c>
      <c r="AZ23" s="116">
        <v>442241</v>
      </c>
      <c r="BA23" s="116">
        <v>361077</v>
      </c>
      <c r="BB23" s="116">
        <v>214363</v>
      </c>
      <c r="BC23" s="115">
        <v>2122524</v>
      </c>
      <c r="BD23" s="118">
        <v>2315889</v>
      </c>
      <c r="BE23" s="112">
        <v>0</v>
      </c>
      <c r="BF23" s="116">
        <v>91821</v>
      </c>
      <c r="BG23" s="114">
        <v>91821</v>
      </c>
      <c r="BH23" s="113">
        <v>0</v>
      </c>
      <c r="BI23" s="116">
        <v>85124</v>
      </c>
      <c r="BJ23" s="116">
        <v>88754</v>
      </c>
      <c r="BK23" s="116">
        <v>80981</v>
      </c>
      <c r="BL23" s="116">
        <v>45498</v>
      </c>
      <c r="BM23" s="116">
        <v>0</v>
      </c>
      <c r="BN23" s="115">
        <v>300357</v>
      </c>
      <c r="BO23" s="118">
        <v>392178</v>
      </c>
      <c r="BP23" s="112">
        <v>26240</v>
      </c>
      <c r="BQ23" s="116">
        <v>105064</v>
      </c>
      <c r="BR23" s="115">
        <v>131304</v>
      </c>
      <c r="BS23" s="112">
        <v>0</v>
      </c>
      <c r="BT23" s="116">
        <v>337776</v>
      </c>
      <c r="BU23" s="116">
        <v>610856</v>
      </c>
      <c r="BV23" s="116">
        <v>376840</v>
      </c>
      <c r="BW23" s="116">
        <v>254064</v>
      </c>
      <c r="BX23" s="116">
        <v>164568</v>
      </c>
      <c r="BY23" s="115">
        <v>1744104</v>
      </c>
      <c r="BZ23" s="118">
        <v>1875408</v>
      </c>
      <c r="CA23" s="112">
        <v>38199</v>
      </c>
      <c r="CB23" s="116">
        <v>349517</v>
      </c>
      <c r="CC23" s="115">
        <v>387716</v>
      </c>
      <c r="CD23" s="112">
        <v>0</v>
      </c>
      <c r="CE23" s="116">
        <v>2453079</v>
      </c>
      <c r="CF23" s="116">
        <v>2417551</v>
      </c>
      <c r="CG23" s="116">
        <v>1835863</v>
      </c>
      <c r="CH23" s="116">
        <v>790794</v>
      </c>
      <c r="CI23" s="116">
        <v>559099</v>
      </c>
      <c r="CJ23" s="115">
        <v>8056386</v>
      </c>
      <c r="CK23" s="118">
        <v>8444102</v>
      </c>
      <c r="CL23" s="112">
        <v>0</v>
      </c>
      <c r="CM23" s="116">
        <v>0</v>
      </c>
      <c r="CN23" s="115">
        <v>0</v>
      </c>
      <c r="CO23" s="113">
        <v>0</v>
      </c>
      <c r="CP23" s="116">
        <v>1923764</v>
      </c>
      <c r="CQ23" s="116">
        <v>1789844</v>
      </c>
      <c r="CR23" s="116">
        <v>1162990</v>
      </c>
      <c r="CS23" s="116">
        <v>467604</v>
      </c>
      <c r="CT23" s="116">
        <v>402666</v>
      </c>
      <c r="CU23" s="115">
        <v>5746868</v>
      </c>
      <c r="CV23" s="118">
        <v>5746868</v>
      </c>
      <c r="CW23" s="112">
        <v>38199</v>
      </c>
      <c r="CX23" s="116">
        <v>349517</v>
      </c>
      <c r="CY23" s="115">
        <v>387716</v>
      </c>
      <c r="CZ23" s="112">
        <v>0</v>
      </c>
      <c r="DA23" s="116">
        <v>529315</v>
      </c>
      <c r="DB23" s="116">
        <v>627707</v>
      </c>
      <c r="DC23" s="116">
        <v>672873</v>
      </c>
      <c r="DD23" s="116">
        <v>323190</v>
      </c>
      <c r="DE23" s="116">
        <v>156433</v>
      </c>
      <c r="DF23" s="115">
        <v>2309518</v>
      </c>
      <c r="DG23" s="118">
        <v>2697234</v>
      </c>
      <c r="DH23" s="112">
        <v>0</v>
      </c>
      <c r="DI23" s="116">
        <v>0</v>
      </c>
      <c r="DJ23" s="114">
        <v>0</v>
      </c>
      <c r="DK23" s="113">
        <v>0</v>
      </c>
      <c r="DL23" s="116">
        <v>222216</v>
      </c>
      <c r="DM23" s="116">
        <v>826573</v>
      </c>
      <c r="DN23" s="116">
        <v>537242</v>
      </c>
      <c r="DO23" s="116">
        <v>693754</v>
      </c>
      <c r="DP23" s="116">
        <v>162207</v>
      </c>
      <c r="DQ23" s="115">
        <v>2441992</v>
      </c>
      <c r="DR23" s="118">
        <v>2441992</v>
      </c>
      <c r="DS23" s="112">
        <v>0</v>
      </c>
      <c r="DT23" s="116">
        <v>0</v>
      </c>
      <c r="DU23" s="115">
        <v>0</v>
      </c>
      <c r="DV23" s="112">
        <v>0</v>
      </c>
      <c r="DW23" s="116">
        <v>189011</v>
      </c>
      <c r="DX23" s="116">
        <v>769977</v>
      </c>
      <c r="DY23" s="116">
        <v>537242</v>
      </c>
      <c r="DZ23" s="116">
        <v>693754</v>
      </c>
      <c r="EA23" s="116">
        <v>162207</v>
      </c>
      <c r="EB23" s="115">
        <v>2352191</v>
      </c>
      <c r="EC23" s="118">
        <v>2352191</v>
      </c>
      <c r="ED23" s="112">
        <v>0</v>
      </c>
      <c r="EE23" s="114">
        <v>0</v>
      </c>
      <c r="EF23" s="115">
        <v>0</v>
      </c>
      <c r="EG23" s="112">
        <v>0</v>
      </c>
      <c r="EH23" s="116">
        <v>33205</v>
      </c>
      <c r="EI23" s="116">
        <v>56596</v>
      </c>
      <c r="EJ23" s="116">
        <v>0</v>
      </c>
      <c r="EK23" s="116">
        <v>0</v>
      </c>
      <c r="EL23" s="116">
        <v>0</v>
      </c>
      <c r="EM23" s="114">
        <v>89801</v>
      </c>
      <c r="EN23" s="118">
        <v>89801</v>
      </c>
      <c r="EO23" s="112">
        <v>0</v>
      </c>
      <c r="EP23" s="116">
        <v>0</v>
      </c>
      <c r="EQ23" s="114">
        <v>0</v>
      </c>
      <c r="ER23" s="113">
        <v>0</v>
      </c>
      <c r="ES23" s="116">
        <v>0</v>
      </c>
      <c r="ET23" s="116">
        <v>0</v>
      </c>
      <c r="EU23" s="116">
        <v>0</v>
      </c>
      <c r="EV23" s="116">
        <v>0</v>
      </c>
      <c r="EW23" s="116">
        <v>0</v>
      </c>
      <c r="EX23" s="115">
        <v>0</v>
      </c>
      <c r="EY23" s="118">
        <v>0</v>
      </c>
      <c r="EZ23" s="112">
        <v>0</v>
      </c>
      <c r="FA23" s="116">
        <v>0</v>
      </c>
      <c r="FB23" s="114">
        <v>0</v>
      </c>
      <c r="FC23" s="390"/>
      <c r="FD23" s="116">
        <v>0</v>
      </c>
      <c r="FE23" s="116">
        <v>0</v>
      </c>
      <c r="FF23" s="116">
        <v>0</v>
      </c>
      <c r="FG23" s="116">
        <v>0</v>
      </c>
      <c r="FH23" s="116">
        <v>0</v>
      </c>
      <c r="FI23" s="115">
        <v>0</v>
      </c>
      <c r="FJ23" s="118">
        <v>0</v>
      </c>
      <c r="FK23" s="112">
        <v>101520</v>
      </c>
      <c r="FL23" s="116">
        <v>181912</v>
      </c>
      <c r="FM23" s="115">
        <v>283432</v>
      </c>
      <c r="FN23" s="112">
        <v>0</v>
      </c>
      <c r="FO23" s="116">
        <v>276328</v>
      </c>
      <c r="FP23" s="116">
        <v>649520</v>
      </c>
      <c r="FQ23" s="116">
        <v>494992</v>
      </c>
      <c r="FR23" s="116">
        <v>575464</v>
      </c>
      <c r="FS23" s="116">
        <v>165472</v>
      </c>
      <c r="FT23" s="115">
        <v>2161776</v>
      </c>
      <c r="FU23" s="118">
        <v>2445208</v>
      </c>
      <c r="FV23" s="117">
        <v>40720</v>
      </c>
      <c r="FW23" s="116">
        <v>129832</v>
      </c>
      <c r="FX23" s="114">
        <v>170552</v>
      </c>
      <c r="FY23" s="113">
        <v>0</v>
      </c>
      <c r="FZ23" s="116">
        <v>243944</v>
      </c>
      <c r="GA23" s="116">
        <v>649520</v>
      </c>
      <c r="GB23" s="116">
        <v>430768</v>
      </c>
      <c r="GC23" s="116">
        <v>542664</v>
      </c>
      <c r="GD23" s="116">
        <v>151072</v>
      </c>
      <c r="GE23" s="115">
        <v>2017968</v>
      </c>
      <c r="GF23" s="354">
        <v>2188520</v>
      </c>
      <c r="GG23" s="117">
        <v>0</v>
      </c>
      <c r="GH23" s="116">
        <v>24640</v>
      </c>
      <c r="GI23" s="114">
        <v>24640</v>
      </c>
      <c r="GJ23" s="113">
        <v>0</v>
      </c>
      <c r="GK23" s="116">
        <v>32384</v>
      </c>
      <c r="GL23" s="116">
        <v>0</v>
      </c>
      <c r="GM23" s="116">
        <v>21824</v>
      </c>
      <c r="GN23" s="116">
        <v>32800</v>
      </c>
      <c r="GO23" s="116">
        <v>0</v>
      </c>
      <c r="GP23" s="115">
        <v>87008</v>
      </c>
      <c r="GQ23" s="118">
        <v>111648</v>
      </c>
      <c r="GR23" s="112">
        <v>60800</v>
      </c>
      <c r="GS23" s="116">
        <v>27440</v>
      </c>
      <c r="GT23" s="115">
        <v>88240</v>
      </c>
      <c r="GU23" s="112">
        <v>0</v>
      </c>
      <c r="GV23" s="116">
        <v>0</v>
      </c>
      <c r="GW23" s="116">
        <v>0</v>
      </c>
      <c r="GX23" s="116">
        <v>42400</v>
      </c>
      <c r="GY23" s="116">
        <v>0</v>
      </c>
      <c r="GZ23" s="116">
        <v>14400</v>
      </c>
      <c r="HA23" s="114">
        <v>56800</v>
      </c>
      <c r="HB23" s="118">
        <v>145040</v>
      </c>
      <c r="HC23" s="112">
        <v>48780</v>
      </c>
      <c r="HD23" s="116">
        <v>252747</v>
      </c>
      <c r="HE23" s="114">
        <v>301527</v>
      </c>
      <c r="HF23" s="113">
        <v>0</v>
      </c>
      <c r="HG23" s="116">
        <v>1576482</v>
      </c>
      <c r="HH23" s="116">
        <v>1942134</v>
      </c>
      <c r="HI23" s="116">
        <v>1668696</v>
      </c>
      <c r="HJ23" s="116">
        <v>726718</v>
      </c>
      <c r="HK23" s="116">
        <v>1101128</v>
      </c>
      <c r="HL23" s="115">
        <v>7015158</v>
      </c>
      <c r="HM23" s="111">
        <v>7316685</v>
      </c>
      <c r="HN23" s="370"/>
      <c r="HO23" s="371"/>
      <c r="HP23" s="372"/>
      <c r="HQ23" s="373"/>
      <c r="HR23" s="371"/>
      <c r="HS23" s="371"/>
      <c r="HT23" s="371"/>
      <c r="HU23" s="371"/>
      <c r="HV23" s="371"/>
      <c r="HW23" s="374"/>
      <c r="HX23" s="375"/>
      <c r="HY23" s="148">
        <v>90020</v>
      </c>
      <c r="HZ23" s="149">
        <v>17318</v>
      </c>
      <c r="IA23" s="150">
        <v>107338</v>
      </c>
      <c r="IB23" s="163">
        <v>0</v>
      </c>
      <c r="IC23" s="149">
        <v>1640634</v>
      </c>
      <c r="ID23" s="164">
        <v>2909908</v>
      </c>
      <c r="IE23" s="150">
        <v>2485101</v>
      </c>
      <c r="IF23" s="149">
        <v>1569681</v>
      </c>
      <c r="IG23" s="150">
        <v>280928</v>
      </c>
      <c r="IH23" s="165">
        <v>8886252</v>
      </c>
      <c r="II23" s="156">
        <v>8993590</v>
      </c>
      <c r="IJ23" s="261">
        <v>0</v>
      </c>
      <c r="IK23" s="268">
        <v>0</v>
      </c>
      <c r="IL23" s="269">
        <v>0</v>
      </c>
      <c r="IM23" s="157"/>
      <c r="IN23" s="122">
        <v>0</v>
      </c>
      <c r="IO23" s="122">
        <v>0</v>
      </c>
      <c r="IP23" s="122">
        <v>0</v>
      </c>
      <c r="IQ23" s="122">
        <v>0</v>
      </c>
      <c r="IR23" s="122">
        <v>0</v>
      </c>
      <c r="IS23" s="158">
        <v>0</v>
      </c>
      <c r="IT23" s="357">
        <v>0</v>
      </c>
      <c r="IU23" s="159">
        <v>0</v>
      </c>
      <c r="IV23" s="122">
        <v>0</v>
      </c>
      <c r="IW23" s="123">
        <v>0</v>
      </c>
      <c r="IX23" s="161"/>
      <c r="IY23" s="122">
        <v>0</v>
      </c>
      <c r="IZ23" s="122">
        <v>0</v>
      </c>
      <c r="JA23" s="122">
        <v>0</v>
      </c>
      <c r="JB23" s="122">
        <v>0</v>
      </c>
      <c r="JC23" s="122">
        <v>0</v>
      </c>
      <c r="JD23" s="123">
        <v>0</v>
      </c>
      <c r="JE23" s="124">
        <v>0</v>
      </c>
      <c r="JF23" s="159">
        <v>0</v>
      </c>
      <c r="JG23" s="122">
        <v>0</v>
      </c>
      <c r="JH23" s="158">
        <v>0</v>
      </c>
      <c r="JI23" s="121">
        <v>0</v>
      </c>
      <c r="JJ23" s="122">
        <v>534045</v>
      </c>
      <c r="JK23" s="122">
        <v>1065789</v>
      </c>
      <c r="JL23" s="122">
        <v>329881</v>
      </c>
      <c r="JM23" s="122">
        <v>22805</v>
      </c>
      <c r="JN23" s="122">
        <v>0</v>
      </c>
      <c r="JO23" s="123">
        <v>1952520</v>
      </c>
      <c r="JP23" s="357">
        <v>1952520</v>
      </c>
      <c r="JQ23" s="159">
        <v>0</v>
      </c>
      <c r="JR23" s="122">
        <v>17318</v>
      </c>
      <c r="JS23" s="158">
        <v>17318</v>
      </c>
      <c r="JT23" s="121">
        <v>0</v>
      </c>
      <c r="JU23" s="122">
        <v>97964</v>
      </c>
      <c r="JV23" s="122">
        <v>0</v>
      </c>
      <c r="JW23" s="122">
        <v>137865</v>
      </c>
      <c r="JX23" s="122">
        <v>25556</v>
      </c>
      <c r="JY23" s="122">
        <v>51272</v>
      </c>
      <c r="JZ23" s="123">
        <v>312657</v>
      </c>
      <c r="KA23" s="357">
        <v>329975</v>
      </c>
      <c r="KB23" s="264">
        <v>90020</v>
      </c>
      <c r="KC23" s="258">
        <v>0</v>
      </c>
      <c r="KD23" s="123">
        <v>90020</v>
      </c>
      <c r="KE23" s="121">
        <v>0</v>
      </c>
      <c r="KF23" s="122">
        <v>584457</v>
      </c>
      <c r="KG23" s="122">
        <v>720139</v>
      </c>
      <c r="KH23" s="122">
        <v>870341</v>
      </c>
      <c r="KI23" s="122">
        <v>261217</v>
      </c>
      <c r="KJ23" s="122">
        <v>0</v>
      </c>
      <c r="KK23" s="123">
        <v>2436154</v>
      </c>
      <c r="KL23" s="160">
        <v>2526174</v>
      </c>
      <c r="KM23" s="261">
        <v>0</v>
      </c>
      <c r="KN23" s="268">
        <v>0</v>
      </c>
      <c r="KO23" s="269">
        <v>0</v>
      </c>
      <c r="KP23" s="157"/>
      <c r="KQ23" s="122">
        <v>424168</v>
      </c>
      <c r="KR23" s="122">
        <v>1123980</v>
      </c>
      <c r="KS23" s="122">
        <v>1147014</v>
      </c>
      <c r="KT23" s="122">
        <v>466838</v>
      </c>
      <c r="KU23" s="122">
        <v>235049</v>
      </c>
      <c r="KV23" s="123">
        <v>3397049</v>
      </c>
      <c r="KW23" s="357">
        <v>3397049</v>
      </c>
      <c r="KX23" s="159">
        <v>0</v>
      </c>
      <c r="KY23" s="122">
        <v>0</v>
      </c>
      <c r="KZ23" s="123">
        <v>0</v>
      </c>
      <c r="LA23" s="162"/>
      <c r="LB23" s="122">
        <v>0</v>
      </c>
      <c r="LC23" s="122">
        <v>0</v>
      </c>
      <c r="LD23" s="122">
        <v>0</v>
      </c>
      <c r="LE23" s="122">
        <v>0</v>
      </c>
      <c r="LF23" s="122">
        <v>0</v>
      </c>
      <c r="LG23" s="123">
        <v>0</v>
      </c>
      <c r="LH23" s="124">
        <v>0</v>
      </c>
      <c r="LI23" s="159">
        <v>0</v>
      </c>
      <c r="LJ23" s="122">
        <v>0</v>
      </c>
      <c r="LK23" s="123">
        <v>0</v>
      </c>
      <c r="LL23" s="162"/>
      <c r="LM23" s="122">
        <v>0</v>
      </c>
      <c r="LN23" s="122">
        <v>0</v>
      </c>
      <c r="LO23" s="122">
        <v>0</v>
      </c>
      <c r="LP23" s="122">
        <v>0</v>
      </c>
      <c r="LQ23" s="122">
        <v>0</v>
      </c>
      <c r="LR23" s="123">
        <v>0</v>
      </c>
      <c r="LS23" s="357">
        <v>0</v>
      </c>
      <c r="LT23" s="159">
        <v>0</v>
      </c>
      <c r="LU23" s="122">
        <v>0</v>
      </c>
      <c r="LV23" s="123">
        <v>0</v>
      </c>
      <c r="LW23" s="162"/>
      <c r="LX23" s="122">
        <v>0</v>
      </c>
      <c r="LY23" s="122">
        <v>0</v>
      </c>
      <c r="LZ23" s="122">
        <v>0</v>
      </c>
      <c r="MA23" s="122">
        <v>793265</v>
      </c>
      <c r="MB23" s="122">
        <v>-5393</v>
      </c>
      <c r="MC23" s="123">
        <v>787872</v>
      </c>
      <c r="MD23" s="124">
        <v>787872</v>
      </c>
      <c r="ME23" s="159">
        <v>0</v>
      </c>
      <c r="MF23" s="122">
        <v>0</v>
      </c>
      <c r="MG23" s="123">
        <v>0</v>
      </c>
      <c r="MH23" s="162"/>
      <c r="MI23" s="122">
        <v>0</v>
      </c>
      <c r="MJ23" s="122">
        <v>267944</v>
      </c>
      <c r="MK23" s="122">
        <v>4422379</v>
      </c>
      <c r="ML23" s="122">
        <v>6789180</v>
      </c>
      <c r="MM23" s="122">
        <v>3701403</v>
      </c>
      <c r="MN23" s="123">
        <v>15180906</v>
      </c>
      <c r="MO23" s="160">
        <v>15180906</v>
      </c>
      <c r="MP23" s="159">
        <v>0</v>
      </c>
      <c r="MQ23" s="122">
        <v>0</v>
      </c>
      <c r="MR23" s="123">
        <v>0</v>
      </c>
      <c r="MS23" s="162"/>
      <c r="MT23" s="122">
        <v>0</v>
      </c>
      <c r="MU23" s="122">
        <v>0</v>
      </c>
      <c r="MV23" s="122">
        <v>2668656</v>
      </c>
      <c r="MW23" s="122">
        <v>4897217</v>
      </c>
      <c r="MX23" s="122">
        <v>1898399</v>
      </c>
      <c r="MY23" s="123">
        <v>9464272</v>
      </c>
      <c r="MZ23" s="160">
        <v>9464272</v>
      </c>
      <c r="NA23" s="159">
        <v>0</v>
      </c>
      <c r="NB23" s="122">
        <v>0</v>
      </c>
      <c r="NC23" s="123">
        <v>0</v>
      </c>
      <c r="ND23" s="162"/>
      <c r="NE23" s="122">
        <v>0</v>
      </c>
      <c r="NF23" s="122">
        <v>267944</v>
      </c>
      <c r="NG23" s="122">
        <v>1753723</v>
      </c>
      <c r="NH23" s="122">
        <v>1891963</v>
      </c>
      <c r="NI23" s="122">
        <v>1448609</v>
      </c>
      <c r="NJ23" s="123">
        <v>5362239</v>
      </c>
      <c r="NK23" s="357">
        <v>5362239</v>
      </c>
      <c r="NL23" s="159">
        <v>0</v>
      </c>
      <c r="NM23" s="122">
        <v>0</v>
      </c>
      <c r="NN23" s="123">
        <v>0</v>
      </c>
      <c r="NO23" s="162"/>
      <c r="NP23" s="122">
        <v>0</v>
      </c>
      <c r="NQ23" s="122">
        <v>0</v>
      </c>
      <c r="NR23" s="122">
        <v>0</v>
      </c>
      <c r="NS23" s="122">
        <v>0</v>
      </c>
      <c r="NT23" s="122">
        <v>0</v>
      </c>
      <c r="NU23" s="123">
        <v>0</v>
      </c>
      <c r="NV23" s="124">
        <v>0</v>
      </c>
      <c r="NW23" s="159">
        <v>0</v>
      </c>
      <c r="NX23" s="122">
        <v>0</v>
      </c>
      <c r="NY23" s="123">
        <v>0</v>
      </c>
      <c r="NZ23" s="162"/>
      <c r="OA23" s="122">
        <v>0</v>
      </c>
      <c r="OB23" s="122">
        <v>0</v>
      </c>
      <c r="OC23" s="122">
        <v>0</v>
      </c>
      <c r="OD23" s="122">
        <v>0</v>
      </c>
      <c r="OE23" s="122">
        <v>354395</v>
      </c>
      <c r="OF23" s="123">
        <v>354395</v>
      </c>
      <c r="OG23" s="124">
        <v>354395</v>
      </c>
      <c r="OH23" s="159">
        <v>388884</v>
      </c>
      <c r="OI23" s="122">
        <v>1107619</v>
      </c>
      <c r="OJ23" s="158">
        <v>1496503</v>
      </c>
      <c r="OK23" s="121">
        <v>0</v>
      </c>
      <c r="OL23" s="122">
        <v>7732138</v>
      </c>
      <c r="OM23" s="122">
        <v>12053506</v>
      </c>
      <c r="ON23" s="122">
        <v>13577659</v>
      </c>
      <c r="OO23" s="122">
        <v>13301522</v>
      </c>
      <c r="OP23" s="122">
        <v>7292393</v>
      </c>
      <c r="OQ23" s="123">
        <v>53957218</v>
      </c>
      <c r="OR23" s="160">
        <v>55453721</v>
      </c>
    </row>
    <row r="24" spans="1:408" ht="20.25" customHeight="1" x14ac:dyDescent="0.2">
      <c r="A24" s="129" t="s">
        <v>19</v>
      </c>
      <c r="B24" s="112">
        <v>91640</v>
      </c>
      <c r="C24" s="116">
        <v>366557</v>
      </c>
      <c r="D24" s="115">
        <v>458197</v>
      </c>
      <c r="E24" s="111">
        <v>0</v>
      </c>
      <c r="F24" s="116">
        <v>3891069</v>
      </c>
      <c r="G24" s="116">
        <v>4051495</v>
      </c>
      <c r="H24" s="116">
        <v>1935537</v>
      </c>
      <c r="I24" s="116">
        <v>2992610</v>
      </c>
      <c r="J24" s="116">
        <v>1491218</v>
      </c>
      <c r="K24" s="111">
        <v>14361929</v>
      </c>
      <c r="L24" s="118">
        <v>14820126</v>
      </c>
      <c r="M24" s="112">
        <v>32124</v>
      </c>
      <c r="N24" s="116">
        <v>23344</v>
      </c>
      <c r="O24" s="115">
        <v>55468</v>
      </c>
      <c r="P24" s="112">
        <v>0</v>
      </c>
      <c r="Q24" s="116">
        <v>1586681</v>
      </c>
      <c r="R24" s="116">
        <v>1280605</v>
      </c>
      <c r="S24" s="116">
        <v>617474</v>
      </c>
      <c r="T24" s="116">
        <v>1524372</v>
      </c>
      <c r="U24" s="116">
        <v>679756</v>
      </c>
      <c r="V24" s="115">
        <v>5688888</v>
      </c>
      <c r="W24" s="118">
        <v>5744356</v>
      </c>
      <c r="X24" s="112">
        <v>0</v>
      </c>
      <c r="Y24" s="116">
        <v>0</v>
      </c>
      <c r="Z24" s="115">
        <v>0</v>
      </c>
      <c r="AA24" s="112">
        <v>0</v>
      </c>
      <c r="AB24" s="116">
        <v>697905</v>
      </c>
      <c r="AC24" s="116">
        <v>313712</v>
      </c>
      <c r="AD24" s="116">
        <v>197444</v>
      </c>
      <c r="AE24" s="116">
        <v>776199</v>
      </c>
      <c r="AF24" s="116">
        <v>126284</v>
      </c>
      <c r="AG24" s="115">
        <v>2111544</v>
      </c>
      <c r="AH24" s="118">
        <v>2111544</v>
      </c>
      <c r="AI24" s="112">
        <v>0</v>
      </c>
      <c r="AJ24" s="116">
        <v>0</v>
      </c>
      <c r="AK24" s="115">
        <v>0</v>
      </c>
      <c r="AL24" s="112">
        <v>0</v>
      </c>
      <c r="AM24" s="116">
        <v>23368</v>
      </c>
      <c r="AN24" s="116">
        <v>103869</v>
      </c>
      <c r="AO24" s="116">
        <v>0</v>
      </c>
      <c r="AP24" s="116">
        <v>277653</v>
      </c>
      <c r="AQ24" s="116">
        <v>189447</v>
      </c>
      <c r="AR24" s="115">
        <v>594337</v>
      </c>
      <c r="AS24" s="118">
        <v>594337</v>
      </c>
      <c r="AT24" s="112">
        <v>15612</v>
      </c>
      <c r="AU24" s="116">
        <v>0</v>
      </c>
      <c r="AV24" s="115">
        <v>15612</v>
      </c>
      <c r="AW24" s="112">
        <v>0</v>
      </c>
      <c r="AX24" s="116">
        <v>510956</v>
      </c>
      <c r="AY24" s="116">
        <v>590482</v>
      </c>
      <c r="AZ24" s="116">
        <v>169791</v>
      </c>
      <c r="BA24" s="116">
        <v>272915</v>
      </c>
      <c r="BB24" s="116">
        <v>277305</v>
      </c>
      <c r="BC24" s="115">
        <v>1821449</v>
      </c>
      <c r="BD24" s="118">
        <v>1837061</v>
      </c>
      <c r="BE24" s="112">
        <v>0</v>
      </c>
      <c r="BF24" s="116">
        <v>0</v>
      </c>
      <c r="BG24" s="114">
        <v>0</v>
      </c>
      <c r="BH24" s="113">
        <v>0</v>
      </c>
      <c r="BI24" s="116">
        <v>9444</v>
      </c>
      <c r="BJ24" s="116">
        <v>41574</v>
      </c>
      <c r="BK24" s="116">
        <v>141887</v>
      </c>
      <c r="BL24" s="116">
        <v>15109</v>
      </c>
      <c r="BM24" s="116">
        <v>0</v>
      </c>
      <c r="BN24" s="115">
        <v>208014</v>
      </c>
      <c r="BO24" s="118">
        <v>208014</v>
      </c>
      <c r="BP24" s="112">
        <v>16512</v>
      </c>
      <c r="BQ24" s="116">
        <v>23344</v>
      </c>
      <c r="BR24" s="115">
        <v>39856</v>
      </c>
      <c r="BS24" s="112">
        <v>0</v>
      </c>
      <c r="BT24" s="116">
        <v>345008</v>
      </c>
      <c r="BU24" s="116">
        <v>230968</v>
      </c>
      <c r="BV24" s="116">
        <v>108352</v>
      </c>
      <c r="BW24" s="116">
        <v>182496</v>
      </c>
      <c r="BX24" s="116">
        <v>86720</v>
      </c>
      <c r="BY24" s="115">
        <v>953544</v>
      </c>
      <c r="BZ24" s="118">
        <v>993400</v>
      </c>
      <c r="CA24" s="112">
        <v>42316</v>
      </c>
      <c r="CB24" s="116">
        <v>40857</v>
      </c>
      <c r="CC24" s="115">
        <v>83173</v>
      </c>
      <c r="CD24" s="112">
        <v>0</v>
      </c>
      <c r="CE24" s="116">
        <v>1088930</v>
      </c>
      <c r="CF24" s="116">
        <v>1488803</v>
      </c>
      <c r="CG24" s="116">
        <v>621359</v>
      </c>
      <c r="CH24" s="116">
        <v>243007</v>
      </c>
      <c r="CI24" s="116">
        <v>0</v>
      </c>
      <c r="CJ24" s="115">
        <v>3442099</v>
      </c>
      <c r="CK24" s="118">
        <v>3525272</v>
      </c>
      <c r="CL24" s="112">
        <v>0</v>
      </c>
      <c r="CM24" s="116">
        <v>0</v>
      </c>
      <c r="CN24" s="115">
        <v>0</v>
      </c>
      <c r="CO24" s="113">
        <v>0</v>
      </c>
      <c r="CP24" s="116">
        <v>832261</v>
      </c>
      <c r="CQ24" s="116">
        <v>1236357</v>
      </c>
      <c r="CR24" s="116">
        <v>621359</v>
      </c>
      <c r="CS24" s="116">
        <v>79502</v>
      </c>
      <c r="CT24" s="116">
        <v>0</v>
      </c>
      <c r="CU24" s="115">
        <v>2769479</v>
      </c>
      <c r="CV24" s="118">
        <v>2769479</v>
      </c>
      <c r="CW24" s="112">
        <v>42316</v>
      </c>
      <c r="CX24" s="116">
        <v>40857</v>
      </c>
      <c r="CY24" s="115">
        <v>83173</v>
      </c>
      <c r="CZ24" s="112">
        <v>0</v>
      </c>
      <c r="DA24" s="116">
        <v>256669</v>
      </c>
      <c r="DB24" s="116">
        <v>252446</v>
      </c>
      <c r="DC24" s="116">
        <v>0</v>
      </c>
      <c r="DD24" s="116">
        <v>163505</v>
      </c>
      <c r="DE24" s="116">
        <v>0</v>
      </c>
      <c r="DF24" s="115">
        <v>672620</v>
      </c>
      <c r="DG24" s="118">
        <v>755793</v>
      </c>
      <c r="DH24" s="112">
        <v>0</v>
      </c>
      <c r="DI24" s="116">
        <v>0</v>
      </c>
      <c r="DJ24" s="114">
        <v>0</v>
      </c>
      <c r="DK24" s="113">
        <v>0</v>
      </c>
      <c r="DL24" s="116">
        <v>38217</v>
      </c>
      <c r="DM24" s="116">
        <v>157942</v>
      </c>
      <c r="DN24" s="116">
        <v>0</v>
      </c>
      <c r="DO24" s="116">
        <v>33932</v>
      </c>
      <c r="DP24" s="116">
        <v>0</v>
      </c>
      <c r="DQ24" s="115">
        <v>230091</v>
      </c>
      <c r="DR24" s="118">
        <v>230091</v>
      </c>
      <c r="DS24" s="112">
        <v>0</v>
      </c>
      <c r="DT24" s="116">
        <v>0</v>
      </c>
      <c r="DU24" s="115">
        <v>0</v>
      </c>
      <c r="DV24" s="112">
        <v>0</v>
      </c>
      <c r="DW24" s="116">
        <v>38217</v>
      </c>
      <c r="DX24" s="116">
        <v>157942</v>
      </c>
      <c r="DY24" s="116">
        <v>0</v>
      </c>
      <c r="DZ24" s="116">
        <v>0</v>
      </c>
      <c r="EA24" s="116">
        <v>0</v>
      </c>
      <c r="EB24" s="115">
        <v>196159</v>
      </c>
      <c r="EC24" s="118">
        <v>196159</v>
      </c>
      <c r="ED24" s="112">
        <v>0</v>
      </c>
      <c r="EE24" s="114">
        <v>0</v>
      </c>
      <c r="EF24" s="115">
        <v>0</v>
      </c>
      <c r="EG24" s="112">
        <v>0</v>
      </c>
      <c r="EH24" s="116">
        <v>0</v>
      </c>
      <c r="EI24" s="116">
        <v>0</v>
      </c>
      <c r="EJ24" s="116">
        <v>0</v>
      </c>
      <c r="EK24" s="116">
        <v>33932</v>
      </c>
      <c r="EL24" s="116">
        <v>0</v>
      </c>
      <c r="EM24" s="114">
        <v>33932</v>
      </c>
      <c r="EN24" s="118">
        <v>33932</v>
      </c>
      <c r="EO24" s="112">
        <v>0</v>
      </c>
      <c r="EP24" s="116">
        <v>0</v>
      </c>
      <c r="EQ24" s="114">
        <v>0</v>
      </c>
      <c r="ER24" s="113">
        <v>0</v>
      </c>
      <c r="ES24" s="116">
        <v>0</v>
      </c>
      <c r="ET24" s="116">
        <v>0</v>
      </c>
      <c r="EU24" s="116">
        <v>0</v>
      </c>
      <c r="EV24" s="116">
        <v>0</v>
      </c>
      <c r="EW24" s="116">
        <v>0</v>
      </c>
      <c r="EX24" s="115">
        <v>0</v>
      </c>
      <c r="EY24" s="118">
        <v>0</v>
      </c>
      <c r="EZ24" s="112">
        <v>0</v>
      </c>
      <c r="FA24" s="116">
        <v>0</v>
      </c>
      <c r="FB24" s="114">
        <v>0</v>
      </c>
      <c r="FC24" s="390"/>
      <c r="FD24" s="116">
        <v>0</v>
      </c>
      <c r="FE24" s="116">
        <v>0</v>
      </c>
      <c r="FF24" s="116">
        <v>0</v>
      </c>
      <c r="FG24" s="116">
        <v>0</v>
      </c>
      <c r="FH24" s="116">
        <v>0</v>
      </c>
      <c r="FI24" s="115">
        <v>0</v>
      </c>
      <c r="FJ24" s="118">
        <v>0</v>
      </c>
      <c r="FK24" s="112">
        <v>17200</v>
      </c>
      <c r="FL24" s="116">
        <v>50480</v>
      </c>
      <c r="FM24" s="115">
        <v>67680</v>
      </c>
      <c r="FN24" s="112">
        <v>0</v>
      </c>
      <c r="FO24" s="116">
        <v>171168</v>
      </c>
      <c r="FP24" s="116">
        <v>479077</v>
      </c>
      <c r="FQ24" s="116">
        <v>154552</v>
      </c>
      <c r="FR24" s="116">
        <v>223784</v>
      </c>
      <c r="FS24" s="116">
        <v>314488</v>
      </c>
      <c r="FT24" s="115">
        <v>1343069</v>
      </c>
      <c r="FU24" s="118">
        <v>1410749</v>
      </c>
      <c r="FV24" s="117">
        <v>17200</v>
      </c>
      <c r="FW24" s="116">
        <v>50480</v>
      </c>
      <c r="FX24" s="114">
        <v>67680</v>
      </c>
      <c r="FY24" s="113">
        <v>0</v>
      </c>
      <c r="FZ24" s="116">
        <v>171168</v>
      </c>
      <c r="GA24" s="116">
        <v>420472</v>
      </c>
      <c r="GB24" s="116">
        <v>154552</v>
      </c>
      <c r="GC24" s="116">
        <v>223784</v>
      </c>
      <c r="GD24" s="116">
        <v>154488</v>
      </c>
      <c r="GE24" s="115">
        <v>1124464</v>
      </c>
      <c r="GF24" s="354">
        <v>1192144</v>
      </c>
      <c r="GG24" s="117">
        <v>0</v>
      </c>
      <c r="GH24" s="116">
        <v>0</v>
      </c>
      <c r="GI24" s="114">
        <v>0</v>
      </c>
      <c r="GJ24" s="113">
        <v>0</v>
      </c>
      <c r="GK24" s="116">
        <v>0</v>
      </c>
      <c r="GL24" s="116">
        <v>0</v>
      </c>
      <c r="GM24" s="116">
        <v>0</v>
      </c>
      <c r="GN24" s="116">
        <v>0</v>
      </c>
      <c r="GO24" s="116">
        <v>0</v>
      </c>
      <c r="GP24" s="115">
        <v>0</v>
      </c>
      <c r="GQ24" s="118">
        <v>0</v>
      </c>
      <c r="GR24" s="112">
        <v>0</v>
      </c>
      <c r="GS24" s="116">
        <v>0</v>
      </c>
      <c r="GT24" s="115">
        <v>0</v>
      </c>
      <c r="GU24" s="112">
        <v>0</v>
      </c>
      <c r="GV24" s="116">
        <v>0</v>
      </c>
      <c r="GW24" s="116">
        <v>58605</v>
      </c>
      <c r="GX24" s="116">
        <v>0</v>
      </c>
      <c r="GY24" s="116">
        <v>0</v>
      </c>
      <c r="GZ24" s="116">
        <v>160000</v>
      </c>
      <c r="HA24" s="114">
        <v>218605</v>
      </c>
      <c r="HB24" s="118">
        <v>218605</v>
      </c>
      <c r="HC24" s="112">
        <v>0</v>
      </c>
      <c r="HD24" s="116">
        <v>251876</v>
      </c>
      <c r="HE24" s="114">
        <v>251876</v>
      </c>
      <c r="HF24" s="113">
        <v>0</v>
      </c>
      <c r="HG24" s="116">
        <v>1006073</v>
      </c>
      <c r="HH24" s="116">
        <v>645068</v>
      </c>
      <c r="HI24" s="116">
        <v>542152</v>
      </c>
      <c r="HJ24" s="116">
        <v>967515</v>
      </c>
      <c r="HK24" s="116">
        <v>496974</v>
      </c>
      <c r="HL24" s="115">
        <v>3657782</v>
      </c>
      <c r="HM24" s="111">
        <v>3909658</v>
      </c>
      <c r="HN24" s="370"/>
      <c r="HO24" s="371"/>
      <c r="HP24" s="372"/>
      <c r="HQ24" s="373"/>
      <c r="HR24" s="371"/>
      <c r="HS24" s="371"/>
      <c r="HT24" s="371"/>
      <c r="HU24" s="371"/>
      <c r="HV24" s="371"/>
      <c r="HW24" s="374"/>
      <c r="HX24" s="375"/>
      <c r="HY24" s="167">
        <v>0</v>
      </c>
      <c r="HZ24" s="152">
        <v>0</v>
      </c>
      <c r="IA24" s="167">
        <v>0</v>
      </c>
      <c r="IB24" s="151">
        <v>0</v>
      </c>
      <c r="IC24" s="152">
        <v>842143</v>
      </c>
      <c r="ID24" s="153">
        <v>838937</v>
      </c>
      <c r="IE24" s="154">
        <v>203741</v>
      </c>
      <c r="IF24" s="152">
        <v>277952</v>
      </c>
      <c r="IG24" s="154">
        <v>879606</v>
      </c>
      <c r="IH24" s="155">
        <v>3042379</v>
      </c>
      <c r="II24" s="167">
        <v>3042379</v>
      </c>
      <c r="IJ24" s="261">
        <v>0</v>
      </c>
      <c r="IK24" s="268">
        <v>0</v>
      </c>
      <c r="IL24" s="269">
        <v>0</v>
      </c>
      <c r="IM24" s="157"/>
      <c r="IN24" s="122">
        <v>55613</v>
      </c>
      <c r="IO24" s="122">
        <v>0</v>
      </c>
      <c r="IP24" s="122">
        <v>0</v>
      </c>
      <c r="IQ24" s="122">
        <v>215463</v>
      </c>
      <c r="IR24" s="122">
        <v>0</v>
      </c>
      <c r="IS24" s="158">
        <v>271076</v>
      </c>
      <c r="IT24" s="357">
        <v>271076</v>
      </c>
      <c r="IU24" s="159">
        <v>0</v>
      </c>
      <c r="IV24" s="122">
        <v>0</v>
      </c>
      <c r="IW24" s="123">
        <v>0</v>
      </c>
      <c r="IX24" s="161"/>
      <c r="IY24" s="122">
        <v>0</v>
      </c>
      <c r="IZ24" s="122">
        <v>0</v>
      </c>
      <c r="JA24" s="122">
        <v>0</v>
      </c>
      <c r="JB24" s="122">
        <v>0</v>
      </c>
      <c r="JC24" s="122">
        <v>0</v>
      </c>
      <c r="JD24" s="123">
        <v>0</v>
      </c>
      <c r="JE24" s="124">
        <v>0</v>
      </c>
      <c r="JF24" s="159">
        <v>0</v>
      </c>
      <c r="JG24" s="122">
        <v>0</v>
      </c>
      <c r="JH24" s="158">
        <v>0</v>
      </c>
      <c r="JI24" s="121">
        <v>0</v>
      </c>
      <c r="JJ24" s="122">
        <v>160442</v>
      </c>
      <c r="JK24" s="122">
        <v>95083</v>
      </c>
      <c r="JL24" s="122">
        <v>0</v>
      </c>
      <c r="JM24" s="122">
        <v>62489</v>
      </c>
      <c r="JN24" s="122">
        <v>0</v>
      </c>
      <c r="JO24" s="123">
        <v>318014</v>
      </c>
      <c r="JP24" s="357">
        <v>318014</v>
      </c>
      <c r="JQ24" s="159">
        <v>0</v>
      </c>
      <c r="JR24" s="122">
        <v>0</v>
      </c>
      <c r="JS24" s="158">
        <v>0</v>
      </c>
      <c r="JT24" s="121">
        <v>0</v>
      </c>
      <c r="JU24" s="122">
        <v>0</v>
      </c>
      <c r="JV24" s="122">
        <v>225995</v>
      </c>
      <c r="JW24" s="122">
        <v>0</v>
      </c>
      <c r="JX24" s="122">
        <v>0</v>
      </c>
      <c r="JY24" s="122">
        <v>0</v>
      </c>
      <c r="JZ24" s="123">
        <v>225995</v>
      </c>
      <c r="KA24" s="357">
        <v>225995</v>
      </c>
      <c r="KB24" s="264">
        <v>0</v>
      </c>
      <c r="KC24" s="258">
        <v>0</v>
      </c>
      <c r="KD24" s="123">
        <v>0</v>
      </c>
      <c r="KE24" s="121">
        <v>0</v>
      </c>
      <c r="KF24" s="122">
        <v>415743</v>
      </c>
      <c r="KG24" s="122">
        <v>298218</v>
      </c>
      <c r="KH24" s="122">
        <v>203741</v>
      </c>
      <c r="KI24" s="122">
        <v>0</v>
      </c>
      <c r="KJ24" s="122">
        <v>528376</v>
      </c>
      <c r="KK24" s="123">
        <v>1446078</v>
      </c>
      <c r="KL24" s="160">
        <v>1446078</v>
      </c>
      <c r="KM24" s="261">
        <v>0</v>
      </c>
      <c r="KN24" s="268">
        <v>0</v>
      </c>
      <c r="KO24" s="269">
        <v>0</v>
      </c>
      <c r="KP24" s="157"/>
      <c r="KQ24" s="122">
        <v>210345</v>
      </c>
      <c r="KR24" s="122">
        <v>219641</v>
      </c>
      <c r="KS24" s="122">
        <v>0</v>
      </c>
      <c r="KT24" s="122">
        <v>0</v>
      </c>
      <c r="KU24" s="122">
        <v>0</v>
      </c>
      <c r="KV24" s="123">
        <v>429986</v>
      </c>
      <c r="KW24" s="357">
        <v>429986</v>
      </c>
      <c r="KX24" s="159">
        <v>0</v>
      </c>
      <c r="KY24" s="122">
        <v>0</v>
      </c>
      <c r="KZ24" s="123">
        <v>0</v>
      </c>
      <c r="LA24" s="162"/>
      <c r="LB24" s="122">
        <v>0</v>
      </c>
      <c r="LC24" s="122">
        <v>0</v>
      </c>
      <c r="LD24" s="122">
        <v>0</v>
      </c>
      <c r="LE24" s="122">
        <v>0</v>
      </c>
      <c r="LF24" s="122">
        <v>0</v>
      </c>
      <c r="LG24" s="123">
        <v>0</v>
      </c>
      <c r="LH24" s="124">
        <v>0</v>
      </c>
      <c r="LI24" s="159">
        <v>0</v>
      </c>
      <c r="LJ24" s="122">
        <v>0</v>
      </c>
      <c r="LK24" s="123">
        <v>0</v>
      </c>
      <c r="LL24" s="162"/>
      <c r="LM24" s="122">
        <v>0</v>
      </c>
      <c r="LN24" s="122">
        <v>0</v>
      </c>
      <c r="LO24" s="122">
        <v>0</v>
      </c>
      <c r="LP24" s="122">
        <v>0</v>
      </c>
      <c r="LQ24" s="122">
        <v>0</v>
      </c>
      <c r="LR24" s="123">
        <v>0</v>
      </c>
      <c r="LS24" s="357">
        <v>0</v>
      </c>
      <c r="LT24" s="159">
        <v>0</v>
      </c>
      <c r="LU24" s="122">
        <v>0</v>
      </c>
      <c r="LV24" s="123">
        <v>0</v>
      </c>
      <c r="LW24" s="162"/>
      <c r="LX24" s="122">
        <v>0</v>
      </c>
      <c r="LY24" s="122">
        <v>0</v>
      </c>
      <c r="LZ24" s="122">
        <v>0</v>
      </c>
      <c r="MA24" s="122">
        <v>0</v>
      </c>
      <c r="MB24" s="122">
        <v>351230</v>
      </c>
      <c r="MC24" s="123">
        <v>351230</v>
      </c>
      <c r="MD24" s="124">
        <v>351230</v>
      </c>
      <c r="ME24" s="159">
        <v>0</v>
      </c>
      <c r="MF24" s="122">
        <v>0</v>
      </c>
      <c r="MG24" s="123">
        <v>0</v>
      </c>
      <c r="MH24" s="162"/>
      <c r="MI24" s="122">
        <v>445160</v>
      </c>
      <c r="MJ24" s="122">
        <v>228311</v>
      </c>
      <c r="MK24" s="122">
        <v>1211402</v>
      </c>
      <c r="ML24" s="122">
        <v>1983658</v>
      </c>
      <c r="MM24" s="122">
        <v>1000567</v>
      </c>
      <c r="MN24" s="123">
        <v>4869098</v>
      </c>
      <c r="MO24" s="160">
        <v>4869098</v>
      </c>
      <c r="MP24" s="159">
        <v>0</v>
      </c>
      <c r="MQ24" s="122">
        <v>0</v>
      </c>
      <c r="MR24" s="123">
        <v>0</v>
      </c>
      <c r="MS24" s="162"/>
      <c r="MT24" s="122">
        <v>0</v>
      </c>
      <c r="MU24" s="122">
        <v>0</v>
      </c>
      <c r="MV24" s="122">
        <v>420816</v>
      </c>
      <c r="MW24" s="122">
        <v>1197854</v>
      </c>
      <c r="MX24" s="122">
        <v>1000567</v>
      </c>
      <c r="MY24" s="123">
        <v>2619237</v>
      </c>
      <c r="MZ24" s="160">
        <v>2619237</v>
      </c>
      <c r="NA24" s="159">
        <v>0</v>
      </c>
      <c r="NB24" s="122">
        <v>0</v>
      </c>
      <c r="NC24" s="123">
        <v>0</v>
      </c>
      <c r="ND24" s="162"/>
      <c r="NE24" s="122">
        <v>445160</v>
      </c>
      <c r="NF24" s="122">
        <v>228311</v>
      </c>
      <c r="NG24" s="122">
        <v>790586</v>
      </c>
      <c r="NH24" s="122">
        <v>785804</v>
      </c>
      <c r="NI24" s="122">
        <v>0</v>
      </c>
      <c r="NJ24" s="123">
        <v>2249861</v>
      </c>
      <c r="NK24" s="357">
        <v>2249861</v>
      </c>
      <c r="NL24" s="159">
        <v>0</v>
      </c>
      <c r="NM24" s="122">
        <v>0</v>
      </c>
      <c r="NN24" s="123">
        <v>0</v>
      </c>
      <c r="NO24" s="162"/>
      <c r="NP24" s="122">
        <v>0</v>
      </c>
      <c r="NQ24" s="122">
        <v>0</v>
      </c>
      <c r="NR24" s="122">
        <v>0</v>
      </c>
      <c r="NS24" s="122">
        <v>0</v>
      </c>
      <c r="NT24" s="122">
        <v>0</v>
      </c>
      <c r="NU24" s="123">
        <v>0</v>
      </c>
      <c r="NV24" s="124">
        <v>0</v>
      </c>
      <c r="NW24" s="159">
        <v>0</v>
      </c>
      <c r="NX24" s="122">
        <v>0</v>
      </c>
      <c r="NY24" s="123">
        <v>0</v>
      </c>
      <c r="NZ24" s="162"/>
      <c r="OA24" s="122">
        <v>0</v>
      </c>
      <c r="OB24" s="122">
        <v>0</v>
      </c>
      <c r="OC24" s="122">
        <v>0</v>
      </c>
      <c r="OD24" s="122">
        <v>0</v>
      </c>
      <c r="OE24" s="122">
        <v>0</v>
      </c>
      <c r="OF24" s="123">
        <v>0</v>
      </c>
      <c r="OG24" s="124">
        <v>0</v>
      </c>
      <c r="OH24" s="159">
        <v>91640</v>
      </c>
      <c r="OI24" s="122">
        <v>366557</v>
      </c>
      <c r="OJ24" s="158">
        <v>458197</v>
      </c>
      <c r="OK24" s="121">
        <v>0</v>
      </c>
      <c r="OL24" s="122">
        <v>5178372</v>
      </c>
      <c r="OM24" s="122">
        <v>5118743</v>
      </c>
      <c r="ON24" s="122">
        <v>3350680</v>
      </c>
      <c r="OO24" s="122">
        <v>5254220</v>
      </c>
      <c r="OP24" s="122">
        <v>3371391</v>
      </c>
      <c r="OQ24" s="123">
        <v>22273406</v>
      </c>
      <c r="OR24" s="160">
        <v>22731603</v>
      </c>
    </row>
    <row r="25" spans="1:408" ht="20.25" customHeight="1" x14ac:dyDescent="0.2">
      <c r="A25" s="129" t="s">
        <v>20</v>
      </c>
      <c r="B25" s="112">
        <v>634834</v>
      </c>
      <c r="C25" s="116">
        <v>795513</v>
      </c>
      <c r="D25" s="115">
        <v>1430347</v>
      </c>
      <c r="E25" s="112">
        <v>0</v>
      </c>
      <c r="F25" s="116">
        <v>5157237</v>
      </c>
      <c r="G25" s="116">
        <v>4763156</v>
      </c>
      <c r="H25" s="116">
        <v>4496190</v>
      </c>
      <c r="I25" s="116">
        <v>4950517</v>
      </c>
      <c r="J25" s="116">
        <v>1117650</v>
      </c>
      <c r="K25" s="200">
        <v>20484750</v>
      </c>
      <c r="L25" s="118">
        <v>21915097</v>
      </c>
      <c r="M25" s="112">
        <v>91678</v>
      </c>
      <c r="N25" s="116">
        <v>209165</v>
      </c>
      <c r="O25" s="115">
        <v>300843</v>
      </c>
      <c r="P25" s="112">
        <v>0</v>
      </c>
      <c r="Q25" s="116">
        <v>1982307</v>
      </c>
      <c r="R25" s="116">
        <v>1329779</v>
      </c>
      <c r="S25" s="116">
        <v>1160208</v>
      </c>
      <c r="T25" s="116">
        <v>929790</v>
      </c>
      <c r="U25" s="116">
        <v>602283</v>
      </c>
      <c r="V25" s="115">
        <v>6004367</v>
      </c>
      <c r="W25" s="118">
        <v>6305210</v>
      </c>
      <c r="X25" s="112">
        <v>0</v>
      </c>
      <c r="Y25" s="116">
        <v>0</v>
      </c>
      <c r="Z25" s="115">
        <v>0</v>
      </c>
      <c r="AA25" s="112">
        <v>0</v>
      </c>
      <c r="AB25" s="116">
        <v>546030</v>
      </c>
      <c r="AC25" s="116">
        <v>570851</v>
      </c>
      <c r="AD25" s="116">
        <v>393322</v>
      </c>
      <c r="AE25" s="116">
        <v>288528</v>
      </c>
      <c r="AF25" s="116">
        <v>184304</v>
      </c>
      <c r="AG25" s="115">
        <v>1983035</v>
      </c>
      <c r="AH25" s="118">
        <v>1983035</v>
      </c>
      <c r="AI25" s="112">
        <v>0</v>
      </c>
      <c r="AJ25" s="116">
        <v>0</v>
      </c>
      <c r="AK25" s="115">
        <v>0</v>
      </c>
      <c r="AL25" s="112">
        <v>0</v>
      </c>
      <c r="AM25" s="116">
        <v>0</v>
      </c>
      <c r="AN25" s="116">
        <v>0</v>
      </c>
      <c r="AO25" s="116">
        <v>0</v>
      </c>
      <c r="AP25" s="116">
        <v>23448</v>
      </c>
      <c r="AQ25" s="116">
        <v>140693</v>
      </c>
      <c r="AR25" s="115">
        <v>164141</v>
      </c>
      <c r="AS25" s="118">
        <v>164141</v>
      </c>
      <c r="AT25" s="112">
        <v>31626</v>
      </c>
      <c r="AU25" s="116">
        <v>109141</v>
      </c>
      <c r="AV25" s="115">
        <v>140767</v>
      </c>
      <c r="AW25" s="112">
        <v>0</v>
      </c>
      <c r="AX25" s="116">
        <v>1027461</v>
      </c>
      <c r="AY25" s="116">
        <v>382715</v>
      </c>
      <c r="AZ25" s="116">
        <v>384294</v>
      </c>
      <c r="BA25" s="116">
        <v>302298</v>
      </c>
      <c r="BB25" s="116">
        <v>222262</v>
      </c>
      <c r="BC25" s="115">
        <v>2319030</v>
      </c>
      <c r="BD25" s="118">
        <v>2459797</v>
      </c>
      <c r="BE25" s="112">
        <v>34980</v>
      </c>
      <c r="BF25" s="116">
        <v>22376</v>
      </c>
      <c r="BG25" s="114">
        <v>57356</v>
      </c>
      <c r="BH25" s="113">
        <v>0</v>
      </c>
      <c r="BI25" s="116">
        <v>158576</v>
      </c>
      <c r="BJ25" s="116">
        <v>117445</v>
      </c>
      <c r="BK25" s="116">
        <v>129944</v>
      </c>
      <c r="BL25" s="116">
        <v>42972</v>
      </c>
      <c r="BM25" s="116">
        <v>0</v>
      </c>
      <c r="BN25" s="115">
        <v>448937</v>
      </c>
      <c r="BO25" s="118">
        <v>506293</v>
      </c>
      <c r="BP25" s="112">
        <v>25072</v>
      </c>
      <c r="BQ25" s="116">
        <v>77648</v>
      </c>
      <c r="BR25" s="115">
        <v>102720</v>
      </c>
      <c r="BS25" s="112">
        <v>0</v>
      </c>
      <c r="BT25" s="116">
        <v>250240</v>
      </c>
      <c r="BU25" s="116">
        <v>258768</v>
      </c>
      <c r="BV25" s="116">
        <v>252648</v>
      </c>
      <c r="BW25" s="116">
        <v>272544</v>
      </c>
      <c r="BX25" s="116">
        <v>55024</v>
      </c>
      <c r="BY25" s="115">
        <v>1089224</v>
      </c>
      <c r="BZ25" s="118">
        <v>1191944</v>
      </c>
      <c r="CA25" s="112">
        <v>123198</v>
      </c>
      <c r="CB25" s="116">
        <v>72944</v>
      </c>
      <c r="CC25" s="115">
        <v>196142</v>
      </c>
      <c r="CD25" s="112">
        <v>0</v>
      </c>
      <c r="CE25" s="116">
        <v>1584005</v>
      </c>
      <c r="CF25" s="116">
        <v>1037856</v>
      </c>
      <c r="CG25" s="116">
        <v>1175072</v>
      </c>
      <c r="CH25" s="116">
        <v>1144188</v>
      </c>
      <c r="CI25" s="116">
        <v>175275</v>
      </c>
      <c r="CJ25" s="115">
        <v>5116396</v>
      </c>
      <c r="CK25" s="118">
        <v>5312538</v>
      </c>
      <c r="CL25" s="112">
        <v>0</v>
      </c>
      <c r="CM25" s="116">
        <v>0</v>
      </c>
      <c r="CN25" s="115">
        <v>0</v>
      </c>
      <c r="CO25" s="113">
        <v>0</v>
      </c>
      <c r="CP25" s="116">
        <v>1106539</v>
      </c>
      <c r="CQ25" s="116">
        <v>598896</v>
      </c>
      <c r="CR25" s="116">
        <v>919202</v>
      </c>
      <c r="CS25" s="116">
        <v>349114</v>
      </c>
      <c r="CT25" s="116">
        <v>112809</v>
      </c>
      <c r="CU25" s="115">
        <v>3086560</v>
      </c>
      <c r="CV25" s="118">
        <v>3086560</v>
      </c>
      <c r="CW25" s="112">
        <v>123198</v>
      </c>
      <c r="CX25" s="116">
        <v>72944</v>
      </c>
      <c r="CY25" s="115">
        <v>196142</v>
      </c>
      <c r="CZ25" s="112">
        <v>0</v>
      </c>
      <c r="DA25" s="116">
        <v>477466</v>
      </c>
      <c r="DB25" s="116">
        <v>438960</v>
      </c>
      <c r="DC25" s="116">
        <v>255870</v>
      </c>
      <c r="DD25" s="116">
        <v>795074</v>
      </c>
      <c r="DE25" s="116">
        <v>62466</v>
      </c>
      <c r="DF25" s="115">
        <v>2029836</v>
      </c>
      <c r="DG25" s="118">
        <v>2225978</v>
      </c>
      <c r="DH25" s="112">
        <v>12058</v>
      </c>
      <c r="DI25" s="116">
        <v>45078</v>
      </c>
      <c r="DJ25" s="114">
        <v>57136</v>
      </c>
      <c r="DK25" s="113">
        <v>0</v>
      </c>
      <c r="DL25" s="116">
        <v>169730</v>
      </c>
      <c r="DM25" s="116">
        <v>181996</v>
      </c>
      <c r="DN25" s="116">
        <v>755041</v>
      </c>
      <c r="DO25" s="116">
        <v>870410</v>
      </c>
      <c r="DP25" s="116">
        <v>0</v>
      </c>
      <c r="DQ25" s="115">
        <v>1977177</v>
      </c>
      <c r="DR25" s="118">
        <v>2034313</v>
      </c>
      <c r="DS25" s="112">
        <v>12058</v>
      </c>
      <c r="DT25" s="116">
        <v>45078</v>
      </c>
      <c r="DU25" s="115">
        <v>57136</v>
      </c>
      <c r="DV25" s="112">
        <v>0</v>
      </c>
      <c r="DW25" s="116">
        <v>169730</v>
      </c>
      <c r="DX25" s="116">
        <v>181996</v>
      </c>
      <c r="DY25" s="116">
        <v>755041</v>
      </c>
      <c r="DZ25" s="116">
        <v>740710</v>
      </c>
      <c r="EA25" s="116">
        <v>0</v>
      </c>
      <c r="EB25" s="115">
        <v>1847477</v>
      </c>
      <c r="EC25" s="118">
        <v>1904613</v>
      </c>
      <c r="ED25" s="112">
        <v>0</v>
      </c>
      <c r="EE25" s="114">
        <v>0</v>
      </c>
      <c r="EF25" s="115">
        <v>0</v>
      </c>
      <c r="EG25" s="112">
        <v>0</v>
      </c>
      <c r="EH25" s="116">
        <v>0</v>
      </c>
      <c r="EI25" s="116">
        <v>0</v>
      </c>
      <c r="EJ25" s="116">
        <v>0</v>
      </c>
      <c r="EK25" s="116">
        <v>129700</v>
      </c>
      <c r="EL25" s="116">
        <v>0</v>
      </c>
      <c r="EM25" s="114">
        <v>129700</v>
      </c>
      <c r="EN25" s="118">
        <v>129700</v>
      </c>
      <c r="EO25" s="112">
        <v>0</v>
      </c>
      <c r="EP25" s="116">
        <v>0</v>
      </c>
      <c r="EQ25" s="114">
        <v>0</v>
      </c>
      <c r="ER25" s="113">
        <v>0</v>
      </c>
      <c r="ES25" s="116">
        <v>0</v>
      </c>
      <c r="ET25" s="116">
        <v>0</v>
      </c>
      <c r="EU25" s="116">
        <v>0</v>
      </c>
      <c r="EV25" s="116">
        <v>0</v>
      </c>
      <c r="EW25" s="116">
        <v>0</v>
      </c>
      <c r="EX25" s="115">
        <v>0</v>
      </c>
      <c r="EY25" s="118">
        <v>0</v>
      </c>
      <c r="EZ25" s="112">
        <v>0</v>
      </c>
      <c r="FA25" s="116">
        <v>0</v>
      </c>
      <c r="FB25" s="114">
        <v>0</v>
      </c>
      <c r="FC25" s="390"/>
      <c r="FD25" s="116">
        <v>0</v>
      </c>
      <c r="FE25" s="116">
        <v>0</v>
      </c>
      <c r="FF25" s="116">
        <v>0</v>
      </c>
      <c r="FG25" s="116">
        <v>0</v>
      </c>
      <c r="FH25" s="116">
        <v>0</v>
      </c>
      <c r="FI25" s="115">
        <v>0</v>
      </c>
      <c r="FJ25" s="118">
        <v>0</v>
      </c>
      <c r="FK25" s="112">
        <v>312472</v>
      </c>
      <c r="FL25" s="116">
        <v>140280</v>
      </c>
      <c r="FM25" s="115">
        <v>452752</v>
      </c>
      <c r="FN25" s="112">
        <v>0</v>
      </c>
      <c r="FO25" s="116">
        <v>453208</v>
      </c>
      <c r="FP25" s="116">
        <v>458464</v>
      </c>
      <c r="FQ25" s="116">
        <v>369176</v>
      </c>
      <c r="FR25" s="116">
        <v>368152</v>
      </c>
      <c r="FS25" s="116">
        <v>130232</v>
      </c>
      <c r="FT25" s="115">
        <v>1779232</v>
      </c>
      <c r="FU25" s="118">
        <v>2231984</v>
      </c>
      <c r="FV25" s="117">
        <v>73992</v>
      </c>
      <c r="FW25" s="116">
        <v>120136</v>
      </c>
      <c r="FX25" s="114">
        <v>194128</v>
      </c>
      <c r="FY25" s="113">
        <v>0</v>
      </c>
      <c r="FZ25" s="116">
        <v>431848</v>
      </c>
      <c r="GA25" s="116">
        <v>399264</v>
      </c>
      <c r="GB25" s="116">
        <v>337176</v>
      </c>
      <c r="GC25" s="116">
        <v>350552</v>
      </c>
      <c r="GD25" s="116">
        <v>104888</v>
      </c>
      <c r="GE25" s="115">
        <v>1623728</v>
      </c>
      <c r="GF25" s="354">
        <v>1817856</v>
      </c>
      <c r="GG25" s="117">
        <v>14080</v>
      </c>
      <c r="GH25" s="116">
        <v>20144</v>
      </c>
      <c r="GI25" s="114">
        <v>34224</v>
      </c>
      <c r="GJ25" s="113">
        <v>0</v>
      </c>
      <c r="GK25" s="116">
        <v>21360</v>
      </c>
      <c r="GL25" s="116">
        <v>0</v>
      </c>
      <c r="GM25" s="116">
        <v>32000</v>
      </c>
      <c r="GN25" s="116">
        <v>0</v>
      </c>
      <c r="GO25" s="116">
        <v>25344</v>
      </c>
      <c r="GP25" s="115">
        <v>78704</v>
      </c>
      <c r="GQ25" s="118">
        <v>112928</v>
      </c>
      <c r="GR25" s="112">
        <v>224400</v>
      </c>
      <c r="GS25" s="116">
        <v>0</v>
      </c>
      <c r="GT25" s="115">
        <v>224400</v>
      </c>
      <c r="GU25" s="112">
        <v>0</v>
      </c>
      <c r="GV25" s="116">
        <v>0</v>
      </c>
      <c r="GW25" s="116">
        <v>59200</v>
      </c>
      <c r="GX25" s="116">
        <v>0</v>
      </c>
      <c r="GY25" s="116">
        <v>17600</v>
      </c>
      <c r="GZ25" s="116">
        <v>0</v>
      </c>
      <c r="HA25" s="114">
        <v>76800</v>
      </c>
      <c r="HB25" s="118">
        <v>301200</v>
      </c>
      <c r="HC25" s="112">
        <v>95428</v>
      </c>
      <c r="HD25" s="116">
        <v>328046</v>
      </c>
      <c r="HE25" s="114">
        <v>423474</v>
      </c>
      <c r="HF25" s="113">
        <v>0</v>
      </c>
      <c r="HG25" s="116">
        <v>967987</v>
      </c>
      <c r="HH25" s="116">
        <v>1755061</v>
      </c>
      <c r="HI25" s="116">
        <v>1036693</v>
      </c>
      <c r="HJ25" s="116">
        <v>1637977</v>
      </c>
      <c r="HK25" s="116">
        <v>209860</v>
      </c>
      <c r="HL25" s="115">
        <v>5607578</v>
      </c>
      <c r="HM25" s="111">
        <v>6031052</v>
      </c>
      <c r="HN25" s="370"/>
      <c r="HO25" s="371"/>
      <c r="HP25" s="372"/>
      <c r="HQ25" s="373"/>
      <c r="HR25" s="371"/>
      <c r="HS25" s="371"/>
      <c r="HT25" s="371"/>
      <c r="HU25" s="371"/>
      <c r="HV25" s="371"/>
      <c r="HW25" s="374"/>
      <c r="HX25" s="375"/>
      <c r="HY25" s="148">
        <v>0</v>
      </c>
      <c r="HZ25" s="149">
        <v>0</v>
      </c>
      <c r="IA25" s="150">
        <v>0</v>
      </c>
      <c r="IB25" s="163">
        <v>0</v>
      </c>
      <c r="IC25" s="149">
        <v>595227</v>
      </c>
      <c r="ID25" s="164">
        <v>1066203</v>
      </c>
      <c r="IE25" s="150">
        <v>687071</v>
      </c>
      <c r="IF25" s="149">
        <v>465040</v>
      </c>
      <c r="IG25" s="150">
        <v>0</v>
      </c>
      <c r="IH25" s="165">
        <v>2813541</v>
      </c>
      <c r="II25" s="156">
        <v>2813541</v>
      </c>
      <c r="IJ25" s="261">
        <v>0</v>
      </c>
      <c r="IK25" s="268">
        <v>0</v>
      </c>
      <c r="IL25" s="269">
        <v>0</v>
      </c>
      <c r="IM25" s="157"/>
      <c r="IN25" s="122">
        <v>0</v>
      </c>
      <c r="IO25" s="122">
        <v>0</v>
      </c>
      <c r="IP25" s="122">
        <v>0</v>
      </c>
      <c r="IQ25" s="122">
        <v>0</v>
      </c>
      <c r="IR25" s="122">
        <v>0</v>
      </c>
      <c r="IS25" s="158">
        <v>0</v>
      </c>
      <c r="IT25" s="357">
        <v>0</v>
      </c>
      <c r="IU25" s="159">
        <v>0</v>
      </c>
      <c r="IV25" s="122">
        <v>0</v>
      </c>
      <c r="IW25" s="123">
        <v>0</v>
      </c>
      <c r="IX25" s="161"/>
      <c r="IY25" s="122">
        <v>0</v>
      </c>
      <c r="IZ25" s="122">
        <v>0</v>
      </c>
      <c r="JA25" s="122">
        <v>0</v>
      </c>
      <c r="JB25" s="122">
        <v>0</v>
      </c>
      <c r="JC25" s="122">
        <v>0</v>
      </c>
      <c r="JD25" s="123">
        <v>0</v>
      </c>
      <c r="JE25" s="124">
        <v>0</v>
      </c>
      <c r="JF25" s="159">
        <v>0</v>
      </c>
      <c r="JG25" s="122">
        <v>0</v>
      </c>
      <c r="JH25" s="158">
        <v>0</v>
      </c>
      <c r="JI25" s="121">
        <v>0</v>
      </c>
      <c r="JJ25" s="122">
        <v>376721</v>
      </c>
      <c r="JK25" s="122">
        <v>438376</v>
      </c>
      <c r="JL25" s="122">
        <v>330821</v>
      </c>
      <c r="JM25" s="122">
        <v>0</v>
      </c>
      <c r="JN25" s="122">
        <v>0</v>
      </c>
      <c r="JO25" s="123">
        <v>1145918</v>
      </c>
      <c r="JP25" s="357">
        <v>1145918</v>
      </c>
      <c r="JQ25" s="159">
        <v>0</v>
      </c>
      <c r="JR25" s="122">
        <v>0</v>
      </c>
      <c r="JS25" s="158">
        <v>0</v>
      </c>
      <c r="JT25" s="121">
        <v>0</v>
      </c>
      <c r="JU25" s="122">
        <v>0</v>
      </c>
      <c r="JV25" s="122">
        <v>0</v>
      </c>
      <c r="JW25" s="122">
        <v>120466</v>
      </c>
      <c r="JX25" s="122">
        <v>0</v>
      </c>
      <c r="JY25" s="122">
        <v>0</v>
      </c>
      <c r="JZ25" s="123">
        <v>120466</v>
      </c>
      <c r="KA25" s="357">
        <v>120466</v>
      </c>
      <c r="KB25" s="264">
        <v>0</v>
      </c>
      <c r="KC25" s="258">
        <v>0</v>
      </c>
      <c r="KD25" s="123">
        <v>0</v>
      </c>
      <c r="KE25" s="121">
        <v>0</v>
      </c>
      <c r="KF25" s="122">
        <v>0</v>
      </c>
      <c r="KG25" s="122">
        <v>0</v>
      </c>
      <c r="KH25" s="122">
        <v>0</v>
      </c>
      <c r="KI25" s="122">
        <v>0</v>
      </c>
      <c r="KJ25" s="122">
        <v>0</v>
      </c>
      <c r="KK25" s="123">
        <v>0</v>
      </c>
      <c r="KL25" s="160">
        <v>0</v>
      </c>
      <c r="KM25" s="261">
        <v>0</v>
      </c>
      <c r="KN25" s="268">
        <v>0</v>
      </c>
      <c r="KO25" s="269">
        <v>0</v>
      </c>
      <c r="KP25" s="157"/>
      <c r="KQ25" s="122">
        <v>218506</v>
      </c>
      <c r="KR25" s="122">
        <v>627827</v>
      </c>
      <c r="KS25" s="122">
        <v>235784</v>
      </c>
      <c r="KT25" s="122">
        <v>465040</v>
      </c>
      <c r="KU25" s="122">
        <v>0</v>
      </c>
      <c r="KV25" s="123">
        <v>1547157</v>
      </c>
      <c r="KW25" s="357">
        <v>1547157</v>
      </c>
      <c r="KX25" s="159">
        <v>0</v>
      </c>
      <c r="KY25" s="122">
        <v>0</v>
      </c>
      <c r="KZ25" s="123">
        <v>0</v>
      </c>
      <c r="LA25" s="162"/>
      <c r="LB25" s="122">
        <v>0</v>
      </c>
      <c r="LC25" s="122">
        <v>0</v>
      </c>
      <c r="LD25" s="122">
        <v>0</v>
      </c>
      <c r="LE25" s="122">
        <v>0</v>
      </c>
      <c r="LF25" s="122">
        <v>0</v>
      </c>
      <c r="LG25" s="123">
        <v>0</v>
      </c>
      <c r="LH25" s="124">
        <v>0</v>
      </c>
      <c r="LI25" s="159">
        <v>0</v>
      </c>
      <c r="LJ25" s="122">
        <v>0</v>
      </c>
      <c r="LK25" s="123">
        <v>0</v>
      </c>
      <c r="LL25" s="162"/>
      <c r="LM25" s="122">
        <v>0</v>
      </c>
      <c r="LN25" s="122">
        <v>0</v>
      </c>
      <c r="LO25" s="122">
        <v>0</v>
      </c>
      <c r="LP25" s="122">
        <v>0</v>
      </c>
      <c r="LQ25" s="122">
        <v>0</v>
      </c>
      <c r="LR25" s="123">
        <v>0</v>
      </c>
      <c r="LS25" s="357">
        <v>0</v>
      </c>
      <c r="LT25" s="159">
        <v>0</v>
      </c>
      <c r="LU25" s="122">
        <v>0</v>
      </c>
      <c r="LV25" s="123">
        <v>0</v>
      </c>
      <c r="LW25" s="162"/>
      <c r="LX25" s="122">
        <v>0</v>
      </c>
      <c r="LY25" s="122">
        <v>0</v>
      </c>
      <c r="LZ25" s="122">
        <v>0</v>
      </c>
      <c r="MA25" s="122">
        <v>0</v>
      </c>
      <c r="MB25" s="122">
        <v>0</v>
      </c>
      <c r="MC25" s="123">
        <v>0</v>
      </c>
      <c r="MD25" s="124">
        <v>0</v>
      </c>
      <c r="ME25" s="159">
        <v>0</v>
      </c>
      <c r="MF25" s="122">
        <v>0</v>
      </c>
      <c r="MG25" s="123">
        <v>0</v>
      </c>
      <c r="MH25" s="162"/>
      <c r="MI25" s="122">
        <v>283061</v>
      </c>
      <c r="MJ25" s="122">
        <v>674385</v>
      </c>
      <c r="MK25" s="122">
        <v>2283103</v>
      </c>
      <c r="ML25" s="122">
        <v>2683323</v>
      </c>
      <c r="MM25" s="122">
        <v>2420316</v>
      </c>
      <c r="MN25" s="123">
        <v>8344188</v>
      </c>
      <c r="MO25" s="160">
        <v>8344188</v>
      </c>
      <c r="MP25" s="159">
        <v>0</v>
      </c>
      <c r="MQ25" s="122">
        <v>0</v>
      </c>
      <c r="MR25" s="123">
        <v>0</v>
      </c>
      <c r="MS25" s="162"/>
      <c r="MT25" s="122">
        <v>0</v>
      </c>
      <c r="MU25" s="122">
        <v>0</v>
      </c>
      <c r="MV25" s="122">
        <v>862629</v>
      </c>
      <c r="MW25" s="122">
        <v>2502133</v>
      </c>
      <c r="MX25" s="122">
        <v>1549013</v>
      </c>
      <c r="MY25" s="123">
        <v>4913775</v>
      </c>
      <c r="MZ25" s="160">
        <v>4913775</v>
      </c>
      <c r="NA25" s="159">
        <v>0</v>
      </c>
      <c r="NB25" s="122">
        <v>0</v>
      </c>
      <c r="NC25" s="123">
        <v>0</v>
      </c>
      <c r="ND25" s="162"/>
      <c r="NE25" s="122">
        <v>283061</v>
      </c>
      <c r="NF25" s="122">
        <v>674385</v>
      </c>
      <c r="NG25" s="122">
        <v>1420474</v>
      </c>
      <c r="NH25" s="122">
        <v>181190</v>
      </c>
      <c r="NI25" s="122">
        <v>207227</v>
      </c>
      <c r="NJ25" s="123">
        <v>2766337</v>
      </c>
      <c r="NK25" s="357">
        <v>2766337</v>
      </c>
      <c r="NL25" s="159">
        <v>0</v>
      </c>
      <c r="NM25" s="122">
        <v>0</v>
      </c>
      <c r="NN25" s="123">
        <v>0</v>
      </c>
      <c r="NO25" s="162"/>
      <c r="NP25" s="122">
        <v>0</v>
      </c>
      <c r="NQ25" s="122">
        <v>0</v>
      </c>
      <c r="NR25" s="122">
        <v>0</v>
      </c>
      <c r="NS25" s="122">
        <v>0</v>
      </c>
      <c r="NT25" s="122">
        <v>0</v>
      </c>
      <c r="NU25" s="123">
        <v>0</v>
      </c>
      <c r="NV25" s="124">
        <v>0</v>
      </c>
      <c r="NW25" s="159">
        <v>0</v>
      </c>
      <c r="NX25" s="122">
        <v>0</v>
      </c>
      <c r="NY25" s="123">
        <v>0</v>
      </c>
      <c r="NZ25" s="162"/>
      <c r="OA25" s="122">
        <v>0</v>
      </c>
      <c r="OB25" s="122">
        <v>0</v>
      </c>
      <c r="OC25" s="122">
        <v>0</v>
      </c>
      <c r="OD25" s="122">
        <v>0</v>
      </c>
      <c r="OE25" s="122">
        <v>664076</v>
      </c>
      <c r="OF25" s="123">
        <v>664076</v>
      </c>
      <c r="OG25" s="124">
        <v>664076</v>
      </c>
      <c r="OH25" s="159">
        <v>634834</v>
      </c>
      <c r="OI25" s="122">
        <v>795513</v>
      </c>
      <c r="OJ25" s="158">
        <v>1430347</v>
      </c>
      <c r="OK25" s="121">
        <v>0</v>
      </c>
      <c r="OL25" s="122">
        <v>6035525</v>
      </c>
      <c r="OM25" s="122">
        <v>6503744</v>
      </c>
      <c r="ON25" s="122">
        <v>7466364</v>
      </c>
      <c r="OO25" s="122">
        <v>8098880</v>
      </c>
      <c r="OP25" s="122">
        <v>3537966</v>
      </c>
      <c r="OQ25" s="123">
        <v>31642479</v>
      </c>
      <c r="OR25" s="160">
        <v>33072826</v>
      </c>
    </row>
    <row r="26" spans="1:408" ht="20.25" customHeight="1" x14ac:dyDescent="0.2">
      <c r="A26" s="129" t="s">
        <v>21</v>
      </c>
      <c r="B26" s="112">
        <v>189864</v>
      </c>
      <c r="C26" s="116">
        <v>356401</v>
      </c>
      <c r="D26" s="115">
        <v>546265</v>
      </c>
      <c r="E26" s="111">
        <v>0</v>
      </c>
      <c r="F26" s="116">
        <v>3364776</v>
      </c>
      <c r="G26" s="116">
        <v>3911537</v>
      </c>
      <c r="H26" s="116">
        <v>4030206</v>
      </c>
      <c r="I26" s="116">
        <v>3876077</v>
      </c>
      <c r="J26" s="116">
        <v>2856768</v>
      </c>
      <c r="K26" s="200">
        <v>18039364</v>
      </c>
      <c r="L26" s="118">
        <v>18585629</v>
      </c>
      <c r="M26" s="112">
        <v>118623</v>
      </c>
      <c r="N26" s="116">
        <v>159026</v>
      </c>
      <c r="O26" s="115">
        <v>277649</v>
      </c>
      <c r="P26" s="112">
        <v>0</v>
      </c>
      <c r="Q26" s="116">
        <v>1228557</v>
      </c>
      <c r="R26" s="116">
        <v>1471820</v>
      </c>
      <c r="S26" s="116">
        <v>877980</v>
      </c>
      <c r="T26" s="116">
        <v>1918450</v>
      </c>
      <c r="U26" s="116">
        <v>1531986</v>
      </c>
      <c r="V26" s="115">
        <v>7028793</v>
      </c>
      <c r="W26" s="118">
        <v>7306442</v>
      </c>
      <c r="X26" s="112">
        <v>0</v>
      </c>
      <c r="Y26" s="116">
        <v>0</v>
      </c>
      <c r="Z26" s="115">
        <v>0</v>
      </c>
      <c r="AA26" s="112">
        <v>0</v>
      </c>
      <c r="AB26" s="116">
        <v>480880</v>
      </c>
      <c r="AC26" s="116">
        <v>399534</v>
      </c>
      <c r="AD26" s="116">
        <v>507904</v>
      </c>
      <c r="AE26" s="116">
        <v>1354582</v>
      </c>
      <c r="AF26" s="116">
        <v>1147945</v>
      </c>
      <c r="AG26" s="115">
        <v>3890845</v>
      </c>
      <c r="AH26" s="118">
        <v>3890845</v>
      </c>
      <c r="AI26" s="112">
        <v>0</v>
      </c>
      <c r="AJ26" s="116">
        <v>0</v>
      </c>
      <c r="AK26" s="115">
        <v>0</v>
      </c>
      <c r="AL26" s="112">
        <v>0</v>
      </c>
      <c r="AM26" s="116">
        <v>0</v>
      </c>
      <c r="AN26" s="116">
        <v>0</v>
      </c>
      <c r="AO26" s="116">
        <v>0</v>
      </c>
      <c r="AP26" s="116">
        <v>11724</v>
      </c>
      <c r="AQ26" s="116">
        <v>105016</v>
      </c>
      <c r="AR26" s="115">
        <v>116740</v>
      </c>
      <c r="AS26" s="118">
        <v>116740</v>
      </c>
      <c r="AT26" s="112">
        <v>60191</v>
      </c>
      <c r="AU26" s="116">
        <v>131778</v>
      </c>
      <c r="AV26" s="115">
        <v>191969</v>
      </c>
      <c r="AW26" s="112">
        <v>0</v>
      </c>
      <c r="AX26" s="116">
        <v>445299</v>
      </c>
      <c r="AY26" s="116">
        <v>733616</v>
      </c>
      <c r="AZ26" s="116">
        <v>216460</v>
      </c>
      <c r="BA26" s="116">
        <v>357488</v>
      </c>
      <c r="BB26" s="116">
        <v>127049</v>
      </c>
      <c r="BC26" s="115">
        <v>1879912</v>
      </c>
      <c r="BD26" s="118">
        <v>2071881</v>
      </c>
      <c r="BE26" s="112">
        <v>32712</v>
      </c>
      <c r="BF26" s="116">
        <v>20728</v>
      </c>
      <c r="BG26" s="114">
        <v>53440</v>
      </c>
      <c r="BH26" s="113">
        <v>0</v>
      </c>
      <c r="BI26" s="116">
        <v>66290</v>
      </c>
      <c r="BJ26" s="116">
        <v>117814</v>
      </c>
      <c r="BK26" s="116">
        <v>0</v>
      </c>
      <c r="BL26" s="116">
        <v>0</v>
      </c>
      <c r="BM26" s="116">
        <v>0</v>
      </c>
      <c r="BN26" s="115">
        <v>184104</v>
      </c>
      <c r="BO26" s="118">
        <v>237544</v>
      </c>
      <c r="BP26" s="112">
        <v>25720</v>
      </c>
      <c r="BQ26" s="116">
        <v>6520</v>
      </c>
      <c r="BR26" s="115">
        <v>32240</v>
      </c>
      <c r="BS26" s="112">
        <v>0</v>
      </c>
      <c r="BT26" s="116">
        <v>236088</v>
      </c>
      <c r="BU26" s="116">
        <v>220856</v>
      </c>
      <c r="BV26" s="116">
        <v>153616</v>
      </c>
      <c r="BW26" s="116">
        <v>194656</v>
      </c>
      <c r="BX26" s="116">
        <v>151976</v>
      </c>
      <c r="BY26" s="115">
        <v>957192</v>
      </c>
      <c r="BZ26" s="118">
        <v>989432</v>
      </c>
      <c r="CA26" s="112">
        <v>0</v>
      </c>
      <c r="CB26" s="116">
        <v>75537</v>
      </c>
      <c r="CC26" s="115">
        <v>75537</v>
      </c>
      <c r="CD26" s="112">
        <v>0</v>
      </c>
      <c r="CE26" s="116">
        <v>844885</v>
      </c>
      <c r="CF26" s="116">
        <v>1032479</v>
      </c>
      <c r="CG26" s="116">
        <v>850192</v>
      </c>
      <c r="CH26" s="116">
        <v>109046</v>
      </c>
      <c r="CI26" s="116">
        <v>259856</v>
      </c>
      <c r="CJ26" s="115">
        <v>3096458</v>
      </c>
      <c r="CK26" s="118">
        <v>3171995</v>
      </c>
      <c r="CL26" s="112">
        <v>0</v>
      </c>
      <c r="CM26" s="116">
        <v>0</v>
      </c>
      <c r="CN26" s="115">
        <v>0</v>
      </c>
      <c r="CO26" s="113">
        <v>0</v>
      </c>
      <c r="CP26" s="116">
        <v>651654</v>
      </c>
      <c r="CQ26" s="116">
        <v>580675</v>
      </c>
      <c r="CR26" s="116">
        <v>575116</v>
      </c>
      <c r="CS26" s="116">
        <v>109046</v>
      </c>
      <c r="CT26" s="116">
        <v>259856</v>
      </c>
      <c r="CU26" s="115">
        <v>2176347</v>
      </c>
      <c r="CV26" s="118">
        <v>2176347</v>
      </c>
      <c r="CW26" s="112">
        <v>0</v>
      </c>
      <c r="CX26" s="116">
        <v>75537</v>
      </c>
      <c r="CY26" s="115">
        <v>75537</v>
      </c>
      <c r="CZ26" s="112">
        <v>0</v>
      </c>
      <c r="DA26" s="116">
        <v>193231</v>
      </c>
      <c r="DB26" s="116">
        <v>451804</v>
      </c>
      <c r="DC26" s="116">
        <v>275076</v>
      </c>
      <c r="DD26" s="116">
        <v>0</v>
      </c>
      <c r="DE26" s="116">
        <v>0</v>
      </c>
      <c r="DF26" s="115">
        <v>920111</v>
      </c>
      <c r="DG26" s="118">
        <v>995648</v>
      </c>
      <c r="DH26" s="112">
        <v>0</v>
      </c>
      <c r="DI26" s="116">
        <v>0</v>
      </c>
      <c r="DJ26" s="114">
        <v>0</v>
      </c>
      <c r="DK26" s="113">
        <v>0</v>
      </c>
      <c r="DL26" s="116">
        <v>54758</v>
      </c>
      <c r="DM26" s="116">
        <v>145842</v>
      </c>
      <c r="DN26" s="116">
        <v>1168352</v>
      </c>
      <c r="DO26" s="116">
        <v>813807</v>
      </c>
      <c r="DP26" s="116">
        <v>21100</v>
      </c>
      <c r="DQ26" s="115">
        <v>2203859</v>
      </c>
      <c r="DR26" s="118">
        <v>2203859</v>
      </c>
      <c r="DS26" s="112">
        <v>0</v>
      </c>
      <c r="DT26" s="116">
        <v>0</v>
      </c>
      <c r="DU26" s="115">
        <v>0</v>
      </c>
      <c r="DV26" s="112">
        <v>0</v>
      </c>
      <c r="DW26" s="116">
        <v>54758</v>
      </c>
      <c r="DX26" s="116">
        <v>145842</v>
      </c>
      <c r="DY26" s="116">
        <v>1168352</v>
      </c>
      <c r="DZ26" s="116">
        <v>813807</v>
      </c>
      <c r="EA26" s="116">
        <v>21100</v>
      </c>
      <c r="EB26" s="115">
        <v>2203859</v>
      </c>
      <c r="EC26" s="118">
        <v>2203859</v>
      </c>
      <c r="ED26" s="112">
        <v>0</v>
      </c>
      <c r="EE26" s="114">
        <v>0</v>
      </c>
      <c r="EF26" s="115">
        <v>0</v>
      </c>
      <c r="EG26" s="112">
        <v>0</v>
      </c>
      <c r="EH26" s="116">
        <v>0</v>
      </c>
      <c r="EI26" s="116">
        <v>0</v>
      </c>
      <c r="EJ26" s="116">
        <v>0</v>
      </c>
      <c r="EK26" s="116">
        <v>0</v>
      </c>
      <c r="EL26" s="116">
        <v>0</v>
      </c>
      <c r="EM26" s="114">
        <v>0</v>
      </c>
      <c r="EN26" s="118">
        <v>0</v>
      </c>
      <c r="EO26" s="112">
        <v>0</v>
      </c>
      <c r="EP26" s="116">
        <v>0</v>
      </c>
      <c r="EQ26" s="114">
        <v>0</v>
      </c>
      <c r="ER26" s="113">
        <v>0</v>
      </c>
      <c r="ES26" s="116">
        <v>0</v>
      </c>
      <c r="ET26" s="116">
        <v>0</v>
      </c>
      <c r="EU26" s="116">
        <v>0</v>
      </c>
      <c r="EV26" s="116">
        <v>0</v>
      </c>
      <c r="EW26" s="116">
        <v>0</v>
      </c>
      <c r="EX26" s="115">
        <v>0</v>
      </c>
      <c r="EY26" s="118">
        <v>0</v>
      </c>
      <c r="EZ26" s="112">
        <v>0</v>
      </c>
      <c r="FA26" s="116">
        <v>0</v>
      </c>
      <c r="FB26" s="114">
        <v>0</v>
      </c>
      <c r="FC26" s="390"/>
      <c r="FD26" s="116">
        <v>0</v>
      </c>
      <c r="FE26" s="116">
        <v>0</v>
      </c>
      <c r="FF26" s="116">
        <v>0</v>
      </c>
      <c r="FG26" s="116">
        <v>0</v>
      </c>
      <c r="FH26" s="116">
        <v>0</v>
      </c>
      <c r="FI26" s="115">
        <v>0</v>
      </c>
      <c r="FJ26" s="118">
        <v>0</v>
      </c>
      <c r="FK26" s="112">
        <v>16864</v>
      </c>
      <c r="FL26" s="116">
        <v>42912</v>
      </c>
      <c r="FM26" s="115">
        <v>59776</v>
      </c>
      <c r="FN26" s="112">
        <v>0</v>
      </c>
      <c r="FO26" s="116">
        <v>154056</v>
      </c>
      <c r="FP26" s="116">
        <v>584488</v>
      </c>
      <c r="FQ26" s="116">
        <v>228896</v>
      </c>
      <c r="FR26" s="116">
        <v>254920</v>
      </c>
      <c r="FS26" s="116">
        <v>175776</v>
      </c>
      <c r="FT26" s="115">
        <v>1398136</v>
      </c>
      <c r="FU26" s="118">
        <v>1457912</v>
      </c>
      <c r="FV26" s="117">
        <v>16864</v>
      </c>
      <c r="FW26" s="116">
        <v>42912</v>
      </c>
      <c r="FX26" s="114">
        <v>59776</v>
      </c>
      <c r="FY26" s="113">
        <v>0</v>
      </c>
      <c r="FZ26" s="116">
        <v>154056</v>
      </c>
      <c r="GA26" s="116">
        <v>584488</v>
      </c>
      <c r="GB26" s="116">
        <v>228896</v>
      </c>
      <c r="GC26" s="116">
        <v>254920</v>
      </c>
      <c r="GD26" s="116">
        <v>144096</v>
      </c>
      <c r="GE26" s="115">
        <v>1366456</v>
      </c>
      <c r="GF26" s="354">
        <v>1426232</v>
      </c>
      <c r="GG26" s="117">
        <v>0</v>
      </c>
      <c r="GH26" s="116">
        <v>0</v>
      </c>
      <c r="GI26" s="114">
        <v>0</v>
      </c>
      <c r="GJ26" s="113">
        <v>0</v>
      </c>
      <c r="GK26" s="116">
        <v>0</v>
      </c>
      <c r="GL26" s="116">
        <v>0</v>
      </c>
      <c r="GM26" s="116">
        <v>0</v>
      </c>
      <c r="GN26" s="116">
        <v>0</v>
      </c>
      <c r="GO26" s="116">
        <v>31680</v>
      </c>
      <c r="GP26" s="115">
        <v>31680</v>
      </c>
      <c r="GQ26" s="118">
        <v>31680</v>
      </c>
      <c r="GR26" s="112">
        <v>0</v>
      </c>
      <c r="GS26" s="116">
        <v>0</v>
      </c>
      <c r="GT26" s="115">
        <v>0</v>
      </c>
      <c r="GU26" s="112">
        <v>0</v>
      </c>
      <c r="GV26" s="116">
        <v>0</v>
      </c>
      <c r="GW26" s="116">
        <v>0</v>
      </c>
      <c r="GX26" s="116">
        <v>0</v>
      </c>
      <c r="GY26" s="116">
        <v>0</v>
      </c>
      <c r="GZ26" s="116">
        <v>0</v>
      </c>
      <c r="HA26" s="114">
        <v>0</v>
      </c>
      <c r="HB26" s="118">
        <v>0</v>
      </c>
      <c r="HC26" s="112">
        <v>54377</v>
      </c>
      <c r="HD26" s="116">
        <v>78926</v>
      </c>
      <c r="HE26" s="114">
        <v>133303</v>
      </c>
      <c r="HF26" s="113">
        <v>0</v>
      </c>
      <c r="HG26" s="116">
        <v>1082520</v>
      </c>
      <c r="HH26" s="116">
        <v>676908</v>
      </c>
      <c r="HI26" s="116">
        <v>904786</v>
      </c>
      <c r="HJ26" s="116">
        <v>779854</v>
      </c>
      <c r="HK26" s="116">
        <v>868050</v>
      </c>
      <c r="HL26" s="115">
        <v>4312118</v>
      </c>
      <c r="HM26" s="111">
        <v>4445421</v>
      </c>
      <c r="HN26" s="370"/>
      <c r="HO26" s="371"/>
      <c r="HP26" s="372"/>
      <c r="HQ26" s="373"/>
      <c r="HR26" s="371"/>
      <c r="HS26" s="371"/>
      <c r="HT26" s="371"/>
      <c r="HU26" s="371"/>
      <c r="HV26" s="371"/>
      <c r="HW26" s="374"/>
      <c r="HX26" s="375"/>
      <c r="HY26" s="167">
        <v>0</v>
      </c>
      <c r="HZ26" s="152">
        <v>0</v>
      </c>
      <c r="IA26" s="167">
        <v>0</v>
      </c>
      <c r="IB26" s="151">
        <v>0</v>
      </c>
      <c r="IC26" s="152">
        <v>688840</v>
      </c>
      <c r="ID26" s="153">
        <v>761030</v>
      </c>
      <c r="IE26" s="154">
        <v>852078</v>
      </c>
      <c r="IF26" s="152">
        <v>283401</v>
      </c>
      <c r="IG26" s="154">
        <v>206165</v>
      </c>
      <c r="IH26" s="155">
        <v>2791514</v>
      </c>
      <c r="II26" s="167">
        <v>2791514</v>
      </c>
      <c r="IJ26" s="261">
        <v>0</v>
      </c>
      <c r="IK26" s="268">
        <v>0</v>
      </c>
      <c r="IL26" s="269">
        <v>0</v>
      </c>
      <c r="IM26" s="157"/>
      <c r="IN26" s="122">
        <v>0</v>
      </c>
      <c r="IO26" s="122">
        <v>0</v>
      </c>
      <c r="IP26" s="122">
        <v>0</v>
      </c>
      <c r="IQ26" s="122">
        <v>0</v>
      </c>
      <c r="IR26" s="122">
        <v>0</v>
      </c>
      <c r="IS26" s="158">
        <v>0</v>
      </c>
      <c r="IT26" s="357">
        <v>0</v>
      </c>
      <c r="IU26" s="159">
        <v>0</v>
      </c>
      <c r="IV26" s="122">
        <v>0</v>
      </c>
      <c r="IW26" s="123">
        <v>0</v>
      </c>
      <c r="IX26" s="161"/>
      <c r="IY26" s="122">
        <v>0</v>
      </c>
      <c r="IZ26" s="122">
        <v>0</v>
      </c>
      <c r="JA26" s="122">
        <v>0</v>
      </c>
      <c r="JB26" s="122">
        <v>0</v>
      </c>
      <c r="JC26" s="122">
        <v>0</v>
      </c>
      <c r="JD26" s="123">
        <v>0</v>
      </c>
      <c r="JE26" s="124">
        <v>0</v>
      </c>
      <c r="JF26" s="159">
        <v>0</v>
      </c>
      <c r="JG26" s="122">
        <v>0</v>
      </c>
      <c r="JH26" s="158">
        <v>0</v>
      </c>
      <c r="JI26" s="121">
        <v>0</v>
      </c>
      <c r="JJ26" s="122">
        <v>263802</v>
      </c>
      <c r="JK26" s="122">
        <v>532402</v>
      </c>
      <c r="JL26" s="122">
        <v>394379</v>
      </c>
      <c r="JM26" s="122">
        <v>234137</v>
      </c>
      <c r="JN26" s="122">
        <v>206165</v>
      </c>
      <c r="JO26" s="123">
        <v>1630885</v>
      </c>
      <c r="JP26" s="357">
        <v>1630885</v>
      </c>
      <c r="JQ26" s="159">
        <v>0</v>
      </c>
      <c r="JR26" s="122">
        <v>0</v>
      </c>
      <c r="JS26" s="158">
        <v>0</v>
      </c>
      <c r="JT26" s="121">
        <v>0</v>
      </c>
      <c r="JU26" s="122">
        <v>0</v>
      </c>
      <c r="JV26" s="122">
        <v>0</v>
      </c>
      <c r="JW26" s="122">
        <v>0</v>
      </c>
      <c r="JX26" s="122">
        <v>0</v>
      </c>
      <c r="JY26" s="122">
        <v>0</v>
      </c>
      <c r="JZ26" s="123">
        <v>0</v>
      </c>
      <c r="KA26" s="357">
        <v>0</v>
      </c>
      <c r="KB26" s="264">
        <v>0</v>
      </c>
      <c r="KC26" s="258">
        <v>0</v>
      </c>
      <c r="KD26" s="123">
        <v>0</v>
      </c>
      <c r="KE26" s="121">
        <v>0</v>
      </c>
      <c r="KF26" s="122">
        <v>0</v>
      </c>
      <c r="KG26" s="122">
        <v>0</v>
      </c>
      <c r="KH26" s="122">
        <v>457699</v>
      </c>
      <c r="KI26" s="122">
        <v>0</v>
      </c>
      <c r="KJ26" s="122">
        <v>0</v>
      </c>
      <c r="KK26" s="123">
        <v>457699</v>
      </c>
      <c r="KL26" s="160">
        <v>457699</v>
      </c>
      <c r="KM26" s="261">
        <v>0</v>
      </c>
      <c r="KN26" s="268">
        <v>0</v>
      </c>
      <c r="KO26" s="269">
        <v>0</v>
      </c>
      <c r="KP26" s="157"/>
      <c r="KQ26" s="122">
        <v>425038</v>
      </c>
      <c r="KR26" s="122">
        <v>228628</v>
      </c>
      <c r="KS26" s="122">
        <v>0</v>
      </c>
      <c r="KT26" s="122">
        <v>49264</v>
      </c>
      <c r="KU26" s="122">
        <v>0</v>
      </c>
      <c r="KV26" s="123">
        <v>702930</v>
      </c>
      <c r="KW26" s="357">
        <v>702930</v>
      </c>
      <c r="KX26" s="159">
        <v>0</v>
      </c>
      <c r="KY26" s="122">
        <v>0</v>
      </c>
      <c r="KZ26" s="123">
        <v>0</v>
      </c>
      <c r="LA26" s="162"/>
      <c r="LB26" s="122">
        <v>0</v>
      </c>
      <c r="LC26" s="122">
        <v>0</v>
      </c>
      <c r="LD26" s="122">
        <v>0</v>
      </c>
      <c r="LE26" s="122">
        <v>0</v>
      </c>
      <c r="LF26" s="122">
        <v>0</v>
      </c>
      <c r="LG26" s="123">
        <v>0</v>
      </c>
      <c r="LH26" s="124">
        <v>0</v>
      </c>
      <c r="LI26" s="159">
        <v>0</v>
      </c>
      <c r="LJ26" s="122">
        <v>0</v>
      </c>
      <c r="LK26" s="123">
        <v>0</v>
      </c>
      <c r="LL26" s="162"/>
      <c r="LM26" s="122">
        <v>0</v>
      </c>
      <c r="LN26" s="122">
        <v>0</v>
      </c>
      <c r="LO26" s="122">
        <v>0</v>
      </c>
      <c r="LP26" s="122">
        <v>0</v>
      </c>
      <c r="LQ26" s="122">
        <v>0</v>
      </c>
      <c r="LR26" s="123">
        <v>0</v>
      </c>
      <c r="LS26" s="357">
        <v>0</v>
      </c>
      <c r="LT26" s="159">
        <v>0</v>
      </c>
      <c r="LU26" s="122">
        <v>0</v>
      </c>
      <c r="LV26" s="123">
        <v>0</v>
      </c>
      <c r="LW26" s="162"/>
      <c r="LX26" s="122">
        <v>0</v>
      </c>
      <c r="LY26" s="122">
        <v>0</v>
      </c>
      <c r="LZ26" s="122">
        <v>0</v>
      </c>
      <c r="MA26" s="122">
        <v>0</v>
      </c>
      <c r="MB26" s="122">
        <v>0</v>
      </c>
      <c r="MC26" s="123">
        <v>0</v>
      </c>
      <c r="MD26" s="124">
        <v>0</v>
      </c>
      <c r="ME26" s="159">
        <v>0</v>
      </c>
      <c r="MF26" s="122">
        <v>0</v>
      </c>
      <c r="MG26" s="123">
        <v>0</v>
      </c>
      <c r="MH26" s="162"/>
      <c r="MI26" s="122">
        <v>0</v>
      </c>
      <c r="MJ26" s="122">
        <v>217426</v>
      </c>
      <c r="MK26" s="122">
        <v>2179945</v>
      </c>
      <c r="ML26" s="122">
        <v>2908829</v>
      </c>
      <c r="MM26" s="122">
        <v>2196147</v>
      </c>
      <c r="MN26" s="123">
        <v>7502347</v>
      </c>
      <c r="MO26" s="160">
        <v>7502347</v>
      </c>
      <c r="MP26" s="159">
        <v>0</v>
      </c>
      <c r="MQ26" s="122">
        <v>0</v>
      </c>
      <c r="MR26" s="123">
        <v>0</v>
      </c>
      <c r="MS26" s="162"/>
      <c r="MT26" s="122">
        <v>0</v>
      </c>
      <c r="MU26" s="122">
        <v>0</v>
      </c>
      <c r="MV26" s="122">
        <v>1971773</v>
      </c>
      <c r="MW26" s="122">
        <v>1729194</v>
      </c>
      <c r="MX26" s="122">
        <v>1763067</v>
      </c>
      <c r="MY26" s="123">
        <v>5464034</v>
      </c>
      <c r="MZ26" s="160">
        <v>5464034</v>
      </c>
      <c r="NA26" s="159">
        <v>0</v>
      </c>
      <c r="NB26" s="122">
        <v>0</v>
      </c>
      <c r="NC26" s="123">
        <v>0</v>
      </c>
      <c r="ND26" s="162"/>
      <c r="NE26" s="122">
        <v>0</v>
      </c>
      <c r="NF26" s="122">
        <v>217426</v>
      </c>
      <c r="NG26" s="122">
        <v>208172</v>
      </c>
      <c r="NH26" s="122">
        <v>837247</v>
      </c>
      <c r="NI26" s="122">
        <v>0</v>
      </c>
      <c r="NJ26" s="123">
        <v>1262845</v>
      </c>
      <c r="NK26" s="357">
        <v>1262845</v>
      </c>
      <c r="NL26" s="159">
        <v>0</v>
      </c>
      <c r="NM26" s="122">
        <v>0</v>
      </c>
      <c r="NN26" s="123">
        <v>0</v>
      </c>
      <c r="NO26" s="162"/>
      <c r="NP26" s="122">
        <v>0</v>
      </c>
      <c r="NQ26" s="122">
        <v>0</v>
      </c>
      <c r="NR26" s="122">
        <v>0</v>
      </c>
      <c r="NS26" s="122">
        <v>0</v>
      </c>
      <c r="NT26" s="122">
        <v>70260</v>
      </c>
      <c r="NU26" s="123">
        <v>70260</v>
      </c>
      <c r="NV26" s="124">
        <v>70260</v>
      </c>
      <c r="NW26" s="159">
        <v>0</v>
      </c>
      <c r="NX26" s="122">
        <v>0</v>
      </c>
      <c r="NY26" s="123">
        <v>0</v>
      </c>
      <c r="NZ26" s="162"/>
      <c r="OA26" s="122">
        <v>0</v>
      </c>
      <c r="OB26" s="122">
        <v>0</v>
      </c>
      <c r="OC26" s="122">
        <v>0</v>
      </c>
      <c r="OD26" s="122">
        <v>342388</v>
      </c>
      <c r="OE26" s="122">
        <v>362820</v>
      </c>
      <c r="OF26" s="123">
        <v>705208</v>
      </c>
      <c r="OG26" s="124">
        <v>705208</v>
      </c>
      <c r="OH26" s="159">
        <v>189864</v>
      </c>
      <c r="OI26" s="122">
        <v>356401</v>
      </c>
      <c r="OJ26" s="158">
        <v>546265</v>
      </c>
      <c r="OK26" s="121">
        <v>0</v>
      </c>
      <c r="OL26" s="122">
        <v>4053616</v>
      </c>
      <c r="OM26" s="122">
        <v>4889993</v>
      </c>
      <c r="ON26" s="122">
        <v>7062229</v>
      </c>
      <c r="OO26" s="122">
        <v>7068307</v>
      </c>
      <c r="OP26" s="122">
        <v>5259080</v>
      </c>
      <c r="OQ26" s="123">
        <v>28333225</v>
      </c>
      <c r="OR26" s="160">
        <v>28879490</v>
      </c>
    </row>
    <row r="27" spans="1:408" ht="20.25" customHeight="1" x14ac:dyDescent="0.2">
      <c r="A27" s="129" t="s">
        <v>22</v>
      </c>
      <c r="B27" s="112">
        <v>12889</v>
      </c>
      <c r="C27" s="116">
        <v>108456</v>
      </c>
      <c r="D27" s="115">
        <v>121345</v>
      </c>
      <c r="E27" s="111">
        <v>0</v>
      </c>
      <c r="F27" s="116">
        <v>1175990</v>
      </c>
      <c r="G27" s="116">
        <v>1906691</v>
      </c>
      <c r="H27" s="116">
        <v>1262359</v>
      </c>
      <c r="I27" s="116">
        <v>1451055</v>
      </c>
      <c r="J27" s="116">
        <v>1372556</v>
      </c>
      <c r="K27" s="200">
        <v>7168651</v>
      </c>
      <c r="L27" s="118">
        <v>7289996</v>
      </c>
      <c r="M27" s="112">
        <v>9689</v>
      </c>
      <c r="N27" s="116">
        <v>0</v>
      </c>
      <c r="O27" s="115">
        <v>9689</v>
      </c>
      <c r="P27" s="112">
        <v>0</v>
      </c>
      <c r="Q27" s="116">
        <v>254955</v>
      </c>
      <c r="R27" s="116">
        <v>363203</v>
      </c>
      <c r="S27" s="116">
        <v>162040</v>
      </c>
      <c r="T27" s="116">
        <v>379846</v>
      </c>
      <c r="U27" s="116">
        <v>759980</v>
      </c>
      <c r="V27" s="115">
        <v>1920024</v>
      </c>
      <c r="W27" s="118">
        <v>1929713</v>
      </c>
      <c r="X27" s="112">
        <v>0</v>
      </c>
      <c r="Y27" s="116">
        <v>0</v>
      </c>
      <c r="Z27" s="115">
        <v>0</v>
      </c>
      <c r="AA27" s="112">
        <v>0</v>
      </c>
      <c r="AB27" s="116">
        <v>126307</v>
      </c>
      <c r="AC27" s="116">
        <v>203606</v>
      </c>
      <c r="AD27" s="116">
        <v>33016</v>
      </c>
      <c r="AE27" s="116">
        <v>148962</v>
      </c>
      <c r="AF27" s="116">
        <v>443028</v>
      </c>
      <c r="AG27" s="115">
        <v>954919</v>
      </c>
      <c r="AH27" s="118">
        <v>954919</v>
      </c>
      <c r="AI27" s="112">
        <v>0</v>
      </c>
      <c r="AJ27" s="116">
        <v>0</v>
      </c>
      <c r="AK27" s="115">
        <v>0</v>
      </c>
      <c r="AL27" s="112">
        <v>0</v>
      </c>
      <c r="AM27" s="116">
        <v>0</v>
      </c>
      <c r="AN27" s="116">
        <v>0</v>
      </c>
      <c r="AO27" s="116">
        <v>43264</v>
      </c>
      <c r="AP27" s="116">
        <v>0</v>
      </c>
      <c r="AQ27" s="116">
        <v>86528</v>
      </c>
      <c r="AR27" s="115">
        <v>129792</v>
      </c>
      <c r="AS27" s="118">
        <v>129792</v>
      </c>
      <c r="AT27" s="112">
        <v>9689</v>
      </c>
      <c r="AU27" s="116">
        <v>0</v>
      </c>
      <c r="AV27" s="115">
        <v>9689</v>
      </c>
      <c r="AW27" s="112">
        <v>0</v>
      </c>
      <c r="AX27" s="116">
        <v>27440</v>
      </c>
      <c r="AY27" s="116">
        <v>70813</v>
      </c>
      <c r="AZ27" s="116">
        <v>42360</v>
      </c>
      <c r="BA27" s="116">
        <v>177636</v>
      </c>
      <c r="BB27" s="116">
        <v>130520</v>
      </c>
      <c r="BC27" s="115">
        <v>448769</v>
      </c>
      <c r="BD27" s="118">
        <v>458458</v>
      </c>
      <c r="BE27" s="112">
        <v>0</v>
      </c>
      <c r="BF27" s="116">
        <v>0</v>
      </c>
      <c r="BG27" s="114">
        <v>0</v>
      </c>
      <c r="BH27" s="113">
        <v>0</v>
      </c>
      <c r="BI27" s="116">
        <v>60640</v>
      </c>
      <c r="BJ27" s="116">
        <v>0</v>
      </c>
      <c r="BK27" s="116">
        <v>0</v>
      </c>
      <c r="BL27" s="116">
        <v>30592</v>
      </c>
      <c r="BM27" s="116">
        <v>54944</v>
      </c>
      <c r="BN27" s="115">
        <v>146176</v>
      </c>
      <c r="BO27" s="118">
        <v>146176</v>
      </c>
      <c r="BP27" s="112">
        <v>0</v>
      </c>
      <c r="BQ27" s="116">
        <v>0</v>
      </c>
      <c r="BR27" s="115">
        <v>0</v>
      </c>
      <c r="BS27" s="112">
        <v>0</v>
      </c>
      <c r="BT27" s="116">
        <v>40568</v>
      </c>
      <c r="BU27" s="116">
        <v>88784</v>
      </c>
      <c r="BV27" s="116">
        <v>43400</v>
      </c>
      <c r="BW27" s="116">
        <v>22656</v>
      </c>
      <c r="BX27" s="116">
        <v>44960</v>
      </c>
      <c r="BY27" s="115">
        <v>240368</v>
      </c>
      <c r="BZ27" s="118">
        <v>240368</v>
      </c>
      <c r="CA27" s="112">
        <v>0</v>
      </c>
      <c r="CB27" s="116">
        <v>0</v>
      </c>
      <c r="CC27" s="115">
        <v>0</v>
      </c>
      <c r="CD27" s="112">
        <v>0</v>
      </c>
      <c r="CE27" s="116">
        <v>440158</v>
      </c>
      <c r="CF27" s="116">
        <v>837928</v>
      </c>
      <c r="CG27" s="116">
        <v>392291</v>
      </c>
      <c r="CH27" s="116">
        <v>422528</v>
      </c>
      <c r="CI27" s="116">
        <v>284984</v>
      </c>
      <c r="CJ27" s="115">
        <v>2377889</v>
      </c>
      <c r="CK27" s="118">
        <v>2377889</v>
      </c>
      <c r="CL27" s="112">
        <v>0</v>
      </c>
      <c r="CM27" s="116">
        <v>0</v>
      </c>
      <c r="CN27" s="115">
        <v>0</v>
      </c>
      <c r="CO27" s="113">
        <v>0</v>
      </c>
      <c r="CP27" s="116">
        <v>278970</v>
      </c>
      <c r="CQ27" s="116">
        <v>809472</v>
      </c>
      <c r="CR27" s="116">
        <v>360515</v>
      </c>
      <c r="CS27" s="116">
        <v>407176</v>
      </c>
      <c r="CT27" s="116">
        <v>193360</v>
      </c>
      <c r="CU27" s="115">
        <v>2049493</v>
      </c>
      <c r="CV27" s="118">
        <v>2049493</v>
      </c>
      <c r="CW27" s="112">
        <v>0</v>
      </c>
      <c r="CX27" s="116">
        <v>0</v>
      </c>
      <c r="CY27" s="115">
        <v>0</v>
      </c>
      <c r="CZ27" s="112">
        <v>0</v>
      </c>
      <c r="DA27" s="116">
        <v>161188</v>
      </c>
      <c r="DB27" s="116">
        <v>28456</v>
      </c>
      <c r="DC27" s="116">
        <v>31776</v>
      </c>
      <c r="DD27" s="116">
        <v>15352</v>
      </c>
      <c r="DE27" s="116">
        <v>91624</v>
      </c>
      <c r="DF27" s="115">
        <v>328396</v>
      </c>
      <c r="DG27" s="118">
        <v>328396</v>
      </c>
      <c r="DH27" s="112">
        <v>0</v>
      </c>
      <c r="DI27" s="116">
        <v>0</v>
      </c>
      <c r="DJ27" s="114">
        <v>0</v>
      </c>
      <c r="DK27" s="113">
        <v>0</v>
      </c>
      <c r="DL27" s="116">
        <v>20697</v>
      </c>
      <c r="DM27" s="116">
        <v>0</v>
      </c>
      <c r="DN27" s="116">
        <v>424660</v>
      </c>
      <c r="DO27" s="116">
        <v>151449</v>
      </c>
      <c r="DP27" s="116">
        <v>0</v>
      </c>
      <c r="DQ27" s="115">
        <v>596806</v>
      </c>
      <c r="DR27" s="118">
        <v>596806</v>
      </c>
      <c r="DS27" s="112">
        <v>0</v>
      </c>
      <c r="DT27" s="116">
        <v>0</v>
      </c>
      <c r="DU27" s="115">
        <v>0</v>
      </c>
      <c r="DV27" s="112">
        <v>0</v>
      </c>
      <c r="DW27" s="116">
        <v>20697</v>
      </c>
      <c r="DX27" s="116">
        <v>0</v>
      </c>
      <c r="DY27" s="116">
        <v>180992</v>
      </c>
      <c r="DZ27" s="116">
        <v>151449</v>
      </c>
      <c r="EA27" s="116">
        <v>0</v>
      </c>
      <c r="EB27" s="115">
        <v>353138</v>
      </c>
      <c r="EC27" s="118">
        <v>353138</v>
      </c>
      <c r="ED27" s="112">
        <v>0</v>
      </c>
      <c r="EE27" s="114">
        <v>0</v>
      </c>
      <c r="EF27" s="115">
        <v>0</v>
      </c>
      <c r="EG27" s="112">
        <v>0</v>
      </c>
      <c r="EH27" s="116">
        <v>0</v>
      </c>
      <c r="EI27" s="116">
        <v>0</v>
      </c>
      <c r="EJ27" s="116">
        <v>243668</v>
      </c>
      <c r="EK27" s="116">
        <v>0</v>
      </c>
      <c r="EL27" s="116">
        <v>0</v>
      </c>
      <c r="EM27" s="114">
        <v>243668</v>
      </c>
      <c r="EN27" s="118">
        <v>243668</v>
      </c>
      <c r="EO27" s="112">
        <v>0</v>
      </c>
      <c r="EP27" s="116">
        <v>0</v>
      </c>
      <c r="EQ27" s="114">
        <v>0</v>
      </c>
      <c r="ER27" s="113">
        <v>0</v>
      </c>
      <c r="ES27" s="116">
        <v>0</v>
      </c>
      <c r="ET27" s="116">
        <v>0</v>
      </c>
      <c r="EU27" s="116">
        <v>0</v>
      </c>
      <c r="EV27" s="116">
        <v>0</v>
      </c>
      <c r="EW27" s="116">
        <v>0</v>
      </c>
      <c r="EX27" s="115">
        <v>0</v>
      </c>
      <c r="EY27" s="118">
        <v>0</v>
      </c>
      <c r="EZ27" s="112">
        <v>0</v>
      </c>
      <c r="FA27" s="116">
        <v>0</v>
      </c>
      <c r="FB27" s="114">
        <v>0</v>
      </c>
      <c r="FC27" s="390"/>
      <c r="FD27" s="116">
        <v>0</v>
      </c>
      <c r="FE27" s="116">
        <v>0</v>
      </c>
      <c r="FF27" s="116">
        <v>0</v>
      </c>
      <c r="FG27" s="116">
        <v>0</v>
      </c>
      <c r="FH27" s="116">
        <v>0</v>
      </c>
      <c r="FI27" s="115">
        <v>0</v>
      </c>
      <c r="FJ27" s="118">
        <v>0</v>
      </c>
      <c r="FK27" s="112">
        <v>3200</v>
      </c>
      <c r="FL27" s="116">
        <v>30080</v>
      </c>
      <c r="FM27" s="115">
        <v>33280</v>
      </c>
      <c r="FN27" s="112">
        <v>0</v>
      </c>
      <c r="FO27" s="116">
        <v>226316</v>
      </c>
      <c r="FP27" s="116">
        <v>242984</v>
      </c>
      <c r="FQ27" s="116">
        <v>109424</v>
      </c>
      <c r="FR27" s="116">
        <v>122048</v>
      </c>
      <c r="FS27" s="116">
        <v>120880</v>
      </c>
      <c r="FT27" s="115">
        <v>821652</v>
      </c>
      <c r="FU27" s="118">
        <v>854932</v>
      </c>
      <c r="FV27" s="117">
        <v>3200</v>
      </c>
      <c r="FW27" s="116">
        <v>30080</v>
      </c>
      <c r="FX27" s="114">
        <v>33280</v>
      </c>
      <c r="FY27" s="113">
        <v>0</v>
      </c>
      <c r="FZ27" s="116">
        <v>46120</v>
      </c>
      <c r="GA27" s="116">
        <v>113176</v>
      </c>
      <c r="GB27" s="116">
        <v>109424</v>
      </c>
      <c r="GC27" s="116">
        <v>122048</v>
      </c>
      <c r="GD27" s="116">
        <v>120880</v>
      </c>
      <c r="GE27" s="115">
        <v>511648</v>
      </c>
      <c r="GF27" s="354">
        <v>544928</v>
      </c>
      <c r="GG27" s="117">
        <v>0</v>
      </c>
      <c r="GH27" s="116">
        <v>0</v>
      </c>
      <c r="GI27" s="114">
        <v>0</v>
      </c>
      <c r="GJ27" s="113">
        <v>0</v>
      </c>
      <c r="GK27" s="116">
        <v>20196</v>
      </c>
      <c r="GL27" s="116">
        <v>0</v>
      </c>
      <c r="GM27" s="116">
        <v>0</v>
      </c>
      <c r="GN27" s="116">
        <v>0</v>
      </c>
      <c r="GO27" s="116">
        <v>0</v>
      </c>
      <c r="GP27" s="115">
        <v>20196</v>
      </c>
      <c r="GQ27" s="118">
        <v>20196</v>
      </c>
      <c r="GR27" s="112">
        <v>0</v>
      </c>
      <c r="GS27" s="116">
        <v>0</v>
      </c>
      <c r="GT27" s="115">
        <v>0</v>
      </c>
      <c r="GU27" s="112">
        <v>0</v>
      </c>
      <c r="GV27" s="116">
        <v>160000</v>
      </c>
      <c r="GW27" s="116">
        <v>129808</v>
      </c>
      <c r="GX27" s="116">
        <v>0</v>
      </c>
      <c r="GY27" s="116">
        <v>0</v>
      </c>
      <c r="GZ27" s="116">
        <v>0</v>
      </c>
      <c r="HA27" s="114">
        <v>289808</v>
      </c>
      <c r="HB27" s="118">
        <v>289808</v>
      </c>
      <c r="HC27" s="112">
        <v>0</v>
      </c>
      <c r="HD27" s="116">
        <v>78376</v>
      </c>
      <c r="HE27" s="114">
        <v>78376</v>
      </c>
      <c r="HF27" s="113">
        <v>0</v>
      </c>
      <c r="HG27" s="116">
        <v>233864</v>
      </c>
      <c r="HH27" s="116">
        <v>462576</v>
      </c>
      <c r="HI27" s="116">
        <v>173944</v>
      </c>
      <c r="HJ27" s="116">
        <v>375184</v>
      </c>
      <c r="HK27" s="116">
        <v>206712</v>
      </c>
      <c r="HL27" s="115">
        <v>1452280</v>
      </c>
      <c r="HM27" s="111">
        <v>1530656</v>
      </c>
      <c r="HN27" s="370"/>
      <c r="HO27" s="371"/>
      <c r="HP27" s="372"/>
      <c r="HQ27" s="373"/>
      <c r="HR27" s="371"/>
      <c r="HS27" s="371"/>
      <c r="HT27" s="371"/>
      <c r="HU27" s="371"/>
      <c r="HV27" s="371"/>
      <c r="HW27" s="374"/>
      <c r="HX27" s="375"/>
      <c r="HY27" s="148">
        <v>0</v>
      </c>
      <c r="HZ27" s="149">
        <v>0</v>
      </c>
      <c r="IA27" s="150">
        <v>0</v>
      </c>
      <c r="IB27" s="163">
        <v>0</v>
      </c>
      <c r="IC27" s="149">
        <v>885649</v>
      </c>
      <c r="ID27" s="164">
        <v>942486</v>
      </c>
      <c r="IE27" s="150">
        <v>307093</v>
      </c>
      <c r="IF27" s="149">
        <v>947712</v>
      </c>
      <c r="IG27" s="150">
        <v>13064</v>
      </c>
      <c r="IH27" s="165">
        <v>3096004</v>
      </c>
      <c r="II27" s="156">
        <v>3096004</v>
      </c>
      <c r="IJ27" s="261">
        <v>0</v>
      </c>
      <c r="IK27" s="268">
        <v>0</v>
      </c>
      <c r="IL27" s="269">
        <v>0</v>
      </c>
      <c r="IM27" s="157"/>
      <c r="IN27" s="122">
        <v>0</v>
      </c>
      <c r="IO27" s="122">
        <v>0</v>
      </c>
      <c r="IP27" s="122">
        <v>157928</v>
      </c>
      <c r="IQ27" s="122">
        <v>0</v>
      </c>
      <c r="IR27" s="122">
        <v>0</v>
      </c>
      <c r="IS27" s="158">
        <v>157928</v>
      </c>
      <c r="IT27" s="357">
        <v>157928</v>
      </c>
      <c r="IU27" s="159">
        <v>0</v>
      </c>
      <c r="IV27" s="122">
        <v>0</v>
      </c>
      <c r="IW27" s="123">
        <v>0</v>
      </c>
      <c r="IX27" s="161"/>
      <c r="IY27" s="122">
        <v>0</v>
      </c>
      <c r="IZ27" s="122">
        <v>0</v>
      </c>
      <c r="JA27" s="122">
        <v>0</v>
      </c>
      <c r="JB27" s="122">
        <v>0</v>
      </c>
      <c r="JC27" s="122">
        <v>0</v>
      </c>
      <c r="JD27" s="123">
        <v>0</v>
      </c>
      <c r="JE27" s="124">
        <v>0</v>
      </c>
      <c r="JF27" s="159">
        <v>0</v>
      </c>
      <c r="JG27" s="122">
        <v>0</v>
      </c>
      <c r="JH27" s="158">
        <v>0</v>
      </c>
      <c r="JI27" s="121">
        <v>0</v>
      </c>
      <c r="JJ27" s="122">
        <v>80488</v>
      </c>
      <c r="JK27" s="122">
        <v>126664</v>
      </c>
      <c r="JL27" s="122">
        <v>75290</v>
      </c>
      <c r="JM27" s="122">
        <v>115520</v>
      </c>
      <c r="JN27" s="122">
        <v>0</v>
      </c>
      <c r="JO27" s="123">
        <v>397962</v>
      </c>
      <c r="JP27" s="357">
        <v>397962</v>
      </c>
      <c r="JQ27" s="159">
        <v>0</v>
      </c>
      <c r="JR27" s="122">
        <v>0</v>
      </c>
      <c r="JS27" s="158">
        <v>0</v>
      </c>
      <c r="JT27" s="121">
        <v>0</v>
      </c>
      <c r="JU27" s="122">
        <v>93056</v>
      </c>
      <c r="JV27" s="122">
        <v>0</v>
      </c>
      <c r="JW27" s="122">
        <v>73875</v>
      </c>
      <c r="JX27" s="122">
        <v>127072</v>
      </c>
      <c r="JY27" s="122">
        <v>0</v>
      </c>
      <c r="JZ27" s="123">
        <v>294003</v>
      </c>
      <c r="KA27" s="357">
        <v>294003</v>
      </c>
      <c r="KB27" s="264">
        <v>0</v>
      </c>
      <c r="KC27" s="258">
        <v>0</v>
      </c>
      <c r="KD27" s="123">
        <v>0</v>
      </c>
      <c r="KE27" s="121">
        <v>0</v>
      </c>
      <c r="KF27" s="122">
        <v>508000</v>
      </c>
      <c r="KG27" s="122">
        <v>392240</v>
      </c>
      <c r="KH27" s="122">
        <v>0</v>
      </c>
      <c r="KI27" s="122">
        <v>0</v>
      </c>
      <c r="KJ27" s="122">
        <v>0</v>
      </c>
      <c r="KK27" s="123">
        <v>900240</v>
      </c>
      <c r="KL27" s="160">
        <v>900240</v>
      </c>
      <c r="KM27" s="261">
        <v>0</v>
      </c>
      <c r="KN27" s="268">
        <v>0</v>
      </c>
      <c r="KO27" s="269">
        <v>0</v>
      </c>
      <c r="KP27" s="157"/>
      <c r="KQ27" s="122">
        <v>204105</v>
      </c>
      <c r="KR27" s="122">
        <v>423582</v>
      </c>
      <c r="KS27" s="122">
        <v>0</v>
      </c>
      <c r="KT27" s="122">
        <v>0</v>
      </c>
      <c r="KU27" s="122">
        <v>0</v>
      </c>
      <c r="KV27" s="123">
        <v>627687</v>
      </c>
      <c r="KW27" s="357">
        <v>627687</v>
      </c>
      <c r="KX27" s="159">
        <v>0</v>
      </c>
      <c r="KY27" s="122">
        <v>0</v>
      </c>
      <c r="KZ27" s="123">
        <v>0</v>
      </c>
      <c r="LA27" s="162"/>
      <c r="LB27" s="122">
        <v>0</v>
      </c>
      <c r="LC27" s="122">
        <v>0</v>
      </c>
      <c r="LD27" s="122">
        <v>0</v>
      </c>
      <c r="LE27" s="122">
        <v>0</v>
      </c>
      <c r="LF27" s="122">
        <v>0</v>
      </c>
      <c r="LG27" s="123">
        <v>0</v>
      </c>
      <c r="LH27" s="124">
        <v>0</v>
      </c>
      <c r="LI27" s="159">
        <v>0</v>
      </c>
      <c r="LJ27" s="122">
        <v>0</v>
      </c>
      <c r="LK27" s="123">
        <v>0</v>
      </c>
      <c r="LL27" s="162"/>
      <c r="LM27" s="122">
        <v>0</v>
      </c>
      <c r="LN27" s="122">
        <v>0</v>
      </c>
      <c r="LO27" s="122">
        <v>0</v>
      </c>
      <c r="LP27" s="122">
        <v>705120</v>
      </c>
      <c r="LQ27" s="122">
        <v>13064</v>
      </c>
      <c r="LR27" s="123">
        <v>718184</v>
      </c>
      <c r="LS27" s="357">
        <v>718184</v>
      </c>
      <c r="LT27" s="159">
        <v>0</v>
      </c>
      <c r="LU27" s="122">
        <v>0</v>
      </c>
      <c r="LV27" s="123">
        <v>0</v>
      </c>
      <c r="LW27" s="162"/>
      <c r="LX27" s="122">
        <v>0</v>
      </c>
      <c r="LY27" s="122">
        <v>0</v>
      </c>
      <c r="LZ27" s="122">
        <v>0</v>
      </c>
      <c r="MA27" s="122">
        <v>0</v>
      </c>
      <c r="MB27" s="122">
        <v>0</v>
      </c>
      <c r="MC27" s="123">
        <v>0</v>
      </c>
      <c r="MD27" s="124">
        <v>0</v>
      </c>
      <c r="ME27" s="159">
        <v>0</v>
      </c>
      <c r="MF27" s="122">
        <v>0</v>
      </c>
      <c r="MG27" s="123">
        <v>0</v>
      </c>
      <c r="MH27" s="162"/>
      <c r="MI27" s="122">
        <v>0</v>
      </c>
      <c r="MJ27" s="122">
        <v>518464</v>
      </c>
      <c r="MK27" s="122">
        <v>719541</v>
      </c>
      <c r="ML27" s="122">
        <v>408832</v>
      </c>
      <c r="MM27" s="122">
        <v>0</v>
      </c>
      <c r="MN27" s="123">
        <v>1646837</v>
      </c>
      <c r="MO27" s="160">
        <v>1646837</v>
      </c>
      <c r="MP27" s="159">
        <v>0</v>
      </c>
      <c r="MQ27" s="122">
        <v>0</v>
      </c>
      <c r="MR27" s="123">
        <v>0</v>
      </c>
      <c r="MS27" s="162"/>
      <c r="MT27" s="122">
        <v>0</v>
      </c>
      <c r="MU27" s="122">
        <v>0</v>
      </c>
      <c r="MV27" s="122">
        <v>442870</v>
      </c>
      <c r="MW27" s="122">
        <v>408832</v>
      </c>
      <c r="MX27" s="122">
        <v>0</v>
      </c>
      <c r="MY27" s="123">
        <v>851702</v>
      </c>
      <c r="MZ27" s="160">
        <v>851702</v>
      </c>
      <c r="NA27" s="159">
        <v>0</v>
      </c>
      <c r="NB27" s="122">
        <v>0</v>
      </c>
      <c r="NC27" s="123">
        <v>0</v>
      </c>
      <c r="ND27" s="162"/>
      <c r="NE27" s="122">
        <v>0</v>
      </c>
      <c r="NF27" s="122">
        <v>518464</v>
      </c>
      <c r="NG27" s="122">
        <v>276671</v>
      </c>
      <c r="NH27" s="122">
        <v>0</v>
      </c>
      <c r="NI27" s="122">
        <v>0</v>
      </c>
      <c r="NJ27" s="123">
        <v>795135</v>
      </c>
      <c r="NK27" s="357">
        <v>795135</v>
      </c>
      <c r="NL27" s="159">
        <v>0</v>
      </c>
      <c r="NM27" s="122">
        <v>0</v>
      </c>
      <c r="NN27" s="123">
        <v>0</v>
      </c>
      <c r="NO27" s="162"/>
      <c r="NP27" s="122">
        <v>0</v>
      </c>
      <c r="NQ27" s="122">
        <v>0</v>
      </c>
      <c r="NR27" s="122">
        <v>0</v>
      </c>
      <c r="NS27" s="122">
        <v>0</v>
      </c>
      <c r="NT27" s="122">
        <v>0</v>
      </c>
      <c r="NU27" s="123">
        <v>0</v>
      </c>
      <c r="NV27" s="124">
        <v>0</v>
      </c>
      <c r="NW27" s="159">
        <v>0</v>
      </c>
      <c r="NX27" s="122">
        <v>0</v>
      </c>
      <c r="NY27" s="123">
        <v>0</v>
      </c>
      <c r="NZ27" s="162"/>
      <c r="OA27" s="122">
        <v>0</v>
      </c>
      <c r="OB27" s="122">
        <v>0</v>
      </c>
      <c r="OC27" s="122">
        <v>0</v>
      </c>
      <c r="OD27" s="122">
        <v>0</v>
      </c>
      <c r="OE27" s="122">
        <v>0</v>
      </c>
      <c r="OF27" s="123">
        <v>0</v>
      </c>
      <c r="OG27" s="124">
        <v>0</v>
      </c>
      <c r="OH27" s="159">
        <v>12889</v>
      </c>
      <c r="OI27" s="122">
        <v>108456</v>
      </c>
      <c r="OJ27" s="158">
        <v>121345</v>
      </c>
      <c r="OK27" s="121">
        <v>0</v>
      </c>
      <c r="OL27" s="122">
        <v>2061639</v>
      </c>
      <c r="OM27" s="122">
        <v>3367641</v>
      </c>
      <c r="ON27" s="122">
        <v>2288993</v>
      </c>
      <c r="OO27" s="122">
        <v>2807599</v>
      </c>
      <c r="OP27" s="122">
        <v>1385620</v>
      </c>
      <c r="OQ27" s="123">
        <v>11911492</v>
      </c>
      <c r="OR27" s="160">
        <v>12032837</v>
      </c>
    </row>
    <row r="28" spans="1:408" ht="20.25" customHeight="1" x14ac:dyDescent="0.2">
      <c r="A28" s="129" t="s">
        <v>23</v>
      </c>
      <c r="B28" s="112">
        <v>422396</v>
      </c>
      <c r="C28" s="116">
        <v>240370</v>
      </c>
      <c r="D28" s="115">
        <v>662766</v>
      </c>
      <c r="E28" s="111">
        <v>0</v>
      </c>
      <c r="F28" s="116">
        <v>2528795</v>
      </c>
      <c r="G28" s="116">
        <v>2175529</v>
      </c>
      <c r="H28" s="116">
        <v>2422024</v>
      </c>
      <c r="I28" s="116">
        <v>1972311</v>
      </c>
      <c r="J28" s="116">
        <v>631083</v>
      </c>
      <c r="K28" s="200">
        <v>9729742</v>
      </c>
      <c r="L28" s="118">
        <v>10392508</v>
      </c>
      <c r="M28" s="112">
        <v>173516</v>
      </c>
      <c r="N28" s="116">
        <v>63798</v>
      </c>
      <c r="O28" s="115">
        <v>237314</v>
      </c>
      <c r="P28" s="112">
        <v>0</v>
      </c>
      <c r="Q28" s="116">
        <v>790859</v>
      </c>
      <c r="R28" s="116">
        <v>926364</v>
      </c>
      <c r="S28" s="116">
        <v>696212</v>
      </c>
      <c r="T28" s="116">
        <v>564740</v>
      </c>
      <c r="U28" s="116">
        <v>259820</v>
      </c>
      <c r="V28" s="115">
        <v>3237995</v>
      </c>
      <c r="W28" s="118">
        <v>3475309</v>
      </c>
      <c r="X28" s="112">
        <v>0</v>
      </c>
      <c r="Y28" s="116">
        <v>0</v>
      </c>
      <c r="Z28" s="115">
        <v>0</v>
      </c>
      <c r="AA28" s="112">
        <v>0</v>
      </c>
      <c r="AB28" s="116">
        <v>142261</v>
      </c>
      <c r="AC28" s="116">
        <v>308189</v>
      </c>
      <c r="AD28" s="116">
        <v>450081</v>
      </c>
      <c r="AE28" s="116">
        <v>392909</v>
      </c>
      <c r="AF28" s="116">
        <v>232772</v>
      </c>
      <c r="AG28" s="115">
        <v>1526212</v>
      </c>
      <c r="AH28" s="118">
        <v>1526212</v>
      </c>
      <c r="AI28" s="112">
        <v>0</v>
      </c>
      <c r="AJ28" s="116">
        <v>0</v>
      </c>
      <c r="AK28" s="115">
        <v>0</v>
      </c>
      <c r="AL28" s="112">
        <v>0</v>
      </c>
      <c r="AM28" s="116">
        <v>23145</v>
      </c>
      <c r="AN28" s="116">
        <v>0</v>
      </c>
      <c r="AO28" s="116">
        <v>0</v>
      </c>
      <c r="AP28" s="116">
        <v>24986</v>
      </c>
      <c r="AQ28" s="116">
        <v>0</v>
      </c>
      <c r="AR28" s="115">
        <v>48131</v>
      </c>
      <c r="AS28" s="118">
        <v>48131</v>
      </c>
      <c r="AT28" s="112">
        <v>135668</v>
      </c>
      <c r="AU28" s="116">
        <v>46670</v>
      </c>
      <c r="AV28" s="115">
        <v>182338</v>
      </c>
      <c r="AW28" s="112">
        <v>0</v>
      </c>
      <c r="AX28" s="116">
        <v>466469</v>
      </c>
      <c r="AY28" s="116">
        <v>502407</v>
      </c>
      <c r="AZ28" s="116">
        <v>181411</v>
      </c>
      <c r="BA28" s="116">
        <v>96501</v>
      </c>
      <c r="BB28" s="116">
        <v>0</v>
      </c>
      <c r="BC28" s="115">
        <v>1246788</v>
      </c>
      <c r="BD28" s="118">
        <v>1429126</v>
      </c>
      <c r="BE28" s="112">
        <v>0</v>
      </c>
      <c r="BF28" s="116">
        <v>0</v>
      </c>
      <c r="BG28" s="114">
        <v>0</v>
      </c>
      <c r="BH28" s="113">
        <v>0</v>
      </c>
      <c r="BI28" s="116">
        <v>0</v>
      </c>
      <c r="BJ28" s="116">
        <v>0</v>
      </c>
      <c r="BK28" s="116">
        <v>0</v>
      </c>
      <c r="BL28" s="116">
        <v>0</v>
      </c>
      <c r="BM28" s="116">
        <v>0</v>
      </c>
      <c r="BN28" s="115">
        <v>0</v>
      </c>
      <c r="BO28" s="118">
        <v>0</v>
      </c>
      <c r="BP28" s="112">
        <v>37848</v>
      </c>
      <c r="BQ28" s="116">
        <v>17128</v>
      </c>
      <c r="BR28" s="115">
        <v>54976</v>
      </c>
      <c r="BS28" s="112">
        <v>0</v>
      </c>
      <c r="BT28" s="116">
        <v>158984</v>
      </c>
      <c r="BU28" s="116">
        <v>115768</v>
      </c>
      <c r="BV28" s="116">
        <v>64720</v>
      </c>
      <c r="BW28" s="116">
        <v>50344</v>
      </c>
      <c r="BX28" s="116">
        <v>27048</v>
      </c>
      <c r="BY28" s="115">
        <v>416864</v>
      </c>
      <c r="BZ28" s="118">
        <v>471840</v>
      </c>
      <c r="CA28" s="112">
        <v>0</v>
      </c>
      <c r="CB28" s="116">
        <v>0</v>
      </c>
      <c r="CC28" s="115">
        <v>0</v>
      </c>
      <c r="CD28" s="112">
        <v>0</v>
      </c>
      <c r="CE28" s="116">
        <v>862769</v>
      </c>
      <c r="CF28" s="116">
        <v>607264</v>
      </c>
      <c r="CG28" s="116">
        <v>995285</v>
      </c>
      <c r="CH28" s="116">
        <v>776230</v>
      </c>
      <c r="CI28" s="116">
        <v>51873</v>
      </c>
      <c r="CJ28" s="115">
        <v>3293421</v>
      </c>
      <c r="CK28" s="118">
        <v>3293421</v>
      </c>
      <c r="CL28" s="112">
        <v>0</v>
      </c>
      <c r="CM28" s="116">
        <v>0</v>
      </c>
      <c r="CN28" s="115">
        <v>0</v>
      </c>
      <c r="CO28" s="113">
        <v>0</v>
      </c>
      <c r="CP28" s="116">
        <v>734535</v>
      </c>
      <c r="CQ28" s="116">
        <v>431888</v>
      </c>
      <c r="CR28" s="116">
        <v>817342</v>
      </c>
      <c r="CS28" s="116">
        <v>327626</v>
      </c>
      <c r="CT28" s="116">
        <v>51873</v>
      </c>
      <c r="CU28" s="115">
        <v>2363264</v>
      </c>
      <c r="CV28" s="118">
        <v>2363264</v>
      </c>
      <c r="CW28" s="112">
        <v>0</v>
      </c>
      <c r="CX28" s="116">
        <v>0</v>
      </c>
      <c r="CY28" s="115">
        <v>0</v>
      </c>
      <c r="CZ28" s="112">
        <v>0</v>
      </c>
      <c r="DA28" s="116">
        <v>128234</v>
      </c>
      <c r="DB28" s="116">
        <v>175376</v>
      </c>
      <c r="DC28" s="116">
        <v>177943</v>
      </c>
      <c r="DD28" s="116">
        <v>448604</v>
      </c>
      <c r="DE28" s="116">
        <v>0</v>
      </c>
      <c r="DF28" s="115">
        <v>930157</v>
      </c>
      <c r="DG28" s="118">
        <v>930157</v>
      </c>
      <c r="DH28" s="112">
        <v>0</v>
      </c>
      <c r="DI28" s="116">
        <v>0</v>
      </c>
      <c r="DJ28" s="114">
        <v>0</v>
      </c>
      <c r="DK28" s="113">
        <v>0</v>
      </c>
      <c r="DL28" s="116">
        <v>33498</v>
      </c>
      <c r="DM28" s="116">
        <v>0</v>
      </c>
      <c r="DN28" s="116">
        <v>261398</v>
      </c>
      <c r="DO28" s="116">
        <v>333200</v>
      </c>
      <c r="DP28" s="116">
        <v>0</v>
      </c>
      <c r="DQ28" s="115">
        <v>628096</v>
      </c>
      <c r="DR28" s="118">
        <v>628096</v>
      </c>
      <c r="DS28" s="112">
        <v>0</v>
      </c>
      <c r="DT28" s="116">
        <v>0</v>
      </c>
      <c r="DU28" s="115">
        <v>0</v>
      </c>
      <c r="DV28" s="112">
        <v>0</v>
      </c>
      <c r="DW28" s="116">
        <v>0</v>
      </c>
      <c r="DX28" s="116">
        <v>0</v>
      </c>
      <c r="DY28" s="116">
        <v>261398</v>
      </c>
      <c r="DZ28" s="116">
        <v>333200</v>
      </c>
      <c r="EA28" s="116">
        <v>0</v>
      </c>
      <c r="EB28" s="115">
        <v>594598</v>
      </c>
      <c r="EC28" s="118">
        <v>594598</v>
      </c>
      <c r="ED28" s="112">
        <v>0</v>
      </c>
      <c r="EE28" s="114">
        <v>0</v>
      </c>
      <c r="EF28" s="115">
        <v>0</v>
      </c>
      <c r="EG28" s="112">
        <v>0</v>
      </c>
      <c r="EH28" s="116">
        <v>33498</v>
      </c>
      <c r="EI28" s="116">
        <v>0</v>
      </c>
      <c r="EJ28" s="116">
        <v>0</v>
      </c>
      <c r="EK28" s="116">
        <v>0</v>
      </c>
      <c r="EL28" s="116">
        <v>0</v>
      </c>
      <c r="EM28" s="114">
        <v>33498</v>
      </c>
      <c r="EN28" s="118">
        <v>33498</v>
      </c>
      <c r="EO28" s="112">
        <v>0</v>
      </c>
      <c r="EP28" s="116">
        <v>0</v>
      </c>
      <c r="EQ28" s="114">
        <v>0</v>
      </c>
      <c r="ER28" s="113">
        <v>0</v>
      </c>
      <c r="ES28" s="116">
        <v>0</v>
      </c>
      <c r="ET28" s="116">
        <v>0</v>
      </c>
      <c r="EU28" s="116">
        <v>0</v>
      </c>
      <c r="EV28" s="116">
        <v>0</v>
      </c>
      <c r="EW28" s="116">
        <v>0</v>
      </c>
      <c r="EX28" s="115">
        <v>0</v>
      </c>
      <c r="EY28" s="118">
        <v>0</v>
      </c>
      <c r="EZ28" s="112">
        <v>0</v>
      </c>
      <c r="FA28" s="116">
        <v>0</v>
      </c>
      <c r="FB28" s="114">
        <v>0</v>
      </c>
      <c r="FC28" s="390"/>
      <c r="FD28" s="116">
        <v>0</v>
      </c>
      <c r="FE28" s="116">
        <v>0</v>
      </c>
      <c r="FF28" s="116">
        <v>0</v>
      </c>
      <c r="FG28" s="116">
        <v>0</v>
      </c>
      <c r="FH28" s="116">
        <v>0</v>
      </c>
      <c r="FI28" s="115">
        <v>0</v>
      </c>
      <c r="FJ28" s="118">
        <v>0</v>
      </c>
      <c r="FK28" s="112">
        <v>151760</v>
      </c>
      <c r="FL28" s="116">
        <v>11024</v>
      </c>
      <c r="FM28" s="115">
        <v>162784</v>
      </c>
      <c r="FN28" s="112">
        <v>0</v>
      </c>
      <c r="FO28" s="116">
        <v>111296</v>
      </c>
      <c r="FP28" s="116">
        <v>322944</v>
      </c>
      <c r="FQ28" s="116">
        <v>104776</v>
      </c>
      <c r="FR28" s="116">
        <v>158120</v>
      </c>
      <c r="FS28" s="116">
        <v>53072</v>
      </c>
      <c r="FT28" s="115">
        <v>750208</v>
      </c>
      <c r="FU28" s="118">
        <v>912992</v>
      </c>
      <c r="FV28" s="117">
        <v>4800</v>
      </c>
      <c r="FW28" s="116">
        <v>11024</v>
      </c>
      <c r="FX28" s="114">
        <v>15824</v>
      </c>
      <c r="FY28" s="113">
        <v>0</v>
      </c>
      <c r="FZ28" s="116">
        <v>89696</v>
      </c>
      <c r="GA28" s="116">
        <v>322944</v>
      </c>
      <c r="GB28" s="116">
        <v>104776</v>
      </c>
      <c r="GC28" s="116">
        <v>158120</v>
      </c>
      <c r="GD28" s="116">
        <v>53072</v>
      </c>
      <c r="GE28" s="115">
        <v>728608</v>
      </c>
      <c r="GF28" s="354">
        <v>744432</v>
      </c>
      <c r="GG28" s="117">
        <v>0</v>
      </c>
      <c r="GH28" s="116">
        <v>0</v>
      </c>
      <c r="GI28" s="114">
        <v>0</v>
      </c>
      <c r="GJ28" s="113">
        <v>0</v>
      </c>
      <c r="GK28" s="116">
        <v>21600</v>
      </c>
      <c r="GL28" s="116">
        <v>0</v>
      </c>
      <c r="GM28" s="116">
        <v>0</v>
      </c>
      <c r="GN28" s="116">
        <v>0</v>
      </c>
      <c r="GO28" s="116">
        <v>0</v>
      </c>
      <c r="GP28" s="115">
        <v>21600</v>
      </c>
      <c r="GQ28" s="118">
        <v>21600</v>
      </c>
      <c r="GR28" s="112">
        <v>146960</v>
      </c>
      <c r="GS28" s="116">
        <v>0</v>
      </c>
      <c r="GT28" s="115">
        <v>146960</v>
      </c>
      <c r="GU28" s="112">
        <v>0</v>
      </c>
      <c r="GV28" s="116">
        <v>0</v>
      </c>
      <c r="GW28" s="116">
        <v>0</v>
      </c>
      <c r="GX28" s="116">
        <v>0</v>
      </c>
      <c r="GY28" s="116">
        <v>0</v>
      </c>
      <c r="GZ28" s="116">
        <v>0</v>
      </c>
      <c r="HA28" s="114">
        <v>0</v>
      </c>
      <c r="HB28" s="118">
        <v>146960</v>
      </c>
      <c r="HC28" s="112">
        <v>97120</v>
      </c>
      <c r="HD28" s="116">
        <v>165548</v>
      </c>
      <c r="HE28" s="114">
        <v>262668</v>
      </c>
      <c r="HF28" s="113">
        <v>0</v>
      </c>
      <c r="HG28" s="116">
        <v>730373</v>
      </c>
      <c r="HH28" s="116">
        <v>318957</v>
      </c>
      <c r="HI28" s="116">
        <v>364353</v>
      </c>
      <c r="HJ28" s="116">
        <v>140021</v>
      </c>
      <c r="HK28" s="116">
        <v>266318</v>
      </c>
      <c r="HL28" s="115">
        <v>1820022</v>
      </c>
      <c r="HM28" s="111">
        <v>2082690</v>
      </c>
      <c r="HN28" s="370"/>
      <c r="HO28" s="371"/>
      <c r="HP28" s="372"/>
      <c r="HQ28" s="373"/>
      <c r="HR28" s="371"/>
      <c r="HS28" s="371"/>
      <c r="HT28" s="371"/>
      <c r="HU28" s="371"/>
      <c r="HV28" s="371"/>
      <c r="HW28" s="374"/>
      <c r="HX28" s="375"/>
      <c r="HY28" s="167">
        <v>0</v>
      </c>
      <c r="HZ28" s="152">
        <v>0</v>
      </c>
      <c r="IA28" s="167">
        <v>0</v>
      </c>
      <c r="IB28" s="151">
        <v>0</v>
      </c>
      <c r="IC28" s="152">
        <v>857172</v>
      </c>
      <c r="ID28" s="153">
        <v>787281</v>
      </c>
      <c r="IE28" s="154">
        <v>0</v>
      </c>
      <c r="IF28" s="152">
        <v>703657</v>
      </c>
      <c r="IG28" s="154">
        <v>0</v>
      </c>
      <c r="IH28" s="155">
        <v>2348110</v>
      </c>
      <c r="II28" s="167">
        <v>2348110</v>
      </c>
      <c r="IJ28" s="261">
        <v>0</v>
      </c>
      <c r="IK28" s="268">
        <v>0</v>
      </c>
      <c r="IL28" s="269">
        <v>0</v>
      </c>
      <c r="IM28" s="157"/>
      <c r="IN28" s="122">
        <v>0</v>
      </c>
      <c r="IO28" s="122">
        <v>0</v>
      </c>
      <c r="IP28" s="122">
        <v>0</v>
      </c>
      <c r="IQ28" s="122">
        <v>0</v>
      </c>
      <c r="IR28" s="122">
        <v>0</v>
      </c>
      <c r="IS28" s="158">
        <v>0</v>
      </c>
      <c r="IT28" s="357">
        <v>0</v>
      </c>
      <c r="IU28" s="159">
        <v>0</v>
      </c>
      <c r="IV28" s="122">
        <v>0</v>
      </c>
      <c r="IW28" s="123">
        <v>0</v>
      </c>
      <c r="IX28" s="161"/>
      <c r="IY28" s="122">
        <v>0</v>
      </c>
      <c r="IZ28" s="122">
        <v>0</v>
      </c>
      <c r="JA28" s="122">
        <v>0</v>
      </c>
      <c r="JB28" s="122">
        <v>0</v>
      </c>
      <c r="JC28" s="122">
        <v>0</v>
      </c>
      <c r="JD28" s="123">
        <v>0</v>
      </c>
      <c r="JE28" s="124">
        <v>0</v>
      </c>
      <c r="JF28" s="159">
        <v>0</v>
      </c>
      <c r="JG28" s="122">
        <v>0</v>
      </c>
      <c r="JH28" s="158">
        <v>0</v>
      </c>
      <c r="JI28" s="121">
        <v>0</v>
      </c>
      <c r="JJ28" s="122">
        <v>216706</v>
      </c>
      <c r="JK28" s="122">
        <v>128707</v>
      </c>
      <c r="JL28" s="122">
        <v>0</v>
      </c>
      <c r="JM28" s="122">
        <v>412288</v>
      </c>
      <c r="JN28" s="122">
        <v>0</v>
      </c>
      <c r="JO28" s="123">
        <v>757701</v>
      </c>
      <c r="JP28" s="357">
        <v>757701</v>
      </c>
      <c r="JQ28" s="159">
        <v>0</v>
      </c>
      <c r="JR28" s="122">
        <v>0</v>
      </c>
      <c r="JS28" s="158">
        <v>0</v>
      </c>
      <c r="JT28" s="121">
        <v>0</v>
      </c>
      <c r="JU28" s="122">
        <v>0</v>
      </c>
      <c r="JV28" s="122">
        <v>0</v>
      </c>
      <c r="JW28" s="122">
        <v>0</v>
      </c>
      <c r="JX28" s="122">
        <v>0</v>
      </c>
      <c r="JY28" s="122">
        <v>0</v>
      </c>
      <c r="JZ28" s="123">
        <v>0</v>
      </c>
      <c r="KA28" s="357">
        <v>0</v>
      </c>
      <c r="KB28" s="264">
        <v>0</v>
      </c>
      <c r="KC28" s="258">
        <v>0</v>
      </c>
      <c r="KD28" s="123">
        <v>0</v>
      </c>
      <c r="KE28" s="121">
        <v>0</v>
      </c>
      <c r="KF28" s="122">
        <v>0</v>
      </c>
      <c r="KG28" s="122">
        <v>0</v>
      </c>
      <c r="KH28" s="122">
        <v>0</v>
      </c>
      <c r="KI28" s="122">
        <v>0</v>
      </c>
      <c r="KJ28" s="122">
        <v>0</v>
      </c>
      <c r="KK28" s="123">
        <v>0</v>
      </c>
      <c r="KL28" s="160">
        <v>0</v>
      </c>
      <c r="KM28" s="261">
        <v>0</v>
      </c>
      <c r="KN28" s="268">
        <v>0</v>
      </c>
      <c r="KO28" s="269">
        <v>0</v>
      </c>
      <c r="KP28" s="157"/>
      <c r="KQ28" s="122">
        <v>640466</v>
      </c>
      <c r="KR28" s="122">
        <v>658574</v>
      </c>
      <c r="KS28" s="122">
        <v>0</v>
      </c>
      <c r="KT28" s="122">
        <v>291369</v>
      </c>
      <c r="KU28" s="122">
        <v>0</v>
      </c>
      <c r="KV28" s="123">
        <v>1590409</v>
      </c>
      <c r="KW28" s="357">
        <v>1590409</v>
      </c>
      <c r="KX28" s="159">
        <v>0</v>
      </c>
      <c r="KY28" s="122">
        <v>0</v>
      </c>
      <c r="KZ28" s="123">
        <v>0</v>
      </c>
      <c r="LA28" s="162"/>
      <c r="LB28" s="122">
        <v>0</v>
      </c>
      <c r="LC28" s="122">
        <v>0</v>
      </c>
      <c r="LD28" s="122">
        <v>0</v>
      </c>
      <c r="LE28" s="122">
        <v>0</v>
      </c>
      <c r="LF28" s="122">
        <v>0</v>
      </c>
      <c r="LG28" s="123">
        <v>0</v>
      </c>
      <c r="LH28" s="124">
        <v>0</v>
      </c>
      <c r="LI28" s="159">
        <v>0</v>
      </c>
      <c r="LJ28" s="122">
        <v>0</v>
      </c>
      <c r="LK28" s="123">
        <v>0</v>
      </c>
      <c r="LL28" s="162"/>
      <c r="LM28" s="122">
        <v>0</v>
      </c>
      <c r="LN28" s="122">
        <v>0</v>
      </c>
      <c r="LO28" s="122">
        <v>0</v>
      </c>
      <c r="LP28" s="122">
        <v>0</v>
      </c>
      <c r="LQ28" s="122">
        <v>0</v>
      </c>
      <c r="LR28" s="123">
        <v>0</v>
      </c>
      <c r="LS28" s="357">
        <v>0</v>
      </c>
      <c r="LT28" s="159">
        <v>0</v>
      </c>
      <c r="LU28" s="122">
        <v>0</v>
      </c>
      <c r="LV28" s="123">
        <v>0</v>
      </c>
      <c r="LW28" s="162"/>
      <c r="LX28" s="122">
        <v>0</v>
      </c>
      <c r="LY28" s="122">
        <v>0</v>
      </c>
      <c r="LZ28" s="122">
        <v>0</v>
      </c>
      <c r="MA28" s="122">
        <v>0</v>
      </c>
      <c r="MB28" s="122">
        <v>0</v>
      </c>
      <c r="MC28" s="123">
        <v>0</v>
      </c>
      <c r="MD28" s="124">
        <v>0</v>
      </c>
      <c r="ME28" s="159">
        <v>0</v>
      </c>
      <c r="MF28" s="122">
        <v>0</v>
      </c>
      <c r="MG28" s="123">
        <v>0</v>
      </c>
      <c r="MH28" s="162"/>
      <c r="MI28" s="122">
        <v>201266</v>
      </c>
      <c r="MJ28" s="122">
        <v>233996</v>
      </c>
      <c r="MK28" s="122">
        <v>599144</v>
      </c>
      <c r="ML28" s="122">
        <v>1180914</v>
      </c>
      <c r="MM28" s="122">
        <v>351031</v>
      </c>
      <c r="MN28" s="123">
        <v>2566351</v>
      </c>
      <c r="MO28" s="160">
        <v>2566351</v>
      </c>
      <c r="MP28" s="159">
        <v>0</v>
      </c>
      <c r="MQ28" s="122">
        <v>0</v>
      </c>
      <c r="MR28" s="123">
        <v>0</v>
      </c>
      <c r="MS28" s="162"/>
      <c r="MT28" s="122">
        <v>201266</v>
      </c>
      <c r="MU28" s="122">
        <v>0</v>
      </c>
      <c r="MV28" s="122">
        <v>563216</v>
      </c>
      <c r="MW28" s="122">
        <v>457975</v>
      </c>
      <c r="MX28" s="122">
        <v>263407</v>
      </c>
      <c r="MY28" s="123">
        <v>1485864</v>
      </c>
      <c r="MZ28" s="160">
        <v>1485864</v>
      </c>
      <c r="NA28" s="159">
        <v>0</v>
      </c>
      <c r="NB28" s="122">
        <v>0</v>
      </c>
      <c r="NC28" s="123">
        <v>0</v>
      </c>
      <c r="ND28" s="162"/>
      <c r="NE28" s="122">
        <v>0</v>
      </c>
      <c r="NF28" s="122">
        <v>233996</v>
      </c>
      <c r="NG28" s="122">
        <v>35928</v>
      </c>
      <c r="NH28" s="122">
        <v>722939</v>
      </c>
      <c r="NI28" s="122">
        <v>0</v>
      </c>
      <c r="NJ28" s="123">
        <v>992863</v>
      </c>
      <c r="NK28" s="357">
        <v>992863</v>
      </c>
      <c r="NL28" s="159">
        <v>0</v>
      </c>
      <c r="NM28" s="122">
        <v>0</v>
      </c>
      <c r="NN28" s="123">
        <v>0</v>
      </c>
      <c r="NO28" s="162"/>
      <c r="NP28" s="122">
        <v>0</v>
      </c>
      <c r="NQ28" s="122">
        <v>0</v>
      </c>
      <c r="NR28" s="122">
        <v>0</v>
      </c>
      <c r="NS28" s="122">
        <v>0</v>
      </c>
      <c r="NT28" s="122">
        <v>0</v>
      </c>
      <c r="NU28" s="123">
        <v>0</v>
      </c>
      <c r="NV28" s="124">
        <v>0</v>
      </c>
      <c r="NW28" s="159">
        <v>0</v>
      </c>
      <c r="NX28" s="122">
        <v>0</v>
      </c>
      <c r="NY28" s="123">
        <v>0</v>
      </c>
      <c r="NZ28" s="162"/>
      <c r="OA28" s="122">
        <v>0</v>
      </c>
      <c r="OB28" s="122">
        <v>0</v>
      </c>
      <c r="OC28" s="122">
        <v>0</v>
      </c>
      <c r="OD28" s="122">
        <v>0</v>
      </c>
      <c r="OE28" s="122">
        <v>87624</v>
      </c>
      <c r="OF28" s="123">
        <v>87624</v>
      </c>
      <c r="OG28" s="124">
        <v>87624</v>
      </c>
      <c r="OH28" s="159">
        <v>422396</v>
      </c>
      <c r="OI28" s="122">
        <v>240370</v>
      </c>
      <c r="OJ28" s="158">
        <v>662766</v>
      </c>
      <c r="OK28" s="121">
        <v>0</v>
      </c>
      <c r="OL28" s="122">
        <v>3587233</v>
      </c>
      <c r="OM28" s="122">
        <v>3196806</v>
      </c>
      <c r="ON28" s="122">
        <v>3021168</v>
      </c>
      <c r="OO28" s="122">
        <v>3856882</v>
      </c>
      <c r="OP28" s="122">
        <v>982114</v>
      </c>
      <c r="OQ28" s="123">
        <v>14644203</v>
      </c>
      <c r="OR28" s="160">
        <v>15306969</v>
      </c>
    </row>
    <row r="29" spans="1:408" ht="20.25" customHeight="1" x14ac:dyDescent="0.2">
      <c r="A29" s="129" t="s">
        <v>24</v>
      </c>
      <c r="B29" s="112">
        <v>358576</v>
      </c>
      <c r="C29" s="116">
        <v>309124</v>
      </c>
      <c r="D29" s="115">
        <v>667700</v>
      </c>
      <c r="E29" s="111">
        <v>0</v>
      </c>
      <c r="F29" s="116">
        <v>2335447</v>
      </c>
      <c r="G29" s="116">
        <v>1702607</v>
      </c>
      <c r="H29" s="116">
        <v>1808201</v>
      </c>
      <c r="I29" s="116">
        <v>1479847</v>
      </c>
      <c r="J29" s="116">
        <v>720071</v>
      </c>
      <c r="K29" s="200">
        <v>8046173</v>
      </c>
      <c r="L29" s="118">
        <v>8713873</v>
      </c>
      <c r="M29" s="112">
        <v>157142</v>
      </c>
      <c r="N29" s="116">
        <v>88464</v>
      </c>
      <c r="O29" s="115">
        <v>245606</v>
      </c>
      <c r="P29" s="112">
        <v>0</v>
      </c>
      <c r="Q29" s="116">
        <v>979223</v>
      </c>
      <c r="R29" s="116">
        <v>612339</v>
      </c>
      <c r="S29" s="116">
        <v>482235</v>
      </c>
      <c r="T29" s="116">
        <v>722799</v>
      </c>
      <c r="U29" s="116">
        <v>284288</v>
      </c>
      <c r="V29" s="115">
        <v>3080884</v>
      </c>
      <c r="W29" s="118">
        <v>3326490</v>
      </c>
      <c r="X29" s="112">
        <v>0</v>
      </c>
      <c r="Y29" s="116">
        <v>0</v>
      </c>
      <c r="Z29" s="115">
        <v>0</v>
      </c>
      <c r="AA29" s="112">
        <v>0</v>
      </c>
      <c r="AB29" s="116">
        <v>328728</v>
      </c>
      <c r="AC29" s="116">
        <v>298899</v>
      </c>
      <c r="AD29" s="116">
        <v>160552</v>
      </c>
      <c r="AE29" s="116">
        <v>444534</v>
      </c>
      <c r="AF29" s="116">
        <v>44816</v>
      </c>
      <c r="AG29" s="115">
        <v>1277529</v>
      </c>
      <c r="AH29" s="118">
        <v>1277529</v>
      </c>
      <c r="AI29" s="112">
        <v>0</v>
      </c>
      <c r="AJ29" s="116">
        <v>0</v>
      </c>
      <c r="AK29" s="115">
        <v>0</v>
      </c>
      <c r="AL29" s="112">
        <v>0</v>
      </c>
      <c r="AM29" s="116">
        <v>0</v>
      </c>
      <c r="AN29" s="116">
        <v>11684</v>
      </c>
      <c r="AO29" s="116">
        <v>0</v>
      </c>
      <c r="AP29" s="116">
        <v>47806</v>
      </c>
      <c r="AQ29" s="116">
        <v>93466</v>
      </c>
      <c r="AR29" s="115">
        <v>152956</v>
      </c>
      <c r="AS29" s="118">
        <v>152956</v>
      </c>
      <c r="AT29" s="112">
        <v>94078</v>
      </c>
      <c r="AU29" s="116">
        <v>0</v>
      </c>
      <c r="AV29" s="115">
        <v>94078</v>
      </c>
      <c r="AW29" s="112">
        <v>0</v>
      </c>
      <c r="AX29" s="116">
        <v>433563</v>
      </c>
      <c r="AY29" s="116">
        <v>222876</v>
      </c>
      <c r="AZ29" s="116">
        <v>179339</v>
      </c>
      <c r="BA29" s="116">
        <v>147400</v>
      </c>
      <c r="BB29" s="116">
        <v>74174</v>
      </c>
      <c r="BC29" s="115">
        <v>1057352</v>
      </c>
      <c r="BD29" s="118">
        <v>1151430</v>
      </c>
      <c r="BE29" s="112">
        <v>31416</v>
      </c>
      <c r="BF29" s="116">
        <v>43280</v>
      </c>
      <c r="BG29" s="114">
        <v>74696</v>
      </c>
      <c r="BH29" s="113">
        <v>0</v>
      </c>
      <c r="BI29" s="116">
        <v>59276</v>
      </c>
      <c r="BJ29" s="116">
        <v>0</v>
      </c>
      <c r="BK29" s="116">
        <v>0</v>
      </c>
      <c r="BL29" s="116">
        <v>21707</v>
      </c>
      <c r="BM29" s="116">
        <v>0</v>
      </c>
      <c r="BN29" s="115">
        <v>80983</v>
      </c>
      <c r="BO29" s="118">
        <v>155679</v>
      </c>
      <c r="BP29" s="112">
        <v>31648</v>
      </c>
      <c r="BQ29" s="116">
        <v>45184</v>
      </c>
      <c r="BR29" s="115">
        <v>76832</v>
      </c>
      <c r="BS29" s="112">
        <v>0</v>
      </c>
      <c r="BT29" s="116">
        <v>157656</v>
      </c>
      <c r="BU29" s="116">
        <v>78880</v>
      </c>
      <c r="BV29" s="116">
        <v>142344</v>
      </c>
      <c r="BW29" s="116">
        <v>61352</v>
      </c>
      <c r="BX29" s="116">
        <v>71832</v>
      </c>
      <c r="BY29" s="115">
        <v>512064</v>
      </c>
      <c r="BZ29" s="118">
        <v>588896</v>
      </c>
      <c r="CA29" s="112">
        <v>38764</v>
      </c>
      <c r="CB29" s="116">
        <v>118656</v>
      </c>
      <c r="CC29" s="115">
        <v>157420</v>
      </c>
      <c r="CD29" s="112">
        <v>0</v>
      </c>
      <c r="CE29" s="116">
        <v>481635</v>
      </c>
      <c r="CF29" s="116">
        <v>472220</v>
      </c>
      <c r="CG29" s="116">
        <v>440000</v>
      </c>
      <c r="CH29" s="116">
        <v>101733</v>
      </c>
      <c r="CI29" s="116">
        <v>0</v>
      </c>
      <c r="CJ29" s="115">
        <v>1495588</v>
      </c>
      <c r="CK29" s="118">
        <v>1653008</v>
      </c>
      <c r="CL29" s="112">
        <v>0</v>
      </c>
      <c r="CM29" s="116">
        <v>0</v>
      </c>
      <c r="CN29" s="115">
        <v>0</v>
      </c>
      <c r="CO29" s="113">
        <v>0</v>
      </c>
      <c r="CP29" s="116">
        <v>374351</v>
      </c>
      <c r="CQ29" s="116">
        <v>392719</v>
      </c>
      <c r="CR29" s="116">
        <v>313688</v>
      </c>
      <c r="CS29" s="116">
        <v>101733</v>
      </c>
      <c r="CT29" s="116">
        <v>0</v>
      </c>
      <c r="CU29" s="115">
        <v>1182491</v>
      </c>
      <c r="CV29" s="118">
        <v>1182491</v>
      </c>
      <c r="CW29" s="112">
        <v>38764</v>
      </c>
      <c r="CX29" s="116">
        <v>118656</v>
      </c>
      <c r="CY29" s="115">
        <v>157420</v>
      </c>
      <c r="CZ29" s="112">
        <v>0</v>
      </c>
      <c r="DA29" s="116">
        <v>107284</v>
      </c>
      <c r="DB29" s="116">
        <v>79501</v>
      </c>
      <c r="DC29" s="116">
        <v>126312</v>
      </c>
      <c r="DD29" s="116">
        <v>0</v>
      </c>
      <c r="DE29" s="116">
        <v>0</v>
      </c>
      <c r="DF29" s="115">
        <v>313097</v>
      </c>
      <c r="DG29" s="118">
        <v>470517</v>
      </c>
      <c r="DH29" s="112">
        <v>0</v>
      </c>
      <c r="DI29" s="116">
        <v>0</v>
      </c>
      <c r="DJ29" s="114">
        <v>0</v>
      </c>
      <c r="DK29" s="113">
        <v>0</v>
      </c>
      <c r="DL29" s="116">
        <v>67632</v>
      </c>
      <c r="DM29" s="116">
        <v>0</v>
      </c>
      <c r="DN29" s="116">
        <v>260691</v>
      </c>
      <c r="DO29" s="116">
        <v>316144</v>
      </c>
      <c r="DP29" s="116">
        <v>57128</v>
      </c>
      <c r="DQ29" s="115">
        <v>701595</v>
      </c>
      <c r="DR29" s="118">
        <v>701595</v>
      </c>
      <c r="DS29" s="112">
        <v>0</v>
      </c>
      <c r="DT29" s="116">
        <v>0</v>
      </c>
      <c r="DU29" s="115">
        <v>0</v>
      </c>
      <c r="DV29" s="112">
        <v>0</v>
      </c>
      <c r="DW29" s="116">
        <v>67632</v>
      </c>
      <c r="DX29" s="116">
        <v>0</v>
      </c>
      <c r="DY29" s="116">
        <v>260691</v>
      </c>
      <c r="DZ29" s="116">
        <v>316144</v>
      </c>
      <c r="EA29" s="116">
        <v>57128</v>
      </c>
      <c r="EB29" s="115">
        <v>701595</v>
      </c>
      <c r="EC29" s="118">
        <v>701595</v>
      </c>
      <c r="ED29" s="112">
        <v>0</v>
      </c>
      <c r="EE29" s="114">
        <v>0</v>
      </c>
      <c r="EF29" s="115">
        <v>0</v>
      </c>
      <c r="EG29" s="112">
        <v>0</v>
      </c>
      <c r="EH29" s="116">
        <v>0</v>
      </c>
      <c r="EI29" s="116">
        <v>0</v>
      </c>
      <c r="EJ29" s="116">
        <v>0</v>
      </c>
      <c r="EK29" s="116">
        <v>0</v>
      </c>
      <c r="EL29" s="116">
        <v>0</v>
      </c>
      <c r="EM29" s="114">
        <v>0</v>
      </c>
      <c r="EN29" s="118">
        <v>0</v>
      </c>
      <c r="EO29" s="112">
        <v>0</v>
      </c>
      <c r="EP29" s="116">
        <v>0</v>
      </c>
      <c r="EQ29" s="114">
        <v>0</v>
      </c>
      <c r="ER29" s="113">
        <v>0</v>
      </c>
      <c r="ES29" s="116">
        <v>0</v>
      </c>
      <c r="ET29" s="116">
        <v>0</v>
      </c>
      <c r="EU29" s="116">
        <v>0</v>
      </c>
      <c r="EV29" s="116">
        <v>0</v>
      </c>
      <c r="EW29" s="116">
        <v>0</v>
      </c>
      <c r="EX29" s="115">
        <v>0</v>
      </c>
      <c r="EY29" s="118">
        <v>0</v>
      </c>
      <c r="EZ29" s="112">
        <v>0</v>
      </c>
      <c r="FA29" s="116">
        <v>0</v>
      </c>
      <c r="FB29" s="114">
        <v>0</v>
      </c>
      <c r="FC29" s="390"/>
      <c r="FD29" s="116">
        <v>0</v>
      </c>
      <c r="FE29" s="116">
        <v>0</v>
      </c>
      <c r="FF29" s="116">
        <v>0</v>
      </c>
      <c r="FG29" s="116">
        <v>0</v>
      </c>
      <c r="FH29" s="116">
        <v>0</v>
      </c>
      <c r="FI29" s="115">
        <v>0</v>
      </c>
      <c r="FJ29" s="118">
        <v>0</v>
      </c>
      <c r="FK29" s="112">
        <v>67760</v>
      </c>
      <c r="FL29" s="116">
        <v>20880</v>
      </c>
      <c r="FM29" s="115">
        <v>88640</v>
      </c>
      <c r="FN29" s="112">
        <v>0</v>
      </c>
      <c r="FO29" s="116">
        <v>133728</v>
      </c>
      <c r="FP29" s="116">
        <v>145656</v>
      </c>
      <c r="FQ29" s="116">
        <v>88784</v>
      </c>
      <c r="FR29" s="116">
        <v>145688</v>
      </c>
      <c r="FS29" s="116">
        <v>60320</v>
      </c>
      <c r="FT29" s="115">
        <v>574176</v>
      </c>
      <c r="FU29" s="118">
        <v>662816</v>
      </c>
      <c r="FV29" s="117">
        <v>33440</v>
      </c>
      <c r="FW29" s="116">
        <v>20880</v>
      </c>
      <c r="FX29" s="114">
        <v>54320</v>
      </c>
      <c r="FY29" s="113">
        <v>0</v>
      </c>
      <c r="FZ29" s="116">
        <v>101696</v>
      </c>
      <c r="GA29" s="116">
        <v>127000</v>
      </c>
      <c r="GB29" s="116">
        <v>88784</v>
      </c>
      <c r="GC29" s="116">
        <v>145688</v>
      </c>
      <c r="GD29" s="116">
        <v>60320</v>
      </c>
      <c r="GE29" s="115">
        <v>523488</v>
      </c>
      <c r="GF29" s="354">
        <v>577808</v>
      </c>
      <c r="GG29" s="117">
        <v>0</v>
      </c>
      <c r="GH29" s="116">
        <v>0</v>
      </c>
      <c r="GI29" s="114">
        <v>0</v>
      </c>
      <c r="GJ29" s="113">
        <v>0</v>
      </c>
      <c r="GK29" s="116">
        <v>32032</v>
      </c>
      <c r="GL29" s="116">
        <v>18656</v>
      </c>
      <c r="GM29" s="116">
        <v>0</v>
      </c>
      <c r="GN29" s="116">
        <v>0</v>
      </c>
      <c r="GO29" s="116">
        <v>0</v>
      </c>
      <c r="GP29" s="115">
        <v>50688</v>
      </c>
      <c r="GQ29" s="118">
        <v>50688</v>
      </c>
      <c r="GR29" s="112">
        <v>34320</v>
      </c>
      <c r="GS29" s="116">
        <v>0</v>
      </c>
      <c r="GT29" s="115">
        <v>34320</v>
      </c>
      <c r="GU29" s="112">
        <v>0</v>
      </c>
      <c r="GV29" s="116">
        <v>0</v>
      </c>
      <c r="GW29" s="116">
        <v>0</v>
      </c>
      <c r="GX29" s="116">
        <v>0</v>
      </c>
      <c r="GY29" s="116">
        <v>0</v>
      </c>
      <c r="GZ29" s="116">
        <v>0</v>
      </c>
      <c r="HA29" s="114">
        <v>0</v>
      </c>
      <c r="HB29" s="118">
        <v>34320</v>
      </c>
      <c r="HC29" s="112">
        <v>94910</v>
      </c>
      <c r="HD29" s="116">
        <v>81124</v>
      </c>
      <c r="HE29" s="114">
        <v>176034</v>
      </c>
      <c r="HF29" s="113">
        <v>0</v>
      </c>
      <c r="HG29" s="116">
        <v>673229</v>
      </c>
      <c r="HH29" s="116">
        <v>472392</v>
      </c>
      <c r="HI29" s="116">
        <v>536491</v>
      </c>
      <c r="HJ29" s="116">
        <v>193483</v>
      </c>
      <c r="HK29" s="116">
        <v>318335</v>
      </c>
      <c r="HL29" s="115">
        <v>2193930</v>
      </c>
      <c r="HM29" s="111">
        <v>2369964</v>
      </c>
      <c r="HN29" s="370"/>
      <c r="HO29" s="371"/>
      <c r="HP29" s="372"/>
      <c r="HQ29" s="373"/>
      <c r="HR29" s="371"/>
      <c r="HS29" s="371"/>
      <c r="HT29" s="371"/>
      <c r="HU29" s="371"/>
      <c r="HV29" s="371"/>
      <c r="HW29" s="374"/>
      <c r="HX29" s="375"/>
      <c r="HY29" s="148">
        <v>40948</v>
      </c>
      <c r="HZ29" s="149">
        <v>0</v>
      </c>
      <c r="IA29" s="150">
        <v>40948</v>
      </c>
      <c r="IB29" s="163">
        <v>0</v>
      </c>
      <c r="IC29" s="149">
        <v>220413</v>
      </c>
      <c r="ID29" s="164">
        <v>157585</v>
      </c>
      <c r="IE29" s="150">
        <v>916765</v>
      </c>
      <c r="IF29" s="149">
        <v>386913</v>
      </c>
      <c r="IG29" s="150">
        <v>0</v>
      </c>
      <c r="IH29" s="165">
        <v>1681676</v>
      </c>
      <c r="II29" s="156">
        <v>1722624</v>
      </c>
      <c r="IJ29" s="261">
        <v>0</v>
      </c>
      <c r="IK29" s="268">
        <v>0</v>
      </c>
      <c r="IL29" s="269">
        <v>0</v>
      </c>
      <c r="IM29" s="157"/>
      <c r="IN29" s="122">
        <v>0</v>
      </c>
      <c r="IO29" s="122">
        <v>0</v>
      </c>
      <c r="IP29" s="122">
        <v>0</v>
      </c>
      <c r="IQ29" s="122">
        <v>0</v>
      </c>
      <c r="IR29" s="122">
        <v>0</v>
      </c>
      <c r="IS29" s="158">
        <v>0</v>
      </c>
      <c r="IT29" s="357">
        <v>0</v>
      </c>
      <c r="IU29" s="159">
        <v>0</v>
      </c>
      <c r="IV29" s="122">
        <v>0</v>
      </c>
      <c r="IW29" s="123">
        <v>0</v>
      </c>
      <c r="IX29" s="161"/>
      <c r="IY29" s="122">
        <v>0</v>
      </c>
      <c r="IZ29" s="122">
        <v>0</v>
      </c>
      <c r="JA29" s="122">
        <v>0</v>
      </c>
      <c r="JB29" s="122">
        <v>0</v>
      </c>
      <c r="JC29" s="122">
        <v>0</v>
      </c>
      <c r="JD29" s="123">
        <v>0</v>
      </c>
      <c r="JE29" s="124">
        <v>0</v>
      </c>
      <c r="JF29" s="159">
        <v>0</v>
      </c>
      <c r="JG29" s="122">
        <v>0</v>
      </c>
      <c r="JH29" s="158">
        <v>0</v>
      </c>
      <c r="JI29" s="121">
        <v>0</v>
      </c>
      <c r="JJ29" s="122">
        <v>220413</v>
      </c>
      <c r="JK29" s="122">
        <v>0</v>
      </c>
      <c r="JL29" s="122">
        <v>353194</v>
      </c>
      <c r="JM29" s="122">
        <v>168541</v>
      </c>
      <c r="JN29" s="122">
        <v>0</v>
      </c>
      <c r="JO29" s="123">
        <v>742148</v>
      </c>
      <c r="JP29" s="357">
        <v>742148</v>
      </c>
      <c r="JQ29" s="159">
        <v>0</v>
      </c>
      <c r="JR29" s="122">
        <v>0</v>
      </c>
      <c r="JS29" s="158">
        <v>0</v>
      </c>
      <c r="JT29" s="121">
        <v>0</v>
      </c>
      <c r="JU29" s="122">
        <v>0</v>
      </c>
      <c r="JV29" s="122">
        <v>0</v>
      </c>
      <c r="JW29" s="122">
        <v>135173</v>
      </c>
      <c r="JX29" s="122">
        <v>0</v>
      </c>
      <c r="JY29" s="122">
        <v>0</v>
      </c>
      <c r="JZ29" s="123">
        <v>135173</v>
      </c>
      <c r="KA29" s="357">
        <v>135173</v>
      </c>
      <c r="KB29" s="264">
        <v>40948</v>
      </c>
      <c r="KC29" s="258">
        <v>0</v>
      </c>
      <c r="KD29" s="123">
        <v>40948</v>
      </c>
      <c r="KE29" s="121">
        <v>0</v>
      </c>
      <c r="KF29" s="122">
        <v>0</v>
      </c>
      <c r="KG29" s="122">
        <v>157585</v>
      </c>
      <c r="KH29" s="122">
        <v>0</v>
      </c>
      <c r="KI29" s="122">
        <v>0</v>
      </c>
      <c r="KJ29" s="122">
        <v>0</v>
      </c>
      <c r="KK29" s="123">
        <v>157585</v>
      </c>
      <c r="KL29" s="160">
        <v>198533</v>
      </c>
      <c r="KM29" s="261">
        <v>0</v>
      </c>
      <c r="KN29" s="268">
        <v>0</v>
      </c>
      <c r="KO29" s="269">
        <v>0</v>
      </c>
      <c r="KP29" s="157"/>
      <c r="KQ29" s="122">
        <v>0</v>
      </c>
      <c r="KR29" s="122">
        <v>0</v>
      </c>
      <c r="KS29" s="122">
        <v>428398</v>
      </c>
      <c r="KT29" s="122">
        <v>218372</v>
      </c>
      <c r="KU29" s="122">
        <v>0</v>
      </c>
      <c r="KV29" s="123">
        <v>646770</v>
      </c>
      <c r="KW29" s="357">
        <v>646770</v>
      </c>
      <c r="KX29" s="159">
        <v>0</v>
      </c>
      <c r="KY29" s="122">
        <v>0</v>
      </c>
      <c r="KZ29" s="123">
        <v>0</v>
      </c>
      <c r="LA29" s="162"/>
      <c r="LB29" s="122">
        <v>0</v>
      </c>
      <c r="LC29" s="122">
        <v>0</v>
      </c>
      <c r="LD29" s="122">
        <v>0</v>
      </c>
      <c r="LE29" s="122">
        <v>0</v>
      </c>
      <c r="LF29" s="122">
        <v>0</v>
      </c>
      <c r="LG29" s="123">
        <v>0</v>
      </c>
      <c r="LH29" s="124">
        <v>0</v>
      </c>
      <c r="LI29" s="159">
        <v>0</v>
      </c>
      <c r="LJ29" s="122">
        <v>0</v>
      </c>
      <c r="LK29" s="123">
        <v>0</v>
      </c>
      <c r="LL29" s="162"/>
      <c r="LM29" s="122">
        <v>0</v>
      </c>
      <c r="LN29" s="122">
        <v>0</v>
      </c>
      <c r="LO29" s="122">
        <v>0</v>
      </c>
      <c r="LP29" s="122">
        <v>0</v>
      </c>
      <c r="LQ29" s="122">
        <v>0</v>
      </c>
      <c r="LR29" s="123">
        <v>0</v>
      </c>
      <c r="LS29" s="357">
        <v>0</v>
      </c>
      <c r="LT29" s="159">
        <v>0</v>
      </c>
      <c r="LU29" s="122">
        <v>0</v>
      </c>
      <c r="LV29" s="123">
        <v>0</v>
      </c>
      <c r="LW29" s="162"/>
      <c r="LX29" s="122">
        <v>0</v>
      </c>
      <c r="LY29" s="122">
        <v>0</v>
      </c>
      <c r="LZ29" s="122">
        <v>0</v>
      </c>
      <c r="MA29" s="122">
        <v>0</v>
      </c>
      <c r="MB29" s="122">
        <v>0</v>
      </c>
      <c r="MC29" s="123">
        <v>0</v>
      </c>
      <c r="MD29" s="124">
        <v>0</v>
      </c>
      <c r="ME29" s="159">
        <v>0</v>
      </c>
      <c r="MF29" s="122">
        <v>0</v>
      </c>
      <c r="MG29" s="123">
        <v>0</v>
      </c>
      <c r="MH29" s="162"/>
      <c r="MI29" s="122">
        <v>434729</v>
      </c>
      <c r="MJ29" s="122">
        <v>511421</v>
      </c>
      <c r="MK29" s="122">
        <v>542136</v>
      </c>
      <c r="ML29" s="122">
        <v>979097</v>
      </c>
      <c r="MM29" s="122">
        <v>1182808</v>
      </c>
      <c r="MN29" s="123">
        <v>3650191</v>
      </c>
      <c r="MO29" s="160">
        <v>3650191</v>
      </c>
      <c r="MP29" s="159">
        <v>0</v>
      </c>
      <c r="MQ29" s="122">
        <v>0</v>
      </c>
      <c r="MR29" s="123">
        <v>0</v>
      </c>
      <c r="MS29" s="162"/>
      <c r="MT29" s="122">
        <v>0</v>
      </c>
      <c r="MU29" s="122">
        <v>0</v>
      </c>
      <c r="MV29" s="122">
        <v>0</v>
      </c>
      <c r="MW29" s="122">
        <v>238756</v>
      </c>
      <c r="MX29" s="122">
        <v>1182808</v>
      </c>
      <c r="MY29" s="123">
        <v>1421564</v>
      </c>
      <c r="MZ29" s="160">
        <v>1421564</v>
      </c>
      <c r="NA29" s="159">
        <v>0</v>
      </c>
      <c r="NB29" s="122">
        <v>0</v>
      </c>
      <c r="NC29" s="123">
        <v>0</v>
      </c>
      <c r="ND29" s="162"/>
      <c r="NE29" s="122">
        <v>434729</v>
      </c>
      <c r="NF29" s="122">
        <v>511421</v>
      </c>
      <c r="NG29" s="122">
        <v>542136</v>
      </c>
      <c r="NH29" s="122">
        <v>740341</v>
      </c>
      <c r="NI29" s="122">
        <v>0</v>
      </c>
      <c r="NJ29" s="123">
        <v>2228627</v>
      </c>
      <c r="NK29" s="357">
        <v>2228627</v>
      </c>
      <c r="NL29" s="159">
        <v>0</v>
      </c>
      <c r="NM29" s="122">
        <v>0</v>
      </c>
      <c r="NN29" s="123">
        <v>0</v>
      </c>
      <c r="NO29" s="162"/>
      <c r="NP29" s="122">
        <v>0</v>
      </c>
      <c r="NQ29" s="122">
        <v>0</v>
      </c>
      <c r="NR29" s="122">
        <v>0</v>
      </c>
      <c r="NS29" s="122">
        <v>0</v>
      </c>
      <c r="NT29" s="122">
        <v>0</v>
      </c>
      <c r="NU29" s="123">
        <v>0</v>
      </c>
      <c r="NV29" s="124">
        <v>0</v>
      </c>
      <c r="NW29" s="159">
        <v>0</v>
      </c>
      <c r="NX29" s="122">
        <v>0</v>
      </c>
      <c r="NY29" s="123">
        <v>0</v>
      </c>
      <c r="NZ29" s="162"/>
      <c r="OA29" s="122">
        <v>0</v>
      </c>
      <c r="OB29" s="122">
        <v>0</v>
      </c>
      <c r="OC29" s="122">
        <v>0</v>
      </c>
      <c r="OD29" s="122">
        <v>0</v>
      </c>
      <c r="OE29" s="122">
        <v>0</v>
      </c>
      <c r="OF29" s="123">
        <v>0</v>
      </c>
      <c r="OG29" s="124">
        <v>0</v>
      </c>
      <c r="OH29" s="159">
        <v>399524</v>
      </c>
      <c r="OI29" s="122">
        <v>309124</v>
      </c>
      <c r="OJ29" s="158">
        <v>708648</v>
      </c>
      <c r="OK29" s="121">
        <v>0</v>
      </c>
      <c r="OL29" s="122">
        <v>2990589</v>
      </c>
      <c r="OM29" s="122">
        <v>2371613</v>
      </c>
      <c r="ON29" s="122">
        <v>3267102</v>
      </c>
      <c r="OO29" s="122">
        <v>2845857</v>
      </c>
      <c r="OP29" s="122">
        <v>1902879</v>
      </c>
      <c r="OQ29" s="123">
        <v>13378040</v>
      </c>
      <c r="OR29" s="160">
        <v>14086688</v>
      </c>
    </row>
    <row r="30" spans="1:408" ht="20.25" customHeight="1" x14ac:dyDescent="0.2">
      <c r="A30" s="129" t="s">
        <v>25</v>
      </c>
      <c r="B30" s="112">
        <v>3872</v>
      </c>
      <c r="C30" s="116">
        <v>159466</v>
      </c>
      <c r="D30" s="115">
        <v>163338</v>
      </c>
      <c r="E30" s="111">
        <v>0</v>
      </c>
      <c r="F30" s="116">
        <v>1973376</v>
      </c>
      <c r="G30" s="116">
        <v>726469</v>
      </c>
      <c r="H30" s="116">
        <v>635715</v>
      </c>
      <c r="I30" s="116">
        <v>1470732</v>
      </c>
      <c r="J30" s="116">
        <v>656808</v>
      </c>
      <c r="K30" s="200">
        <v>5463100</v>
      </c>
      <c r="L30" s="118">
        <v>5626438</v>
      </c>
      <c r="M30" s="112">
        <v>0</v>
      </c>
      <c r="N30" s="116">
        <v>62684</v>
      </c>
      <c r="O30" s="115">
        <v>62684</v>
      </c>
      <c r="P30" s="112">
        <v>0</v>
      </c>
      <c r="Q30" s="116">
        <v>485714</v>
      </c>
      <c r="R30" s="116">
        <v>279424</v>
      </c>
      <c r="S30" s="116">
        <v>199244</v>
      </c>
      <c r="T30" s="116">
        <v>535407</v>
      </c>
      <c r="U30" s="116">
        <v>299522</v>
      </c>
      <c r="V30" s="115">
        <v>1799311</v>
      </c>
      <c r="W30" s="118">
        <v>1861995</v>
      </c>
      <c r="X30" s="112">
        <v>0</v>
      </c>
      <c r="Y30" s="116">
        <v>0</v>
      </c>
      <c r="Z30" s="115">
        <v>0</v>
      </c>
      <c r="AA30" s="112">
        <v>0</v>
      </c>
      <c r="AB30" s="116">
        <v>124107</v>
      </c>
      <c r="AC30" s="116">
        <v>161885</v>
      </c>
      <c r="AD30" s="116">
        <v>154772</v>
      </c>
      <c r="AE30" s="116">
        <v>414102</v>
      </c>
      <c r="AF30" s="116">
        <v>28248</v>
      </c>
      <c r="AG30" s="115">
        <v>883114</v>
      </c>
      <c r="AH30" s="118">
        <v>883114</v>
      </c>
      <c r="AI30" s="112">
        <v>0</v>
      </c>
      <c r="AJ30" s="116">
        <v>0</v>
      </c>
      <c r="AK30" s="115">
        <v>0</v>
      </c>
      <c r="AL30" s="112">
        <v>0</v>
      </c>
      <c r="AM30" s="116">
        <v>45641</v>
      </c>
      <c r="AN30" s="116">
        <v>0</v>
      </c>
      <c r="AO30" s="116">
        <v>0</v>
      </c>
      <c r="AP30" s="116">
        <v>70042</v>
      </c>
      <c r="AQ30" s="116">
        <v>91292</v>
      </c>
      <c r="AR30" s="115">
        <v>206975</v>
      </c>
      <c r="AS30" s="118">
        <v>206975</v>
      </c>
      <c r="AT30" s="112">
        <v>0</v>
      </c>
      <c r="AU30" s="116">
        <v>23864</v>
      </c>
      <c r="AV30" s="115">
        <v>23864</v>
      </c>
      <c r="AW30" s="112">
        <v>0</v>
      </c>
      <c r="AX30" s="116">
        <v>191505</v>
      </c>
      <c r="AY30" s="116">
        <v>105363</v>
      </c>
      <c r="AZ30" s="116">
        <v>33024</v>
      </c>
      <c r="BA30" s="116">
        <v>14055</v>
      </c>
      <c r="BB30" s="116">
        <v>145295</v>
      </c>
      <c r="BC30" s="115">
        <v>489242</v>
      </c>
      <c r="BD30" s="118">
        <v>513106</v>
      </c>
      <c r="BE30" s="112">
        <v>0</v>
      </c>
      <c r="BF30" s="116">
        <v>31700</v>
      </c>
      <c r="BG30" s="114">
        <v>31700</v>
      </c>
      <c r="BH30" s="113">
        <v>0</v>
      </c>
      <c r="BI30" s="116">
        <v>10853</v>
      </c>
      <c r="BJ30" s="116">
        <v>0</v>
      </c>
      <c r="BK30" s="116">
        <v>0</v>
      </c>
      <c r="BL30" s="116">
        <v>0</v>
      </c>
      <c r="BM30" s="116">
        <v>29919</v>
      </c>
      <c r="BN30" s="115">
        <v>40772</v>
      </c>
      <c r="BO30" s="118">
        <v>72472</v>
      </c>
      <c r="BP30" s="112">
        <v>0</v>
      </c>
      <c r="BQ30" s="116">
        <v>7120</v>
      </c>
      <c r="BR30" s="115">
        <v>7120</v>
      </c>
      <c r="BS30" s="112">
        <v>0</v>
      </c>
      <c r="BT30" s="116">
        <v>113608</v>
      </c>
      <c r="BU30" s="116">
        <v>12176</v>
      </c>
      <c r="BV30" s="116">
        <v>11448</v>
      </c>
      <c r="BW30" s="116">
        <v>37208</v>
      </c>
      <c r="BX30" s="116">
        <v>4768</v>
      </c>
      <c r="BY30" s="115">
        <v>179208</v>
      </c>
      <c r="BZ30" s="118">
        <v>186328</v>
      </c>
      <c r="CA30" s="112">
        <v>0</v>
      </c>
      <c r="CB30" s="116">
        <v>0</v>
      </c>
      <c r="CC30" s="115">
        <v>0</v>
      </c>
      <c r="CD30" s="112">
        <v>0</v>
      </c>
      <c r="CE30" s="116">
        <v>671643</v>
      </c>
      <c r="CF30" s="116">
        <v>354453</v>
      </c>
      <c r="CG30" s="116">
        <v>143800</v>
      </c>
      <c r="CH30" s="116">
        <v>411175</v>
      </c>
      <c r="CI30" s="116">
        <v>125632</v>
      </c>
      <c r="CJ30" s="115">
        <v>1706703</v>
      </c>
      <c r="CK30" s="118">
        <v>1706703</v>
      </c>
      <c r="CL30" s="112">
        <v>0</v>
      </c>
      <c r="CM30" s="116">
        <v>0</v>
      </c>
      <c r="CN30" s="115">
        <v>0</v>
      </c>
      <c r="CO30" s="113">
        <v>0</v>
      </c>
      <c r="CP30" s="116">
        <v>561366</v>
      </c>
      <c r="CQ30" s="116">
        <v>203134</v>
      </c>
      <c r="CR30" s="116">
        <v>89084</v>
      </c>
      <c r="CS30" s="116">
        <v>297539</v>
      </c>
      <c r="CT30" s="116">
        <v>75668</v>
      </c>
      <c r="CU30" s="115">
        <v>1226791</v>
      </c>
      <c r="CV30" s="118">
        <v>1226791</v>
      </c>
      <c r="CW30" s="112">
        <v>0</v>
      </c>
      <c r="CX30" s="116">
        <v>0</v>
      </c>
      <c r="CY30" s="115">
        <v>0</v>
      </c>
      <c r="CZ30" s="112">
        <v>0</v>
      </c>
      <c r="DA30" s="116">
        <v>110277</v>
      </c>
      <c r="DB30" s="116">
        <v>151319</v>
      </c>
      <c r="DC30" s="116">
        <v>54716</v>
      </c>
      <c r="DD30" s="116">
        <v>113636</v>
      </c>
      <c r="DE30" s="116">
        <v>49964</v>
      </c>
      <c r="DF30" s="115">
        <v>479912</v>
      </c>
      <c r="DG30" s="118">
        <v>479912</v>
      </c>
      <c r="DH30" s="112">
        <v>0</v>
      </c>
      <c r="DI30" s="116">
        <v>0</v>
      </c>
      <c r="DJ30" s="114">
        <v>0</v>
      </c>
      <c r="DK30" s="113">
        <v>0</v>
      </c>
      <c r="DL30" s="116">
        <v>53137</v>
      </c>
      <c r="DM30" s="116">
        <v>0</v>
      </c>
      <c r="DN30" s="116">
        <v>49508</v>
      </c>
      <c r="DO30" s="116">
        <v>37886</v>
      </c>
      <c r="DP30" s="116">
        <v>151006</v>
      </c>
      <c r="DQ30" s="115">
        <v>291537</v>
      </c>
      <c r="DR30" s="118">
        <v>291537</v>
      </c>
      <c r="DS30" s="112">
        <v>0</v>
      </c>
      <c r="DT30" s="116">
        <v>0</v>
      </c>
      <c r="DU30" s="115">
        <v>0</v>
      </c>
      <c r="DV30" s="112">
        <v>0</v>
      </c>
      <c r="DW30" s="116">
        <v>53137</v>
      </c>
      <c r="DX30" s="116">
        <v>0</v>
      </c>
      <c r="DY30" s="116">
        <v>49508</v>
      </c>
      <c r="DZ30" s="116">
        <v>37886</v>
      </c>
      <c r="EA30" s="116">
        <v>0</v>
      </c>
      <c r="EB30" s="115">
        <v>140531</v>
      </c>
      <c r="EC30" s="118">
        <v>140531</v>
      </c>
      <c r="ED30" s="112">
        <v>0</v>
      </c>
      <c r="EE30" s="114">
        <v>0</v>
      </c>
      <c r="EF30" s="115">
        <v>0</v>
      </c>
      <c r="EG30" s="112">
        <v>0</v>
      </c>
      <c r="EH30" s="116">
        <v>0</v>
      </c>
      <c r="EI30" s="116">
        <v>0</v>
      </c>
      <c r="EJ30" s="116">
        <v>0</v>
      </c>
      <c r="EK30" s="116">
        <v>0</v>
      </c>
      <c r="EL30" s="116">
        <v>151006</v>
      </c>
      <c r="EM30" s="114">
        <v>151006</v>
      </c>
      <c r="EN30" s="118">
        <v>151006</v>
      </c>
      <c r="EO30" s="112">
        <v>0</v>
      </c>
      <c r="EP30" s="116">
        <v>0</v>
      </c>
      <c r="EQ30" s="114">
        <v>0</v>
      </c>
      <c r="ER30" s="113">
        <v>0</v>
      </c>
      <c r="ES30" s="116">
        <v>0</v>
      </c>
      <c r="ET30" s="116">
        <v>0</v>
      </c>
      <c r="EU30" s="116">
        <v>0</v>
      </c>
      <c r="EV30" s="116">
        <v>0</v>
      </c>
      <c r="EW30" s="116">
        <v>0</v>
      </c>
      <c r="EX30" s="115">
        <v>0</v>
      </c>
      <c r="EY30" s="118">
        <v>0</v>
      </c>
      <c r="EZ30" s="112">
        <v>0</v>
      </c>
      <c r="FA30" s="116">
        <v>0</v>
      </c>
      <c r="FB30" s="114">
        <v>0</v>
      </c>
      <c r="FC30" s="390"/>
      <c r="FD30" s="116">
        <v>0</v>
      </c>
      <c r="FE30" s="116">
        <v>0</v>
      </c>
      <c r="FF30" s="116">
        <v>0</v>
      </c>
      <c r="FG30" s="116">
        <v>0</v>
      </c>
      <c r="FH30" s="116">
        <v>0</v>
      </c>
      <c r="FI30" s="115">
        <v>0</v>
      </c>
      <c r="FJ30" s="118">
        <v>0</v>
      </c>
      <c r="FK30" s="112">
        <v>3872</v>
      </c>
      <c r="FL30" s="116">
        <v>14880</v>
      </c>
      <c r="FM30" s="115">
        <v>18752</v>
      </c>
      <c r="FN30" s="112">
        <v>0</v>
      </c>
      <c r="FO30" s="116">
        <v>63040</v>
      </c>
      <c r="FP30" s="116">
        <v>92592</v>
      </c>
      <c r="FQ30" s="116">
        <v>63624</v>
      </c>
      <c r="FR30" s="116">
        <v>103744</v>
      </c>
      <c r="FS30" s="116">
        <v>80648</v>
      </c>
      <c r="FT30" s="115">
        <v>403648</v>
      </c>
      <c r="FU30" s="118">
        <v>422400</v>
      </c>
      <c r="FV30" s="117">
        <v>3872</v>
      </c>
      <c r="FW30" s="116">
        <v>14880</v>
      </c>
      <c r="FX30" s="114">
        <v>18752</v>
      </c>
      <c r="FY30" s="113">
        <v>0</v>
      </c>
      <c r="FZ30" s="116">
        <v>63040</v>
      </c>
      <c r="GA30" s="116">
        <v>92592</v>
      </c>
      <c r="GB30" s="116">
        <v>63624</v>
      </c>
      <c r="GC30" s="116">
        <v>103744</v>
      </c>
      <c r="GD30" s="116">
        <v>80648</v>
      </c>
      <c r="GE30" s="115">
        <v>403648</v>
      </c>
      <c r="GF30" s="354">
        <v>422400</v>
      </c>
      <c r="GG30" s="117">
        <v>0</v>
      </c>
      <c r="GH30" s="116">
        <v>0</v>
      </c>
      <c r="GI30" s="114">
        <v>0</v>
      </c>
      <c r="GJ30" s="113">
        <v>0</v>
      </c>
      <c r="GK30" s="116">
        <v>0</v>
      </c>
      <c r="GL30" s="116">
        <v>0</v>
      </c>
      <c r="GM30" s="116">
        <v>0</v>
      </c>
      <c r="GN30" s="116">
        <v>0</v>
      </c>
      <c r="GO30" s="116">
        <v>0</v>
      </c>
      <c r="GP30" s="115">
        <v>0</v>
      </c>
      <c r="GQ30" s="118">
        <v>0</v>
      </c>
      <c r="GR30" s="112">
        <v>0</v>
      </c>
      <c r="GS30" s="116">
        <v>0</v>
      </c>
      <c r="GT30" s="115">
        <v>0</v>
      </c>
      <c r="GU30" s="112">
        <v>0</v>
      </c>
      <c r="GV30" s="116">
        <v>0</v>
      </c>
      <c r="GW30" s="116">
        <v>0</v>
      </c>
      <c r="GX30" s="116">
        <v>0</v>
      </c>
      <c r="GY30" s="116">
        <v>0</v>
      </c>
      <c r="GZ30" s="116">
        <v>0</v>
      </c>
      <c r="HA30" s="114">
        <v>0</v>
      </c>
      <c r="HB30" s="118">
        <v>0</v>
      </c>
      <c r="HC30" s="112">
        <v>0</v>
      </c>
      <c r="HD30" s="116">
        <v>81902</v>
      </c>
      <c r="HE30" s="114">
        <v>81902</v>
      </c>
      <c r="HF30" s="113">
        <v>0</v>
      </c>
      <c r="HG30" s="116">
        <v>699842</v>
      </c>
      <c r="HH30" s="116">
        <v>0</v>
      </c>
      <c r="HI30" s="116">
        <v>179539</v>
      </c>
      <c r="HJ30" s="116">
        <v>382520</v>
      </c>
      <c r="HK30" s="116">
        <v>0</v>
      </c>
      <c r="HL30" s="115">
        <v>1261901</v>
      </c>
      <c r="HM30" s="111">
        <v>1343803</v>
      </c>
      <c r="HN30" s="370"/>
      <c r="HO30" s="371"/>
      <c r="HP30" s="372"/>
      <c r="HQ30" s="373"/>
      <c r="HR30" s="371"/>
      <c r="HS30" s="371"/>
      <c r="HT30" s="371"/>
      <c r="HU30" s="371"/>
      <c r="HV30" s="371"/>
      <c r="HW30" s="374"/>
      <c r="HX30" s="375"/>
      <c r="HY30" s="167">
        <v>0</v>
      </c>
      <c r="HZ30" s="152">
        <v>0</v>
      </c>
      <c r="IA30" s="167">
        <v>0</v>
      </c>
      <c r="IB30" s="151">
        <v>0</v>
      </c>
      <c r="IC30" s="152">
        <v>309605</v>
      </c>
      <c r="ID30" s="153">
        <v>0</v>
      </c>
      <c r="IE30" s="154">
        <v>0</v>
      </c>
      <c r="IF30" s="152">
        <v>59576</v>
      </c>
      <c r="IG30" s="154">
        <v>0</v>
      </c>
      <c r="IH30" s="155">
        <v>369181</v>
      </c>
      <c r="II30" s="167">
        <v>369181</v>
      </c>
      <c r="IJ30" s="261">
        <v>0</v>
      </c>
      <c r="IK30" s="268">
        <v>0</v>
      </c>
      <c r="IL30" s="269">
        <v>0</v>
      </c>
      <c r="IM30" s="157"/>
      <c r="IN30" s="122">
        <v>0</v>
      </c>
      <c r="IO30" s="122">
        <v>0</v>
      </c>
      <c r="IP30" s="122">
        <v>0</v>
      </c>
      <c r="IQ30" s="122">
        <v>0</v>
      </c>
      <c r="IR30" s="122">
        <v>0</v>
      </c>
      <c r="IS30" s="158">
        <v>0</v>
      </c>
      <c r="IT30" s="357">
        <v>0</v>
      </c>
      <c r="IU30" s="159">
        <v>0</v>
      </c>
      <c r="IV30" s="122">
        <v>0</v>
      </c>
      <c r="IW30" s="123">
        <v>0</v>
      </c>
      <c r="IX30" s="161"/>
      <c r="IY30" s="122">
        <v>0</v>
      </c>
      <c r="IZ30" s="122">
        <v>0</v>
      </c>
      <c r="JA30" s="122">
        <v>0</v>
      </c>
      <c r="JB30" s="122">
        <v>0</v>
      </c>
      <c r="JC30" s="122">
        <v>0</v>
      </c>
      <c r="JD30" s="123">
        <v>0</v>
      </c>
      <c r="JE30" s="124">
        <v>0</v>
      </c>
      <c r="JF30" s="159">
        <v>0</v>
      </c>
      <c r="JG30" s="122">
        <v>0</v>
      </c>
      <c r="JH30" s="158">
        <v>0</v>
      </c>
      <c r="JI30" s="121">
        <v>0</v>
      </c>
      <c r="JJ30" s="122">
        <v>309605</v>
      </c>
      <c r="JK30" s="122">
        <v>0</v>
      </c>
      <c r="JL30" s="122">
        <v>0</v>
      </c>
      <c r="JM30" s="122">
        <v>59576</v>
      </c>
      <c r="JN30" s="122">
        <v>0</v>
      </c>
      <c r="JO30" s="123">
        <v>369181</v>
      </c>
      <c r="JP30" s="357">
        <v>369181</v>
      </c>
      <c r="JQ30" s="159">
        <v>0</v>
      </c>
      <c r="JR30" s="122">
        <v>0</v>
      </c>
      <c r="JS30" s="158">
        <v>0</v>
      </c>
      <c r="JT30" s="121">
        <v>0</v>
      </c>
      <c r="JU30" s="122">
        <v>0</v>
      </c>
      <c r="JV30" s="122">
        <v>0</v>
      </c>
      <c r="JW30" s="122">
        <v>0</v>
      </c>
      <c r="JX30" s="122">
        <v>0</v>
      </c>
      <c r="JY30" s="122">
        <v>0</v>
      </c>
      <c r="JZ30" s="123">
        <v>0</v>
      </c>
      <c r="KA30" s="357">
        <v>0</v>
      </c>
      <c r="KB30" s="264">
        <v>0</v>
      </c>
      <c r="KC30" s="258">
        <v>0</v>
      </c>
      <c r="KD30" s="123">
        <v>0</v>
      </c>
      <c r="KE30" s="121">
        <v>0</v>
      </c>
      <c r="KF30" s="122">
        <v>0</v>
      </c>
      <c r="KG30" s="122">
        <v>0</v>
      </c>
      <c r="KH30" s="122">
        <v>0</v>
      </c>
      <c r="KI30" s="122">
        <v>0</v>
      </c>
      <c r="KJ30" s="122">
        <v>0</v>
      </c>
      <c r="KK30" s="123">
        <v>0</v>
      </c>
      <c r="KL30" s="160">
        <v>0</v>
      </c>
      <c r="KM30" s="261">
        <v>0</v>
      </c>
      <c r="KN30" s="268">
        <v>0</v>
      </c>
      <c r="KO30" s="269">
        <v>0</v>
      </c>
      <c r="KP30" s="157"/>
      <c r="KQ30" s="122">
        <v>0</v>
      </c>
      <c r="KR30" s="122">
        <v>0</v>
      </c>
      <c r="KS30" s="122">
        <v>0</v>
      </c>
      <c r="KT30" s="122">
        <v>0</v>
      </c>
      <c r="KU30" s="122">
        <v>0</v>
      </c>
      <c r="KV30" s="123">
        <v>0</v>
      </c>
      <c r="KW30" s="357">
        <v>0</v>
      </c>
      <c r="KX30" s="159">
        <v>0</v>
      </c>
      <c r="KY30" s="122">
        <v>0</v>
      </c>
      <c r="KZ30" s="123">
        <v>0</v>
      </c>
      <c r="LA30" s="162"/>
      <c r="LB30" s="122">
        <v>0</v>
      </c>
      <c r="LC30" s="122">
        <v>0</v>
      </c>
      <c r="LD30" s="122">
        <v>0</v>
      </c>
      <c r="LE30" s="122">
        <v>0</v>
      </c>
      <c r="LF30" s="122">
        <v>0</v>
      </c>
      <c r="LG30" s="123">
        <v>0</v>
      </c>
      <c r="LH30" s="124">
        <v>0</v>
      </c>
      <c r="LI30" s="159">
        <v>0</v>
      </c>
      <c r="LJ30" s="122">
        <v>0</v>
      </c>
      <c r="LK30" s="123">
        <v>0</v>
      </c>
      <c r="LL30" s="162"/>
      <c r="LM30" s="122">
        <v>0</v>
      </c>
      <c r="LN30" s="122">
        <v>0</v>
      </c>
      <c r="LO30" s="122">
        <v>0</v>
      </c>
      <c r="LP30" s="122">
        <v>0</v>
      </c>
      <c r="LQ30" s="122">
        <v>0</v>
      </c>
      <c r="LR30" s="123">
        <v>0</v>
      </c>
      <c r="LS30" s="357">
        <v>0</v>
      </c>
      <c r="LT30" s="159">
        <v>0</v>
      </c>
      <c r="LU30" s="122">
        <v>0</v>
      </c>
      <c r="LV30" s="123">
        <v>0</v>
      </c>
      <c r="LW30" s="162"/>
      <c r="LX30" s="122">
        <v>0</v>
      </c>
      <c r="LY30" s="122">
        <v>0</v>
      </c>
      <c r="LZ30" s="122">
        <v>0</v>
      </c>
      <c r="MA30" s="122">
        <v>0</v>
      </c>
      <c r="MB30" s="122">
        <v>0</v>
      </c>
      <c r="MC30" s="123">
        <v>0</v>
      </c>
      <c r="MD30" s="124">
        <v>0</v>
      </c>
      <c r="ME30" s="159">
        <v>0</v>
      </c>
      <c r="MF30" s="122">
        <v>0</v>
      </c>
      <c r="MG30" s="123">
        <v>0</v>
      </c>
      <c r="MH30" s="162"/>
      <c r="MI30" s="122">
        <v>383445</v>
      </c>
      <c r="MJ30" s="122">
        <v>0</v>
      </c>
      <c r="MK30" s="122">
        <v>1538416</v>
      </c>
      <c r="ML30" s="122">
        <v>725720</v>
      </c>
      <c r="MM30" s="122">
        <v>326482</v>
      </c>
      <c r="MN30" s="123">
        <v>2974063</v>
      </c>
      <c r="MO30" s="160">
        <v>2974063</v>
      </c>
      <c r="MP30" s="159">
        <v>0</v>
      </c>
      <c r="MQ30" s="122">
        <v>0</v>
      </c>
      <c r="MR30" s="123">
        <v>0</v>
      </c>
      <c r="MS30" s="162"/>
      <c r="MT30" s="122">
        <v>170133</v>
      </c>
      <c r="MU30" s="122">
        <v>0</v>
      </c>
      <c r="MV30" s="122">
        <v>1296220</v>
      </c>
      <c r="MW30" s="122">
        <v>471117</v>
      </c>
      <c r="MX30" s="122">
        <v>214308</v>
      </c>
      <c r="MY30" s="123">
        <v>2151778</v>
      </c>
      <c r="MZ30" s="160">
        <v>2151778</v>
      </c>
      <c r="NA30" s="159">
        <v>0</v>
      </c>
      <c r="NB30" s="122">
        <v>0</v>
      </c>
      <c r="NC30" s="123">
        <v>0</v>
      </c>
      <c r="ND30" s="162"/>
      <c r="NE30" s="122">
        <v>213312</v>
      </c>
      <c r="NF30" s="122">
        <v>0</v>
      </c>
      <c r="NG30" s="122">
        <v>242196</v>
      </c>
      <c r="NH30" s="122">
        <v>254603</v>
      </c>
      <c r="NI30" s="122">
        <v>112174</v>
      </c>
      <c r="NJ30" s="123">
        <v>822285</v>
      </c>
      <c r="NK30" s="357">
        <v>822285</v>
      </c>
      <c r="NL30" s="159">
        <v>0</v>
      </c>
      <c r="NM30" s="122">
        <v>0</v>
      </c>
      <c r="NN30" s="123">
        <v>0</v>
      </c>
      <c r="NO30" s="162"/>
      <c r="NP30" s="122">
        <v>0</v>
      </c>
      <c r="NQ30" s="122">
        <v>0</v>
      </c>
      <c r="NR30" s="122">
        <v>0</v>
      </c>
      <c r="NS30" s="122">
        <v>0</v>
      </c>
      <c r="NT30" s="122">
        <v>0</v>
      </c>
      <c r="NU30" s="123">
        <v>0</v>
      </c>
      <c r="NV30" s="124">
        <v>0</v>
      </c>
      <c r="NW30" s="159">
        <v>0</v>
      </c>
      <c r="NX30" s="122">
        <v>0</v>
      </c>
      <c r="NY30" s="123">
        <v>0</v>
      </c>
      <c r="NZ30" s="162"/>
      <c r="OA30" s="122">
        <v>0</v>
      </c>
      <c r="OB30" s="122">
        <v>0</v>
      </c>
      <c r="OC30" s="122">
        <v>0</v>
      </c>
      <c r="OD30" s="122">
        <v>0</v>
      </c>
      <c r="OE30" s="122">
        <v>0</v>
      </c>
      <c r="OF30" s="123">
        <v>0</v>
      </c>
      <c r="OG30" s="124">
        <v>0</v>
      </c>
      <c r="OH30" s="159">
        <v>3872</v>
      </c>
      <c r="OI30" s="122">
        <v>159466</v>
      </c>
      <c r="OJ30" s="158">
        <v>163338</v>
      </c>
      <c r="OK30" s="121">
        <v>0</v>
      </c>
      <c r="OL30" s="122">
        <v>2666426</v>
      </c>
      <c r="OM30" s="122">
        <v>726469</v>
      </c>
      <c r="ON30" s="122">
        <v>2174131</v>
      </c>
      <c r="OO30" s="122">
        <v>2256028</v>
      </c>
      <c r="OP30" s="122">
        <v>983290</v>
      </c>
      <c r="OQ30" s="123">
        <v>8806344</v>
      </c>
      <c r="OR30" s="160">
        <v>8969682</v>
      </c>
    </row>
    <row r="31" spans="1:408" ht="20.25" customHeight="1" x14ac:dyDescent="0.2">
      <c r="A31" s="129" t="s">
        <v>26</v>
      </c>
      <c r="B31" s="112">
        <v>45237</v>
      </c>
      <c r="C31" s="116">
        <v>40661</v>
      </c>
      <c r="D31" s="115">
        <v>85898</v>
      </c>
      <c r="E31" s="111">
        <v>0</v>
      </c>
      <c r="F31" s="116">
        <v>840352</v>
      </c>
      <c r="G31" s="116">
        <v>1746993</v>
      </c>
      <c r="H31" s="116">
        <v>1360226</v>
      </c>
      <c r="I31" s="116">
        <v>702556</v>
      </c>
      <c r="J31" s="116">
        <v>836025</v>
      </c>
      <c r="K31" s="200">
        <v>5486152</v>
      </c>
      <c r="L31" s="118">
        <v>5572050</v>
      </c>
      <c r="M31" s="112">
        <v>16520</v>
      </c>
      <c r="N31" s="116">
        <v>24357</v>
      </c>
      <c r="O31" s="115">
        <v>40877</v>
      </c>
      <c r="P31" s="112">
        <v>0</v>
      </c>
      <c r="Q31" s="116">
        <v>184044</v>
      </c>
      <c r="R31" s="116">
        <v>615637</v>
      </c>
      <c r="S31" s="116">
        <v>689582</v>
      </c>
      <c r="T31" s="116">
        <v>390615</v>
      </c>
      <c r="U31" s="116">
        <v>457786</v>
      </c>
      <c r="V31" s="115">
        <v>2337664</v>
      </c>
      <c r="W31" s="118">
        <v>2378541</v>
      </c>
      <c r="X31" s="112">
        <v>0</v>
      </c>
      <c r="Y31" s="116">
        <v>0</v>
      </c>
      <c r="Z31" s="115">
        <v>0</v>
      </c>
      <c r="AA31" s="112">
        <v>0</v>
      </c>
      <c r="AB31" s="116">
        <v>41053</v>
      </c>
      <c r="AC31" s="116">
        <v>444283</v>
      </c>
      <c r="AD31" s="116">
        <v>276215</v>
      </c>
      <c r="AE31" s="116">
        <v>139218</v>
      </c>
      <c r="AF31" s="116">
        <v>209865</v>
      </c>
      <c r="AG31" s="115">
        <v>1110634</v>
      </c>
      <c r="AH31" s="118">
        <v>1110634</v>
      </c>
      <c r="AI31" s="112">
        <v>0</v>
      </c>
      <c r="AJ31" s="116">
        <v>0</v>
      </c>
      <c r="AK31" s="115">
        <v>0</v>
      </c>
      <c r="AL31" s="112">
        <v>0</v>
      </c>
      <c r="AM31" s="116">
        <v>0</v>
      </c>
      <c r="AN31" s="116">
        <v>0</v>
      </c>
      <c r="AO31" s="116">
        <v>81011</v>
      </c>
      <c r="AP31" s="116">
        <v>116166</v>
      </c>
      <c r="AQ31" s="116">
        <v>92584</v>
      </c>
      <c r="AR31" s="115">
        <v>289761</v>
      </c>
      <c r="AS31" s="118">
        <v>289761</v>
      </c>
      <c r="AT31" s="112">
        <v>0</v>
      </c>
      <c r="AU31" s="116">
        <v>19589</v>
      </c>
      <c r="AV31" s="115">
        <v>19589</v>
      </c>
      <c r="AW31" s="112">
        <v>0</v>
      </c>
      <c r="AX31" s="116">
        <v>99471</v>
      </c>
      <c r="AY31" s="116">
        <v>88034</v>
      </c>
      <c r="AZ31" s="116">
        <v>195893</v>
      </c>
      <c r="BA31" s="116">
        <v>127391</v>
      </c>
      <c r="BB31" s="116">
        <v>139217</v>
      </c>
      <c r="BC31" s="115">
        <v>650006</v>
      </c>
      <c r="BD31" s="118">
        <v>669595</v>
      </c>
      <c r="BE31" s="112">
        <v>0</v>
      </c>
      <c r="BF31" s="116">
        <v>0</v>
      </c>
      <c r="BG31" s="114">
        <v>0</v>
      </c>
      <c r="BH31" s="113">
        <v>0</v>
      </c>
      <c r="BI31" s="116">
        <v>0</v>
      </c>
      <c r="BJ31" s="116">
        <v>31600</v>
      </c>
      <c r="BK31" s="116">
        <v>61215</v>
      </c>
      <c r="BL31" s="116">
        <v>0</v>
      </c>
      <c r="BM31" s="116">
        <v>0</v>
      </c>
      <c r="BN31" s="115">
        <v>92815</v>
      </c>
      <c r="BO31" s="118">
        <v>92815</v>
      </c>
      <c r="BP31" s="112">
        <v>16520</v>
      </c>
      <c r="BQ31" s="116">
        <v>4768</v>
      </c>
      <c r="BR31" s="115">
        <v>21288</v>
      </c>
      <c r="BS31" s="112">
        <v>0</v>
      </c>
      <c r="BT31" s="116">
        <v>43520</v>
      </c>
      <c r="BU31" s="116">
        <v>51720</v>
      </c>
      <c r="BV31" s="116">
        <v>75248</v>
      </c>
      <c r="BW31" s="116">
        <v>7840</v>
      </c>
      <c r="BX31" s="116">
        <v>16120</v>
      </c>
      <c r="BY31" s="115">
        <v>194448</v>
      </c>
      <c r="BZ31" s="118">
        <v>215736</v>
      </c>
      <c r="CA31" s="112">
        <v>20717</v>
      </c>
      <c r="CB31" s="116">
        <v>0</v>
      </c>
      <c r="CC31" s="115">
        <v>20717</v>
      </c>
      <c r="CD31" s="112">
        <v>0</v>
      </c>
      <c r="CE31" s="116">
        <v>308540</v>
      </c>
      <c r="CF31" s="116">
        <v>623446</v>
      </c>
      <c r="CG31" s="116">
        <v>380031</v>
      </c>
      <c r="CH31" s="116">
        <v>0</v>
      </c>
      <c r="CI31" s="116">
        <v>226226</v>
      </c>
      <c r="CJ31" s="115">
        <v>1538243</v>
      </c>
      <c r="CK31" s="118">
        <v>1558960</v>
      </c>
      <c r="CL31" s="112">
        <v>0</v>
      </c>
      <c r="CM31" s="116">
        <v>0</v>
      </c>
      <c r="CN31" s="115">
        <v>0</v>
      </c>
      <c r="CO31" s="113">
        <v>0</v>
      </c>
      <c r="CP31" s="116">
        <v>308540</v>
      </c>
      <c r="CQ31" s="116">
        <v>424299</v>
      </c>
      <c r="CR31" s="116">
        <v>137932</v>
      </c>
      <c r="CS31" s="116">
        <v>0</v>
      </c>
      <c r="CT31" s="116">
        <v>226226</v>
      </c>
      <c r="CU31" s="115">
        <v>1096997</v>
      </c>
      <c r="CV31" s="118">
        <v>1096997</v>
      </c>
      <c r="CW31" s="112">
        <v>20717</v>
      </c>
      <c r="CX31" s="116">
        <v>0</v>
      </c>
      <c r="CY31" s="115">
        <v>20717</v>
      </c>
      <c r="CZ31" s="112">
        <v>0</v>
      </c>
      <c r="DA31" s="116">
        <v>0</v>
      </c>
      <c r="DB31" s="116">
        <v>199147</v>
      </c>
      <c r="DC31" s="116">
        <v>242099</v>
      </c>
      <c r="DD31" s="116">
        <v>0</v>
      </c>
      <c r="DE31" s="116">
        <v>0</v>
      </c>
      <c r="DF31" s="115">
        <v>441246</v>
      </c>
      <c r="DG31" s="118">
        <v>461963</v>
      </c>
      <c r="DH31" s="112">
        <v>0</v>
      </c>
      <c r="DI31" s="116">
        <v>0</v>
      </c>
      <c r="DJ31" s="114">
        <v>0</v>
      </c>
      <c r="DK31" s="113">
        <v>0</v>
      </c>
      <c r="DL31" s="116">
        <v>17048</v>
      </c>
      <c r="DM31" s="116">
        <v>162972</v>
      </c>
      <c r="DN31" s="116">
        <v>38565</v>
      </c>
      <c r="DO31" s="116">
        <v>206813</v>
      </c>
      <c r="DP31" s="116">
        <v>0</v>
      </c>
      <c r="DQ31" s="115">
        <v>425398</v>
      </c>
      <c r="DR31" s="118">
        <v>425398</v>
      </c>
      <c r="DS31" s="112">
        <v>0</v>
      </c>
      <c r="DT31" s="116">
        <v>0</v>
      </c>
      <c r="DU31" s="115">
        <v>0</v>
      </c>
      <c r="DV31" s="112">
        <v>0</v>
      </c>
      <c r="DW31" s="116">
        <v>17048</v>
      </c>
      <c r="DX31" s="116">
        <v>162972</v>
      </c>
      <c r="DY31" s="116">
        <v>0</v>
      </c>
      <c r="DZ31" s="116">
        <v>206813</v>
      </c>
      <c r="EA31" s="116">
        <v>0</v>
      </c>
      <c r="EB31" s="115">
        <v>386833</v>
      </c>
      <c r="EC31" s="118">
        <v>386833</v>
      </c>
      <c r="ED31" s="112">
        <v>0</v>
      </c>
      <c r="EE31" s="114">
        <v>0</v>
      </c>
      <c r="EF31" s="115">
        <v>0</v>
      </c>
      <c r="EG31" s="112">
        <v>0</v>
      </c>
      <c r="EH31" s="116">
        <v>0</v>
      </c>
      <c r="EI31" s="116">
        <v>0</v>
      </c>
      <c r="EJ31" s="116">
        <v>38565</v>
      </c>
      <c r="EK31" s="116">
        <v>0</v>
      </c>
      <c r="EL31" s="116">
        <v>0</v>
      </c>
      <c r="EM31" s="114">
        <v>38565</v>
      </c>
      <c r="EN31" s="118">
        <v>38565</v>
      </c>
      <c r="EO31" s="112">
        <v>0</v>
      </c>
      <c r="EP31" s="116">
        <v>0</v>
      </c>
      <c r="EQ31" s="114">
        <v>0</v>
      </c>
      <c r="ER31" s="113">
        <v>0</v>
      </c>
      <c r="ES31" s="116">
        <v>0</v>
      </c>
      <c r="ET31" s="116">
        <v>0</v>
      </c>
      <c r="EU31" s="116">
        <v>0</v>
      </c>
      <c r="EV31" s="116">
        <v>0</v>
      </c>
      <c r="EW31" s="116">
        <v>0</v>
      </c>
      <c r="EX31" s="115">
        <v>0</v>
      </c>
      <c r="EY31" s="118">
        <v>0</v>
      </c>
      <c r="EZ31" s="112">
        <v>0</v>
      </c>
      <c r="FA31" s="116">
        <v>0</v>
      </c>
      <c r="FB31" s="114">
        <v>0</v>
      </c>
      <c r="FC31" s="390"/>
      <c r="FD31" s="116">
        <v>0</v>
      </c>
      <c r="FE31" s="116">
        <v>0</v>
      </c>
      <c r="FF31" s="116">
        <v>0</v>
      </c>
      <c r="FG31" s="116">
        <v>0</v>
      </c>
      <c r="FH31" s="116">
        <v>0</v>
      </c>
      <c r="FI31" s="115">
        <v>0</v>
      </c>
      <c r="FJ31" s="118">
        <v>0</v>
      </c>
      <c r="FK31" s="112">
        <v>8000</v>
      </c>
      <c r="FL31" s="116">
        <v>16304</v>
      </c>
      <c r="FM31" s="115">
        <v>24304</v>
      </c>
      <c r="FN31" s="112">
        <v>0</v>
      </c>
      <c r="FO31" s="116">
        <v>46280</v>
      </c>
      <c r="FP31" s="116">
        <v>176592</v>
      </c>
      <c r="FQ31" s="116">
        <v>252048</v>
      </c>
      <c r="FR31" s="116">
        <v>105128</v>
      </c>
      <c r="FS31" s="116">
        <v>85440</v>
      </c>
      <c r="FT31" s="115">
        <v>665488</v>
      </c>
      <c r="FU31" s="118">
        <v>689792</v>
      </c>
      <c r="FV31" s="117">
        <v>8000</v>
      </c>
      <c r="FW31" s="116">
        <v>16304</v>
      </c>
      <c r="FX31" s="114">
        <v>24304</v>
      </c>
      <c r="FY31" s="113">
        <v>0</v>
      </c>
      <c r="FZ31" s="116">
        <v>46280</v>
      </c>
      <c r="GA31" s="116">
        <v>176592</v>
      </c>
      <c r="GB31" s="116">
        <v>252048</v>
      </c>
      <c r="GC31" s="116">
        <v>105128</v>
      </c>
      <c r="GD31" s="116">
        <v>85440</v>
      </c>
      <c r="GE31" s="115">
        <v>665488</v>
      </c>
      <c r="GF31" s="354">
        <v>689792</v>
      </c>
      <c r="GG31" s="117">
        <v>0</v>
      </c>
      <c r="GH31" s="116">
        <v>0</v>
      </c>
      <c r="GI31" s="114">
        <v>0</v>
      </c>
      <c r="GJ31" s="113">
        <v>0</v>
      </c>
      <c r="GK31" s="116">
        <v>0</v>
      </c>
      <c r="GL31" s="116">
        <v>0</v>
      </c>
      <c r="GM31" s="116">
        <v>0</v>
      </c>
      <c r="GN31" s="116">
        <v>0</v>
      </c>
      <c r="GO31" s="116">
        <v>0</v>
      </c>
      <c r="GP31" s="115">
        <v>0</v>
      </c>
      <c r="GQ31" s="118">
        <v>0</v>
      </c>
      <c r="GR31" s="112">
        <v>0</v>
      </c>
      <c r="GS31" s="116">
        <v>0</v>
      </c>
      <c r="GT31" s="115">
        <v>0</v>
      </c>
      <c r="GU31" s="112">
        <v>0</v>
      </c>
      <c r="GV31" s="116">
        <v>0</v>
      </c>
      <c r="GW31" s="116">
        <v>0</v>
      </c>
      <c r="GX31" s="116">
        <v>0</v>
      </c>
      <c r="GY31" s="116">
        <v>0</v>
      </c>
      <c r="GZ31" s="116">
        <v>0</v>
      </c>
      <c r="HA31" s="114">
        <v>0</v>
      </c>
      <c r="HB31" s="118">
        <v>0</v>
      </c>
      <c r="HC31" s="112">
        <v>0</v>
      </c>
      <c r="HD31" s="116">
        <v>0</v>
      </c>
      <c r="HE31" s="114">
        <v>0</v>
      </c>
      <c r="HF31" s="113">
        <v>0</v>
      </c>
      <c r="HG31" s="116">
        <v>284440</v>
      </c>
      <c r="HH31" s="116">
        <v>168346</v>
      </c>
      <c r="HI31" s="116">
        <v>0</v>
      </c>
      <c r="HJ31" s="116">
        <v>0</v>
      </c>
      <c r="HK31" s="116">
        <v>66573</v>
      </c>
      <c r="HL31" s="115">
        <v>519359</v>
      </c>
      <c r="HM31" s="111">
        <v>519359</v>
      </c>
      <c r="HN31" s="370"/>
      <c r="HO31" s="371"/>
      <c r="HP31" s="372"/>
      <c r="HQ31" s="373"/>
      <c r="HR31" s="371"/>
      <c r="HS31" s="371"/>
      <c r="HT31" s="371"/>
      <c r="HU31" s="371"/>
      <c r="HV31" s="371"/>
      <c r="HW31" s="374"/>
      <c r="HX31" s="375"/>
      <c r="HY31" s="148">
        <v>0</v>
      </c>
      <c r="HZ31" s="149">
        <v>0</v>
      </c>
      <c r="IA31" s="150">
        <v>0</v>
      </c>
      <c r="IB31" s="163">
        <v>0</v>
      </c>
      <c r="IC31" s="149">
        <v>42656</v>
      </c>
      <c r="ID31" s="164">
        <v>203974</v>
      </c>
      <c r="IE31" s="150">
        <v>486377</v>
      </c>
      <c r="IF31" s="149">
        <v>0</v>
      </c>
      <c r="IG31" s="150">
        <v>125474</v>
      </c>
      <c r="IH31" s="165">
        <v>858481</v>
      </c>
      <c r="II31" s="156">
        <v>858481</v>
      </c>
      <c r="IJ31" s="261">
        <v>0</v>
      </c>
      <c r="IK31" s="268">
        <v>0</v>
      </c>
      <c r="IL31" s="269">
        <v>0</v>
      </c>
      <c r="IM31" s="157"/>
      <c r="IN31" s="122">
        <v>0</v>
      </c>
      <c r="IO31" s="122">
        <v>0</v>
      </c>
      <c r="IP31" s="122">
        <v>0</v>
      </c>
      <c r="IQ31" s="122">
        <v>0</v>
      </c>
      <c r="IR31" s="122">
        <v>0</v>
      </c>
      <c r="IS31" s="158">
        <v>0</v>
      </c>
      <c r="IT31" s="357">
        <v>0</v>
      </c>
      <c r="IU31" s="159">
        <v>0</v>
      </c>
      <c r="IV31" s="122">
        <v>0</v>
      </c>
      <c r="IW31" s="123">
        <v>0</v>
      </c>
      <c r="IX31" s="161"/>
      <c r="IY31" s="122">
        <v>0</v>
      </c>
      <c r="IZ31" s="122">
        <v>0</v>
      </c>
      <c r="JA31" s="122">
        <v>0</v>
      </c>
      <c r="JB31" s="122">
        <v>0</v>
      </c>
      <c r="JC31" s="122">
        <v>0</v>
      </c>
      <c r="JD31" s="123">
        <v>0</v>
      </c>
      <c r="JE31" s="124">
        <v>0</v>
      </c>
      <c r="JF31" s="159">
        <v>0</v>
      </c>
      <c r="JG31" s="122">
        <v>0</v>
      </c>
      <c r="JH31" s="158">
        <v>0</v>
      </c>
      <c r="JI31" s="121">
        <v>0</v>
      </c>
      <c r="JJ31" s="122">
        <v>42656</v>
      </c>
      <c r="JK31" s="122">
        <v>203974</v>
      </c>
      <c r="JL31" s="122">
        <v>40964</v>
      </c>
      <c r="JM31" s="122">
        <v>0</v>
      </c>
      <c r="JN31" s="122">
        <v>125474</v>
      </c>
      <c r="JO31" s="123">
        <v>413068</v>
      </c>
      <c r="JP31" s="357">
        <v>413068</v>
      </c>
      <c r="JQ31" s="159">
        <v>0</v>
      </c>
      <c r="JR31" s="122">
        <v>0</v>
      </c>
      <c r="JS31" s="158">
        <v>0</v>
      </c>
      <c r="JT31" s="121">
        <v>0</v>
      </c>
      <c r="JU31" s="122">
        <v>0</v>
      </c>
      <c r="JV31" s="122">
        <v>0</v>
      </c>
      <c r="JW31" s="122">
        <v>0</v>
      </c>
      <c r="JX31" s="122">
        <v>0</v>
      </c>
      <c r="JY31" s="122">
        <v>0</v>
      </c>
      <c r="JZ31" s="123">
        <v>0</v>
      </c>
      <c r="KA31" s="357">
        <v>0</v>
      </c>
      <c r="KB31" s="264">
        <v>0</v>
      </c>
      <c r="KC31" s="258">
        <v>0</v>
      </c>
      <c r="KD31" s="123">
        <v>0</v>
      </c>
      <c r="KE31" s="121">
        <v>0</v>
      </c>
      <c r="KF31" s="122">
        <v>0</v>
      </c>
      <c r="KG31" s="122">
        <v>0</v>
      </c>
      <c r="KH31" s="122">
        <v>0</v>
      </c>
      <c r="KI31" s="122">
        <v>0</v>
      </c>
      <c r="KJ31" s="122">
        <v>0</v>
      </c>
      <c r="KK31" s="123">
        <v>0</v>
      </c>
      <c r="KL31" s="160">
        <v>0</v>
      </c>
      <c r="KM31" s="261">
        <v>0</v>
      </c>
      <c r="KN31" s="268">
        <v>0</v>
      </c>
      <c r="KO31" s="269">
        <v>0</v>
      </c>
      <c r="KP31" s="157"/>
      <c r="KQ31" s="122">
        <v>0</v>
      </c>
      <c r="KR31" s="122">
        <v>0</v>
      </c>
      <c r="KS31" s="122">
        <v>445413</v>
      </c>
      <c r="KT31" s="122">
        <v>0</v>
      </c>
      <c r="KU31" s="122">
        <v>0</v>
      </c>
      <c r="KV31" s="123">
        <v>445413</v>
      </c>
      <c r="KW31" s="357">
        <v>445413</v>
      </c>
      <c r="KX31" s="159">
        <v>0</v>
      </c>
      <c r="KY31" s="122">
        <v>0</v>
      </c>
      <c r="KZ31" s="123">
        <v>0</v>
      </c>
      <c r="LA31" s="162"/>
      <c r="LB31" s="122">
        <v>0</v>
      </c>
      <c r="LC31" s="122">
        <v>0</v>
      </c>
      <c r="LD31" s="122">
        <v>0</v>
      </c>
      <c r="LE31" s="122">
        <v>0</v>
      </c>
      <c r="LF31" s="122">
        <v>0</v>
      </c>
      <c r="LG31" s="123">
        <v>0</v>
      </c>
      <c r="LH31" s="124">
        <v>0</v>
      </c>
      <c r="LI31" s="159">
        <v>0</v>
      </c>
      <c r="LJ31" s="122">
        <v>0</v>
      </c>
      <c r="LK31" s="123">
        <v>0</v>
      </c>
      <c r="LL31" s="162"/>
      <c r="LM31" s="122">
        <v>0</v>
      </c>
      <c r="LN31" s="122">
        <v>0</v>
      </c>
      <c r="LO31" s="122">
        <v>0</v>
      </c>
      <c r="LP31" s="122">
        <v>0</v>
      </c>
      <c r="LQ31" s="122">
        <v>0</v>
      </c>
      <c r="LR31" s="123">
        <v>0</v>
      </c>
      <c r="LS31" s="357">
        <v>0</v>
      </c>
      <c r="LT31" s="159">
        <v>0</v>
      </c>
      <c r="LU31" s="122">
        <v>0</v>
      </c>
      <c r="LV31" s="123">
        <v>0</v>
      </c>
      <c r="LW31" s="162"/>
      <c r="LX31" s="122">
        <v>0</v>
      </c>
      <c r="LY31" s="122">
        <v>0</v>
      </c>
      <c r="LZ31" s="122">
        <v>0</v>
      </c>
      <c r="MA31" s="122">
        <v>0</v>
      </c>
      <c r="MB31" s="122">
        <v>0</v>
      </c>
      <c r="MC31" s="123">
        <v>0</v>
      </c>
      <c r="MD31" s="124">
        <v>0</v>
      </c>
      <c r="ME31" s="159">
        <v>0</v>
      </c>
      <c r="MF31" s="122">
        <v>0</v>
      </c>
      <c r="MG31" s="123">
        <v>0</v>
      </c>
      <c r="MH31" s="162"/>
      <c r="MI31" s="122">
        <v>0</v>
      </c>
      <c r="MJ31" s="122">
        <v>0</v>
      </c>
      <c r="MK31" s="122">
        <v>788807</v>
      </c>
      <c r="ML31" s="122">
        <v>723020</v>
      </c>
      <c r="MM31" s="122">
        <v>539437</v>
      </c>
      <c r="MN31" s="123">
        <v>2051264</v>
      </c>
      <c r="MO31" s="160">
        <v>2051264</v>
      </c>
      <c r="MP31" s="159">
        <v>0</v>
      </c>
      <c r="MQ31" s="122">
        <v>0</v>
      </c>
      <c r="MR31" s="123">
        <v>0</v>
      </c>
      <c r="MS31" s="162"/>
      <c r="MT31" s="122">
        <v>0</v>
      </c>
      <c r="MU31" s="122">
        <v>0</v>
      </c>
      <c r="MV31" s="122">
        <v>230860</v>
      </c>
      <c r="MW31" s="122">
        <v>723020</v>
      </c>
      <c r="MX31" s="122">
        <v>295341</v>
      </c>
      <c r="MY31" s="123">
        <v>1249221</v>
      </c>
      <c r="MZ31" s="160">
        <v>1249221</v>
      </c>
      <c r="NA31" s="159">
        <v>0</v>
      </c>
      <c r="NB31" s="122">
        <v>0</v>
      </c>
      <c r="NC31" s="123">
        <v>0</v>
      </c>
      <c r="ND31" s="162"/>
      <c r="NE31" s="122">
        <v>0</v>
      </c>
      <c r="NF31" s="122">
        <v>0</v>
      </c>
      <c r="NG31" s="122">
        <v>557947</v>
      </c>
      <c r="NH31" s="122">
        <v>0</v>
      </c>
      <c r="NI31" s="122">
        <v>244096</v>
      </c>
      <c r="NJ31" s="123">
        <v>802043</v>
      </c>
      <c r="NK31" s="357">
        <v>802043</v>
      </c>
      <c r="NL31" s="159">
        <v>0</v>
      </c>
      <c r="NM31" s="122">
        <v>0</v>
      </c>
      <c r="NN31" s="123">
        <v>0</v>
      </c>
      <c r="NO31" s="162"/>
      <c r="NP31" s="122">
        <v>0</v>
      </c>
      <c r="NQ31" s="122">
        <v>0</v>
      </c>
      <c r="NR31" s="122">
        <v>0</v>
      </c>
      <c r="NS31" s="122">
        <v>0</v>
      </c>
      <c r="NT31" s="122">
        <v>0</v>
      </c>
      <c r="NU31" s="123">
        <v>0</v>
      </c>
      <c r="NV31" s="124">
        <v>0</v>
      </c>
      <c r="NW31" s="159">
        <v>0</v>
      </c>
      <c r="NX31" s="122">
        <v>0</v>
      </c>
      <c r="NY31" s="123">
        <v>0</v>
      </c>
      <c r="NZ31" s="162"/>
      <c r="OA31" s="122">
        <v>0</v>
      </c>
      <c r="OB31" s="122">
        <v>0</v>
      </c>
      <c r="OC31" s="122">
        <v>0</v>
      </c>
      <c r="OD31" s="122">
        <v>0</v>
      </c>
      <c r="OE31" s="122">
        <v>0</v>
      </c>
      <c r="OF31" s="123">
        <v>0</v>
      </c>
      <c r="OG31" s="124">
        <v>0</v>
      </c>
      <c r="OH31" s="159">
        <v>45237</v>
      </c>
      <c r="OI31" s="122">
        <v>40661</v>
      </c>
      <c r="OJ31" s="158">
        <v>85898</v>
      </c>
      <c r="OK31" s="121">
        <v>0</v>
      </c>
      <c r="OL31" s="122">
        <v>883008</v>
      </c>
      <c r="OM31" s="122">
        <v>1950967</v>
      </c>
      <c r="ON31" s="122">
        <v>2635410</v>
      </c>
      <c r="OO31" s="122">
        <v>1425576</v>
      </c>
      <c r="OP31" s="122">
        <v>1500936</v>
      </c>
      <c r="OQ31" s="123">
        <v>8395897</v>
      </c>
      <c r="OR31" s="160">
        <v>8481795</v>
      </c>
    </row>
    <row r="32" spans="1:408" ht="20.25" customHeight="1" x14ac:dyDescent="0.2">
      <c r="A32" s="129" t="s">
        <v>27</v>
      </c>
      <c r="B32" s="112">
        <v>8080</v>
      </c>
      <c r="C32" s="116">
        <v>437311</v>
      </c>
      <c r="D32" s="115">
        <v>445391</v>
      </c>
      <c r="E32" s="111">
        <v>0</v>
      </c>
      <c r="F32" s="116">
        <v>799950</v>
      </c>
      <c r="G32" s="116">
        <v>1378484</v>
      </c>
      <c r="H32" s="116">
        <v>1652544</v>
      </c>
      <c r="I32" s="116">
        <v>2139398</v>
      </c>
      <c r="J32" s="116">
        <v>883806</v>
      </c>
      <c r="K32" s="200">
        <v>6854182</v>
      </c>
      <c r="L32" s="118">
        <v>7299573</v>
      </c>
      <c r="M32" s="112">
        <v>0</v>
      </c>
      <c r="N32" s="116">
        <v>106447</v>
      </c>
      <c r="O32" s="115">
        <v>106447</v>
      </c>
      <c r="P32" s="112">
        <v>0</v>
      </c>
      <c r="Q32" s="116">
        <v>259294</v>
      </c>
      <c r="R32" s="116">
        <v>328533</v>
      </c>
      <c r="S32" s="116">
        <v>740440</v>
      </c>
      <c r="T32" s="116">
        <v>922660</v>
      </c>
      <c r="U32" s="116">
        <v>229568</v>
      </c>
      <c r="V32" s="115">
        <v>2480495</v>
      </c>
      <c r="W32" s="118">
        <v>2586942</v>
      </c>
      <c r="X32" s="112">
        <v>0</v>
      </c>
      <c r="Y32" s="116">
        <v>0</v>
      </c>
      <c r="Z32" s="115">
        <v>0</v>
      </c>
      <c r="AA32" s="112">
        <v>0</v>
      </c>
      <c r="AB32" s="116">
        <v>95086</v>
      </c>
      <c r="AC32" s="116">
        <v>9527</v>
      </c>
      <c r="AD32" s="116">
        <v>628888</v>
      </c>
      <c r="AE32" s="116">
        <v>575232</v>
      </c>
      <c r="AF32" s="116">
        <v>0</v>
      </c>
      <c r="AG32" s="115">
        <v>1308733</v>
      </c>
      <c r="AH32" s="118">
        <v>1308733</v>
      </c>
      <c r="AI32" s="112">
        <v>0</v>
      </c>
      <c r="AJ32" s="116">
        <v>0</v>
      </c>
      <c r="AK32" s="115">
        <v>0</v>
      </c>
      <c r="AL32" s="112">
        <v>0</v>
      </c>
      <c r="AM32" s="116">
        <v>13412</v>
      </c>
      <c r="AN32" s="116">
        <v>0</v>
      </c>
      <c r="AO32" s="116">
        <v>0</v>
      </c>
      <c r="AP32" s="116">
        <v>11269</v>
      </c>
      <c r="AQ32" s="116">
        <v>46728</v>
      </c>
      <c r="AR32" s="115">
        <v>71409</v>
      </c>
      <c r="AS32" s="118">
        <v>71409</v>
      </c>
      <c r="AT32" s="112">
        <v>0</v>
      </c>
      <c r="AU32" s="116">
        <v>60352</v>
      </c>
      <c r="AV32" s="115">
        <v>60352</v>
      </c>
      <c r="AW32" s="112">
        <v>0</v>
      </c>
      <c r="AX32" s="116">
        <v>130148</v>
      </c>
      <c r="AY32" s="116">
        <v>241966</v>
      </c>
      <c r="AZ32" s="116">
        <v>55512</v>
      </c>
      <c r="BA32" s="116">
        <v>224727</v>
      </c>
      <c r="BB32" s="116">
        <v>138136</v>
      </c>
      <c r="BC32" s="115">
        <v>790489</v>
      </c>
      <c r="BD32" s="118">
        <v>850841</v>
      </c>
      <c r="BE32" s="112">
        <v>0</v>
      </c>
      <c r="BF32" s="116">
        <v>31039</v>
      </c>
      <c r="BG32" s="114">
        <v>31039</v>
      </c>
      <c r="BH32" s="113">
        <v>0</v>
      </c>
      <c r="BI32" s="116">
        <v>0</v>
      </c>
      <c r="BJ32" s="116">
        <v>0</v>
      </c>
      <c r="BK32" s="116">
        <v>0</v>
      </c>
      <c r="BL32" s="116">
        <v>0</v>
      </c>
      <c r="BM32" s="116">
        <v>0</v>
      </c>
      <c r="BN32" s="115">
        <v>0</v>
      </c>
      <c r="BO32" s="118">
        <v>31039</v>
      </c>
      <c r="BP32" s="112">
        <v>0</v>
      </c>
      <c r="BQ32" s="116">
        <v>15056</v>
      </c>
      <c r="BR32" s="115">
        <v>15056</v>
      </c>
      <c r="BS32" s="112">
        <v>0</v>
      </c>
      <c r="BT32" s="116">
        <v>20648</v>
      </c>
      <c r="BU32" s="116">
        <v>77040</v>
      </c>
      <c r="BV32" s="116">
        <v>56040</v>
      </c>
      <c r="BW32" s="116">
        <v>111432</v>
      </c>
      <c r="BX32" s="116">
        <v>44704</v>
      </c>
      <c r="BY32" s="115">
        <v>309864</v>
      </c>
      <c r="BZ32" s="118">
        <v>324920</v>
      </c>
      <c r="CA32" s="112">
        <v>0</v>
      </c>
      <c r="CB32" s="116">
        <v>79696</v>
      </c>
      <c r="CC32" s="115">
        <v>79696</v>
      </c>
      <c r="CD32" s="112">
        <v>0</v>
      </c>
      <c r="CE32" s="116">
        <v>285101</v>
      </c>
      <c r="CF32" s="116">
        <v>552563</v>
      </c>
      <c r="CG32" s="116">
        <v>520814</v>
      </c>
      <c r="CH32" s="116">
        <v>361833</v>
      </c>
      <c r="CI32" s="116">
        <v>275462</v>
      </c>
      <c r="CJ32" s="115">
        <v>1995773</v>
      </c>
      <c r="CK32" s="118">
        <v>2075469</v>
      </c>
      <c r="CL32" s="112">
        <v>0</v>
      </c>
      <c r="CM32" s="116">
        <v>0</v>
      </c>
      <c r="CN32" s="115">
        <v>0</v>
      </c>
      <c r="CO32" s="113">
        <v>0</v>
      </c>
      <c r="CP32" s="116">
        <v>245407</v>
      </c>
      <c r="CQ32" s="116">
        <v>335670</v>
      </c>
      <c r="CR32" s="116">
        <v>441873</v>
      </c>
      <c r="CS32" s="116">
        <v>341185</v>
      </c>
      <c r="CT32" s="116">
        <v>230069</v>
      </c>
      <c r="CU32" s="115">
        <v>1594204</v>
      </c>
      <c r="CV32" s="118">
        <v>1594204</v>
      </c>
      <c r="CW32" s="112">
        <v>0</v>
      </c>
      <c r="CX32" s="116">
        <v>79696</v>
      </c>
      <c r="CY32" s="115">
        <v>79696</v>
      </c>
      <c r="CZ32" s="112">
        <v>0</v>
      </c>
      <c r="DA32" s="116">
        <v>39694</v>
      </c>
      <c r="DB32" s="116">
        <v>216893</v>
      </c>
      <c r="DC32" s="116">
        <v>78941</v>
      </c>
      <c r="DD32" s="116">
        <v>20648</v>
      </c>
      <c r="DE32" s="116">
        <v>45393</v>
      </c>
      <c r="DF32" s="115">
        <v>401569</v>
      </c>
      <c r="DG32" s="118">
        <v>481265</v>
      </c>
      <c r="DH32" s="112">
        <v>0</v>
      </c>
      <c r="DI32" s="116">
        <v>0</v>
      </c>
      <c r="DJ32" s="114">
        <v>0</v>
      </c>
      <c r="DK32" s="113">
        <v>0</v>
      </c>
      <c r="DL32" s="116">
        <v>72321</v>
      </c>
      <c r="DM32" s="116">
        <v>16147</v>
      </c>
      <c r="DN32" s="116">
        <v>96325</v>
      </c>
      <c r="DO32" s="116">
        <v>0</v>
      </c>
      <c r="DP32" s="116">
        <v>57936</v>
      </c>
      <c r="DQ32" s="115">
        <v>242729</v>
      </c>
      <c r="DR32" s="118">
        <v>242729</v>
      </c>
      <c r="DS32" s="112">
        <v>0</v>
      </c>
      <c r="DT32" s="116">
        <v>0</v>
      </c>
      <c r="DU32" s="115">
        <v>0</v>
      </c>
      <c r="DV32" s="112">
        <v>0</v>
      </c>
      <c r="DW32" s="116">
        <v>72321</v>
      </c>
      <c r="DX32" s="116">
        <v>16147</v>
      </c>
      <c r="DY32" s="116">
        <v>55880</v>
      </c>
      <c r="DZ32" s="116">
        <v>0</v>
      </c>
      <c r="EA32" s="116">
        <v>57936</v>
      </c>
      <c r="EB32" s="115">
        <v>202284</v>
      </c>
      <c r="EC32" s="118">
        <v>202284</v>
      </c>
      <c r="ED32" s="112">
        <v>0</v>
      </c>
      <c r="EE32" s="114">
        <v>0</v>
      </c>
      <c r="EF32" s="115">
        <v>0</v>
      </c>
      <c r="EG32" s="112">
        <v>0</v>
      </c>
      <c r="EH32" s="116">
        <v>0</v>
      </c>
      <c r="EI32" s="116">
        <v>0</v>
      </c>
      <c r="EJ32" s="116">
        <v>40445</v>
      </c>
      <c r="EK32" s="116">
        <v>0</v>
      </c>
      <c r="EL32" s="116">
        <v>0</v>
      </c>
      <c r="EM32" s="114">
        <v>40445</v>
      </c>
      <c r="EN32" s="118">
        <v>40445</v>
      </c>
      <c r="EO32" s="112">
        <v>0</v>
      </c>
      <c r="EP32" s="116">
        <v>0</v>
      </c>
      <c r="EQ32" s="114">
        <v>0</v>
      </c>
      <c r="ER32" s="113">
        <v>0</v>
      </c>
      <c r="ES32" s="116">
        <v>0</v>
      </c>
      <c r="ET32" s="116">
        <v>0</v>
      </c>
      <c r="EU32" s="116">
        <v>0</v>
      </c>
      <c r="EV32" s="116">
        <v>0</v>
      </c>
      <c r="EW32" s="116">
        <v>0</v>
      </c>
      <c r="EX32" s="115">
        <v>0</v>
      </c>
      <c r="EY32" s="118">
        <v>0</v>
      </c>
      <c r="EZ32" s="112">
        <v>0</v>
      </c>
      <c r="FA32" s="116">
        <v>0</v>
      </c>
      <c r="FB32" s="114">
        <v>0</v>
      </c>
      <c r="FC32" s="390"/>
      <c r="FD32" s="116">
        <v>0</v>
      </c>
      <c r="FE32" s="116">
        <v>0</v>
      </c>
      <c r="FF32" s="116">
        <v>0</v>
      </c>
      <c r="FG32" s="116">
        <v>0</v>
      </c>
      <c r="FH32" s="116">
        <v>0</v>
      </c>
      <c r="FI32" s="115">
        <v>0</v>
      </c>
      <c r="FJ32" s="118">
        <v>0</v>
      </c>
      <c r="FK32" s="112">
        <v>8080</v>
      </c>
      <c r="FL32" s="116">
        <v>165920</v>
      </c>
      <c r="FM32" s="115">
        <v>174000</v>
      </c>
      <c r="FN32" s="112">
        <v>0</v>
      </c>
      <c r="FO32" s="116">
        <v>45600</v>
      </c>
      <c r="FP32" s="116">
        <v>160208</v>
      </c>
      <c r="FQ32" s="116">
        <v>105864</v>
      </c>
      <c r="FR32" s="116">
        <v>87920</v>
      </c>
      <c r="FS32" s="116">
        <v>112368</v>
      </c>
      <c r="FT32" s="115">
        <v>511960</v>
      </c>
      <c r="FU32" s="118">
        <v>685960</v>
      </c>
      <c r="FV32" s="117">
        <v>8080</v>
      </c>
      <c r="FW32" s="116">
        <v>30400</v>
      </c>
      <c r="FX32" s="114">
        <v>38480</v>
      </c>
      <c r="FY32" s="113">
        <v>0</v>
      </c>
      <c r="FZ32" s="116">
        <v>45600</v>
      </c>
      <c r="GA32" s="116">
        <v>139088</v>
      </c>
      <c r="GB32" s="116">
        <v>105864</v>
      </c>
      <c r="GC32" s="116">
        <v>87920</v>
      </c>
      <c r="GD32" s="116">
        <v>112368</v>
      </c>
      <c r="GE32" s="115">
        <v>490840</v>
      </c>
      <c r="GF32" s="354">
        <v>529320</v>
      </c>
      <c r="GG32" s="117">
        <v>0</v>
      </c>
      <c r="GH32" s="116">
        <v>0</v>
      </c>
      <c r="GI32" s="114">
        <v>0</v>
      </c>
      <c r="GJ32" s="113">
        <v>0</v>
      </c>
      <c r="GK32" s="116">
        <v>0</v>
      </c>
      <c r="GL32" s="116">
        <v>21120</v>
      </c>
      <c r="GM32" s="116">
        <v>0</v>
      </c>
      <c r="GN32" s="116">
        <v>0</v>
      </c>
      <c r="GO32" s="116">
        <v>0</v>
      </c>
      <c r="GP32" s="115">
        <v>21120</v>
      </c>
      <c r="GQ32" s="118">
        <v>21120</v>
      </c>
      <c r="GR32" s="112">
        <v>0</v>
      </c>
      <c r="GS32" s="116">
        <v>135520</v>
      </c>
      <c r="GT32" s="115">
        <v>135520</v>
      </c>
      <c r="GU32" s="112">
        <v>0</v>
      </c>
      <c r="GV32" s="116">
        <v>0</v>
      </c>
      <c r="GW32" s="116">
        <v>0</v>
      </c>
      <c r="GX32" s="116">
        <v>0</v>
      </c>
      <c r="GY32" s="116">
        <v>0</v>
      </c>
      <c r="GZ32" s="116">
        <v>0</v>
      </c>
      <c r="HA32" s="114">
        <v>0</v>
      </c>
      <c r="HB32" s="118">
        <v>135520</v>
      </c>
      <c r="HC32" s="112">
        <v>0</v>
      </c>
      <c r="HD32" s="116">
        <v>85248</v>
      </c>
      <c r="HE32" s="114">
        <v>85248</v>
      </c>
      <c r="HF32" s="113">
        <v>0</v>
      </c>
      <c r="HG32" s="116">
        <v>137634</v>
      </c>
      <c r="HH32" s="116">
        <v>321033</v>
      </c>
      <c r="HI32" s="116">
        <v>189101</v>
      </c>
      <c r="HJ32" s="116">
        <v>766985</v>
      </c>
      <c r="HK32" s="116">
        <v>208472</v>
      </c>
      <c r="HL32" s="115">
        <v>1623225</v>
      </c>
      <c r="HM32" s="111">
        <v>1708473</v>
      </c>
      <c r="HN32" s="370"/>
      <c r="HO32" s="371"/>
      <c r="HP32" s="372"/>
      <c r="HQ32" s="373"/>
      <c r="HR32" s="371"/>
      <c r="HS32" s="371"/>
      <c r="HT32" s="371"/>
      <c r="HU32" s="371"/>
      <c r="HV32" s="371"/>
      <c r="HW32" s="374"/>
      <c r="HX32" s="375"/>
      <c r="HY32" s="167">
        <v>0</v>
      </c>
      <c r="HZ32" s="152">
        <v>0</v>
      </c>
      <c r="IA32" s="167">
        <v>0</v>
      </c>
      <c r="IB32" s="151">
        <v>0</v>
      </c>
      <c r="IC32" s="152">
        <v>131639</v>
      </c>
      <c r="ID32" s="153">
        <v>635027</v>
      </c>
      <c r="IE32" s="154">
        <v>536773</v>
      </c>
      <c r="IF32" s="152">
        <v>445650</v>
      </c>
      <c r="IG32" s="154">
        <v>231920</v>
      </c>
      <c r="IH32" s="155">
        <v>1981009</v>
      </c>
      <c r="II32" s="167">
        <v>1981009</v>
      </c>
      <c r="IJ32" s="261">
        <v>0</v>
      </c>
      <c r="IK32" s="268">
        <v>0</v>
      </c>
      <c r="IL32" s="269">
        <v>0</v>
      </c>
      <c r="IM32" s="157"/>
      <c r="IN32" s="122">
        <v>0</v>
      </c>
      <c r="IO32" s="122">
        <v>107592</v>
      </c>
      <c r="IP32" s="122">
        <v>0</v>
      </c>
      <c r="IQ32" s="122">
        <v>0</v>
      </c>
      <c r="IR32" s="122">
        <v>0</v>
      </c>
      <c r="IS32" s="158">
        <v>107592</v>
      </c>
      <c r="IT32" s="357">
        <v>107592</v>
      </c>
      <c r="IU32" s="159">
        <v>0</v>
      </c>
      <c r="IV32" s="122">
        <v>0</v>
      </c>
      <c r="IW32" s="123">
        <v>0</v>
      </c>
      <c r="IX32" s="161"/>
      <c r="IY32" s="122">
        <v>0</v>
      </c>
      <c r="IZ32" s="122">
        <v>0</v>
      </c>
      <c r="JA32" s="122">
        <v>0</v>
      </c>
      <c r="JB32" s="122">
        <v>0</v>
      </c>
      <c r="JC32" s="122">
        <v>0</v>
      </c>
      <c r="JD32" s="123">
        <v>0</v>
      </c>
      <c r="JE32" s="124">
        <v>0</v>
      </c>
      <c r="JF32" s="159">
        <v>0</v>
      </c>
      <c r="JG32" s="122">
        <v>0</v>
      </c>
      <c r="JH32" s="158">
        <v>0</v>
      </c>
      <c r="JI32" s="121">
        <v>0</v>
      </c>
      <c r="JJ32" s="122">
        <v>35935</v>
      </c>
      <c r="JK32" s="122">
        <v>34769</v>
      </c>
      <c r="JL32" s="122">
        <v>0</v>
      </c>
      <c r="JM32" s="122">
        <v>0</v>
      </c>
      <c r="JN32" s="122">
        <v>0</v>
      </c>
      <c r="JO32" s="123">
        <v>70704</v>
      </c>
      <c r="JP32" s="357">
        <v>70704</v>
      </c>
      <c r="JQ32" s="159">
        <v>0</v>
      </c>
      <c r="JR32" s="122">
        <v>0</v>
      </c>
      <c r="JS32" s="158">
        <v>0</v>
      </c>
      <c r="JT32" s="121">
        <v>0</v>
      </c>
      <c r="JU32" s="122">
        <v>95704</v>
      </c>
      <c r="JV32" s="122">
        <v>58568</v>
      </c>
      <c r="JW32" s="122">
        <v>0</v>
      </c>
      <c r="JX32" s="122">
        <v>0</v>
      </c>
      <c r="JY32" s="122">
        <v>0</v>
      </c>
      <c r="JZ32" s="123">
        <v>154272</v>
      </c>
      <c r="KA32" s="357">
        <v>154272</v>
      </c>
      <c r="KB32" s="264">
        <v>0</v>
      </c>
      <c r="KC32" s="258">
        <v>0</v>
      </c>
      <c r="KD32" s="123">
        <v>0</v>
      </c>
      <c r="KE32" s="121">
        <v>0</v>
      </c>
      <c r="KF32" s="122">
        <v>0</v>
      </c>
      <c r="KG32" s="122">
        <v>0</v>
      </c>
      <c r="KH32" s="122">
        <v>0</v>
      </c>
      <c r="KI32" s="122">
        <v>0</v>
      </c>
      <c r="KJ32" s="122">
        <v>0</v>
      </c>
      <c r="KK32" s="123">
        <v>0</v>
      </c>
      <c r="KL32" s="160">
        <v>0</v>
      </c>
      <c r="KM32" s="261">
        <v>0</v>
      </c>
      <c r="KN32" s="268">
        <v>0</v>
      </c>
      <c r="KO32" s="269">
        <v>0</v>
      </c>
      <c r="KP32" s="157"/>
      <c r="KQ32" s="122">
        <v>0</v>
      </c>
      <c r="KR32" s="122">
        <v>434098</v>
      </c>
      <c r="KS32" s="122">
        <v>222111</v>
      </c>
      <c r="KT32" s="122">
        <v>0</v>
      </c>
      <c r="KU32" s="122">
        <v>231920</v>
      </c>
      <c r="KV32" s="123">
        <v>888129</v>
      </c>
      <c r="KW32" s="357">
        <v>888129</v>
      </c>
      <c r="KX32" s="159">
        <v>0</v>
      </c>
      <c r="KY32" s="122">
        <v>0</v>
      </c>
      <c r="KZ32" s="123">
        <v>0</v>
      </c>
      <c r="LA32" s="162"/>
      <c r="LB32" s="122">
        <v>0</v>
      </c>
      <c r="LC32" s="122">
        <v>0</v>
      </c>
      <c r="LD32" s="122">
        <v>0</v>
      </c>
      <c r="LE32" s="122">
        <v>0</v>
      </c>
      <c r="LF32" s="122">
        <v>0</v>
      </c>
      <c r="LG32" s="123">
        <v>0</v>
      </c>
      <c r="LH32" s="124">
        <v>0</v>
      </c>
      <c r="LI32" s="159">
        <v>0</v>
      </c>
      <c r="LJ32" s="122">
        <v>0</v>
      </c>
      <c r="LK32" s="123">
        <v>0</v>
      </c>
      <c r="LL32" s="162"/>
      <c r="LM32" s="122">
        <v>0</v>
      </c>
      <c r="LN32" s="122">
        <v>0</v>
      </c>
      <c r="LO32" s="122">
        <v>314662</v>
      </c>
      <c r="LP32" s="122">
        <v>445650</v>
      </c>
      <c r="LQ32" s="122">
        <v>0</v>
      </c>
      <c r="LR32" s="123">
        <v>760312</v>
      </c>
      <c r="LS32" s="357">
        <v>760312</v>
      </c>
      <c r="LT32" s="159">
        <v>0</v>
      </c>
      <c r="LU32" s="122">
        <v>0</v>
      </c>
      <c r="LV32" s="123">
        <v>0</v>
      </c>
      <c r="LW32" s="162"/>
      <c r="LX32" s="122">
        <v>0</v>
      </c>
      <c r="LY32" s="122">
        <v>0</v>
      </c>
      <c r="LZ32" s="122">
        <v>0</v>
      </c>
      <c r="MA32" s="122">
        <v>0</v>
      </c>
      <c r="MB32" s="122">
        <v>0</v>
      </c>
      <c r="MC32" s="123">
        <v>0</v>
      </c>
      <c r="MD32" s="124">
        <v>0</v>
      </c>
      <c r="ME32" s="159">
        <v>0</v>
      </c>
      <c r="MF32" s="122">
        <v>0</v>
      </c>
      <c r="MG32" s="123">
        <v>0</v>
      </c>
      <c r="MH32" s="162"/>
      <c r="MI32" s="122">
        <v>0</v>
      </c>
      <c r="MJ32" s="122">
        <v>442266</v>
      </c>
      <c r="MK32" s="122">
        <v>714778</v>
      </c>
      <c r="ML32" s="122">
        <v>781405</v>
      </c>
      <c r="MM32" s="122">
        <v>489290</v>
      </c>
      <c r="MN32" s="123">
        <v>2427739</v>
      </c>
      <c r="MO32" s="160">
        <v>2427739</v>
      </c>
      <c r="MP32" s="159">
        <v>0</v>
      </c>
      <c r="MQ32" s="122">
        <v>0</v>
      </c>
      <c r="MR32" s="123">
        <v>0</v>
      </c>
      <c r="MS32" s="162"/>
      <c r="MT32" s="122">
        <v>0</v>
      </c>
      <c r="MU32" s="122">
        <v>208899</v>
      </c>
      <c r="MV32" s="122">
        <v>0</v>
      </c>
      <c r="MW32" s="122">
        <v>220854</v>
      </c>
      <c r="MX32" s="122">
        <v>489290</v>
      </c>
      <c r="MY32" s="123">
        <v>919043</v>
      </c>
      <c r="MZ32" s="160">
        <v>919043</v>
      </c>
      <c r="NA32" s="159">
        <v>0</v>
      </c>
      <c r="NB32" s="122">
        <v>0</v>
      </c>
      <c r="NC32" s="123">
        <v>0</v>
      </c>
      <c r="ND32" s="162"/>
      <c r="NE32" s="122">
        <v>0</v>
      </c>
      <c r="NF32" s="122">
        <v>233367</v>
      </c>
      <c r="NG32" s="122">
        <v>714778</v>
      </c>
      <c r="NH32" s="122">
        <v>222216</v>
      </c>
      <c r="NI32" s="122">
        <v>0</v>
      </c>
      <c r="NJ32" s="123">
        <v>1170361</v>
      </c>
      <c r="NK32" s="357">
        <v>1170361</v>
      </c>
      <c r="NL32" s="159">
        <v>0</v>
      </c>
      <c r="NM32" s="122">
        <v>0</v>
      </c>
      <c r="NN32" s="123">
        <v>0</v>
      </c>
      <c r="NO32" s="162"/>
      <c r="NP32" s="122">
        <v>0</v>
      </c>
      <c r="NQ32" s="122">
        <v>0</v>
      </c>
      <c r="NR32" s="122">
        <v>0</v>
      </c>
      <c r="NS32" s="122">
        <v>0</v>
      </c>
      <c r="NT32" s="122">
        <v>0</v>
      </c>
      <c r="NU32" s="123">
        <v>0</v>
      </c>
      <c r="NV32" s="124">
        <v>0</v>
      </c>
      <c r="NW32" s="159">
        <v>0</v>
      </c>
      <c r="NX32" s="122">
        <v>0</v>
      </c>
      <c r="NY32" s="123">
        <v>0</v>
      </c>
      <c r="NZ32" s="162"/>
      <c r="OA32" s="122">
        <v>0</v>
      </c>
      <c r="OB32" s="122">
        <v>0</v>
      </c>
      <c r="OC32" s="122">
        <v>0</v>
      </c>
      <c r="OD32" s="122">
        <v>338335</v>
      </c>
      <c r="OE32" s="122">
        <v>0</v>
      </c>
      <c r="OF32" s="123">
        <v>338335</v>
      </c>
      <c r="OG32" s="124">
        <v>338335</v>
      </c>
      <c r="OH32" s="159">
        <v>8080</v>
      </c>
      <c r="OI32" s="122">
        <v>437311</v>
      </c>
      <c r="OJ32" s="158">
        <v>445391</v>
      </c>
      <c r="OK32" s="121">
        <v>0</v>
      </c>
      <c r="OL32" s="122">
        <v>931589</v>
      </c>
      <c r="OM32" s="122">
        <v>2455777</v>
      </c>
      <c r="ON32" s="122">
        <v>2904095</v>
      </c>
      <c r="OO32" s="122">
        <v>3366453</v>
      </c>
      <c r="OP32" s="122">
        <v>1605016</v>
      </c>
      <c r="OQ32" s="123">
        <v>11262930</v>
      </c>
      <c r="OR32" s="160">
        <v>11708321</v>
      </c>
    </row>
    <row r="33" spans="1:408" ht="20.25" customHeight="1" x14ac:dyDescent="0.2">
      <c r="A33" s="129" t="s">
        <v>28</v>
      </c>
      <c r="B33" s="112">
        <v>0</v>
      </c>
      <c r="C33" s="116">
        <v>5600</v>
      </c>
      <c r="D33" s="115">
        <v>5600</v>
      </c>
      <c r="E33" s="111">
        <v>0</v>
      </c>
      <c r="F33" s="116">
        <v>331823</v>
      </c>
      <c r="G33" s="116">
        <v>295680</v>
      </c>
      <c r="H33" s="116">
        <v>267905</v>
      </c>
      <c r="I33" s="116">
        <v>0</v>
      </c>
      <c r="J33" s="116">
        <v>19981</v>
      </c>
      <c r="K33" s="200">
        <v>915389</v>
      </c>
      <c r="L33" s="118">
        <v>920989</v>
      </c>
      <c r="M33" s="112">
        <v>0</v>
      </c>
      <c r="N33" s="116">
        <v>0</v>
      </c>
      <c r="O33" s="115">
        <v>0</v>
      </c>
      <c r="P33" s="112">
        <v>0</v>
      </c>
      <c r="Q33" s="116">
        <v>15888</v>
      </c>
      <c r="R33" s="116">
        <v>74811</v>
      </c>
      <c r="S33" s="116">
        <v>90745</v>
      </c>
      <c r="T33" s="116">
        <v>0</v>
      </c>
      <c r="U33" s="116">
        <v>0</v>
      </c>
      <c r="V33" s="115">
        <v>181444</v>
      </c>
      <c r="W33" s="118">
        <v>181444</v>
      </c>
      <c r="X33" s="112">
        <v>0</v>
      </c>
      <c r="Y33" s="116">
        <v>0</v>
      </c>
      <c r="Z33" s="115">
        <v>0</v>
      </c>
      <c r="AA33" s="112">
        <v>0</v>
      </c>
      <c r="AB33" s="116">
        <v>0</v>
      </c>
      <c r="AC33" s="116">
        <v>0</v>
      </c>
      <c r="AD33" s="116">
        <v>54096</v>
      </c>
      <c r="AE33" s="116">
        <v>0</v>
      </c>
      <c r="AF33" s="116">
        <v>0</v>
      </c>
      <c r="AG33" s="115">
        <v>54096</v>
      </c>
      <c r="AH33" s="118">
        <v>54096</v>
      </c>
      <c r="AI33" s="112">
        <v>0</v>
      </c>
      <c r="AJ33" s="116">
        <v>0</v>
      </c>
      <c r="AK33" s="115">
        <v>0</v>
      </c>
      <c r="AL33" s="112">
        <v>0</v>
      </c>
      <c r="AM33" s="116">
        <v>0</v>
      </c>
      <c r="AN33" s="116">
        <v>0</v>
      </c>
      <c r="AO33" s="116">
        <v>0</v>
      </c>
      <c r="AP33" s="116">
        <v>0</v>
      </c>
      <c r="AQ33" s="116">
        <v>0</v>
      </c>
      <c r="AR33" s="115">
        <v>0</v>
      </c>
      <c r="AS33" s="118">
        <v>0</v>
      </c>
      <c r="AT33" s="112">
        <v>0</v>
      </c>
      <c r="AU33" s="116">
        <v>0</v>
      </c>
      <c r="AV33" s="115">
        <v>0</v>
      </c>
      <c r="AW33" s="112">
        <v>0</v>
      </c>
      <c r="AX33" s="116">
        <v>0</v>
      </c>
      <c r="AY33" s="116">
        <v>58267</v>
      </c>
      <c r="AZ33" s="116">
        <v>27049</v>
      </c>
      <c r="BA33" s="116">
        <v>0</v>
      </c>
      <c r="BB33" s="116">
        <v>0</v>
      </c>
      <c r="BC33" s="115">
        <v>85316</v>
      </c>
      <c r="BD33" s="118">
        <v>85316</v>
      </c>
      <c r="BE33" s="112">
        <v>0</v>
      </c>
      <c r="BF33" s="116">
        <v>0</v>
      </c>
      <c r="BG33" s="114">
        <v>0</v>
      </c>
      <c r="BH33" s="113">
        <v>0</v>
      </c>
      <c r="BI33" s="116">
        <v>0</v>
      </c>
      <c r="BJ33" s="116">
        <v>0</v>
      </c>
      <c r="BK33" s="116">
        <v>0</v>
      </c>
      <c r="BL33" s="116">
        <v>0</v>
      </c>
      <c r="BM33" s="116">
        <v>0</v>
      </c>
      <c r="BN33" s="115">
        <v>0</v>
      </c>
      <c r="BO33" s="118">
        <v>0</v>
      </c>
      <c r="BP33" s="112">
        <v>0</v>
      </c>
      <c r="BQ33" s="116">
        <v>0</v>
      </c>
      <c r="BR33" s="115">
        <v>0</v>
      </c>
      <c r="BS33" s="112">
        <v>0</v>
      </c>
      <c r="BT33" s="116">
        <v>15888</v>
      </c>
      <c r="BU33" s="116">
        <v>16544</v>
      </c>
      <c r="BV33" s="116">
        <v>9600</v>
      </c>
      <c r="BW33" s="116">
        <v>0</v>
      </c>
      <c r="BX33" s="116">
        <v>0</v>
      </c>
      <c r="BY33" s="115">
        <v>42032</v>
      </c>
      <c r="BZ33" s="118">
        <v>42032</v>
      </c>
      <c r="CA33" s="112">
        <v>0</v>
      </c>
      <c r="CB33" s="116">
        <v>0</v>
      </c>
      <c r="CC33" s="115">
        <v>0</v>
      </c>
      <c r="CD33" s="112">
        <v>0</v>
      </c>
      <c r="CE33" s="116">
        <v>162618</v>
      </c>
      <c r="CF33" s="116">
        <v>0</v>
      </c>
      <c r="CG33" s="116">
        <v>0</v>
      </c>
      <c r="CH33" s="116">
        <v>0</v>
      </c>
      <c r="CI33" s="116">
        <v>0</v>
      </c>
      <c r="CJ33" s="115">
        <v>162618</v>
      </c>
      <c r="CK33" s="118">
        <v>162618</v>
      </c>
      <c r="CL33" s="112">
        <v>0</v>
      </c>
      <c r="CM33" s="116">
        <v>0</v>
      </c>
      <c r="CN33" s="115">
        <v>0</v>
      </c>
      <c r="CO33" s="113">
        <v>0</v>
      </c>
      <c r="CP33" s="116">
        <v>162618</v>
      </c>
      <c r="CQ33" s="116">
        <v>0</v>
      </c>
      <c r="CR33" s="116">
        <v>0</v>
      </c>
      <c r="CS33" s="116">
        <v>0</v>
      </c>
      <c r="CT33" s="116">
        <v>0</v>
      </c>
      <c r="CU33" s="115">
        <v>162618</v>
      </c>
      <c r="CV33" s="118">
        <v>162618</v>
      </c>
      <c r="CW33" s="112">
        <v>0</v>
      </c>
      <c r="CX33" s="116">
        <v>0</v>
      </c>
      <c r="CY33" s="115">
        <v>0</v>
      </c>
      <c r="CZ33" s="112">
        <v>0</v>
      </c>
      <c r="DA33" s="116">
        <v>0</v>
      </c>
      <c r="DB33" s="116">
        <v>0</v>
      </c>
      <c r="DC33" s="116">
        <v>0</v>
      </c>
      <c r="DD33" s="116">
        <v>0</v>
      </c>
      <c r="DE33" s="116">
        <v>0</v>
      </c>
      <c r="DF33" s="115">
        <v>0</v>
      </c>
      <c r="DG33" s="118">
        <v>0</v>
      </c>
      <c r="DH33" s="112">
        <v>0</v>
      </c>
      <c r="DI33" s="116">
        <v>0</v>
      </c>
      <c r="DJ33" s="114">
        <v>0</v>
      </c>
      <c r="DK33" s="113">
        <v>0</v>
      </c>
      <c r="DL33" s="116">
        <v>0</v>
      </c>
      <c r="DM33" s="116">
        <v>30493</v>
      </c>
      <c r="DN33" s="116">
        <v>0</v>
      </c>
      <c r="DO33" s="116">
        <v>0</v>
      </c>
      <c r="DP33" s="116">
        <v>19981</v>
      </c>
      <c r="DQ33" s="115">
        <v>50474</v>
      </c>
      <c r="DR33" s="118">
        <v>50474</v>
      </c>
      <c r="DS33" s="112">
        <v>0</v>
      </c>
      <c r="DT33" s="116">
        <v>0</v>
      </c>
      <c r="DU33" s="115">
        <v>0</v>
      </c>
      <c r="DV33" s="112">
        <v>0</v>
      </c>
      <c r="DW33" s="116">
        <v>0</v>
      </c>
      <c r="DX33" s="116">
        <v>30493</v>
      </c>
      <c r="DY33" s="116">
        <v>0</v>
      </c>
      <c r="DZ33" s="116">
        <v>0</v>
      </c>
      <c r="EA33" s="116">
        <v>19981</v>
      </c>
      <c r="EB33" s="115">
        <v>50474</v>
      </c>
      <c r="EC33" s="118">
        <v>50474</v>
      </c>
      <c r="ED33" s="112">
        <v>0</v>
      </c>
      <c r="EE33" s="114">
        <v>0</v>
      </c>
      <c r="EF33" s="115">
        <v>0</v>
      </c>
      <c r="EG33" s="112">
        <v>0</v>
      </c>
      <c r="EH33" s="116">
        <v>0</v>
      </c>
      <c r="EI33" s="116">
        <v>0</v>
      </c>
      <c r="EJ33" s="116">
        <v>0</v>
      </c>
      <c r="EK33" s="116">
        <v>0</v>
      </c>
      <c r="EL33" s="116">
        <v>0</v>
      </c>
      <c r="EM33" s="114">
        <v>0</v>
      </c>
      <c r="EN33" s="118">
        <v>0</v>
      </c>
      <c r="EO33" s="112">
        <v>0</v>
      </c>
      <c r="EP33" s="116">
        <v>0</v>
      </c>
      <c r="EQ33" s="114">
        <v>0</v>
      </c>
      <c r="ER33" s="113">
        <v>0</v>
      </c>
      <c r="ES33" s="116">
        <v>0</v>
      </c>
      <c r="ET33" s="116">
        <v>0</v>
      </c>
      <c r="EU33" s="116">
        <v>0</v>
      </c>
      <c r="EV33" s="116">
        <v>0</v>
      </c>
      <c r="EW33" s="116">
        <v>0</v>
      </c>
      <c r="EX33" s="115">
        <v>0</v>
      </c>
      <c r="EY33" s="118">
        <v>0</v>
      </c>
      <c r="EZ33" s="112">
        <v>0</v>
      </c>
      <c r="FA33" s="116">
        <v>0</v>
      </c>
      <c r="FB33" s="114">
        <v>0</v>
      </c>
      <c r="FC33" s="390"/>
      <c r="FD33" s="116">
        <v>0</v>
      </c>
      <c r="FE33" s="116">
        <v>0</v>
      </c>
      <c r="FF33" s="116">
        <v>0</v>
      </c>
      <c r="FG33" s="116">
        <v>0</v>
      </c>
      <c r="FH33" s="116">
        <v>0</v>
      </c>
      <c r="FI33" s="115">
        <v>0</v>
      </c>
      <c r="FJ33" s="118">
        <v>0</v>
      </c>
      <c r="FK33" s="112">
        <v>0</v>
      </c>
      <c r="FL33" s="116">
        <v>5600</v>
      </c>
      <c r="FM33" s="115">
        <v>5600</v>
      </c>
      <c r="FN33" s="112">
        <v>0</v>
      </c>
      <c r="FO33" s="116">
        <v>14320</v>
      </c>
      <c r="FP33" s="116">
        <v>190376</v>
      </c>
      <c r="FQ33" s="116">
        <v>0</v>
      </c>
      <c r="FR33" s="116">
        <v>0</v>
      </c>
      <c r="FS33" s="116">
        <v>0</v>
      </c>
      <c r="FT33" s="115">
        <v>204696</v>
      </c>
      <c r="FU33" s="118">
        <v>210296</v>
      </c>
      <c r="FV33" s="117">
        <v>0</v>
      </c>
      <c r="FW33" s="116">
        <v>5600</v>
      </c>
      <c r="FX33" s="114">
        <v>5600</v>
      </c>
      <c r="FY33" s="113">
        <v>0</v>
      </c>
      <c r="FZ33" s="116">
        <v>14320</v>
      </c>
      <c r="GA33" s="116">
        <v>65856</v>
      </c>
      <c r="GB33" s="116">
        <v>0</v>
      </c>
      <c r="GC33" s="116">
        <v>0</v>
      </c>
      <c r="GD33" s="116">
        <v>0</v>
      </c>
      <c r="GE33" s="115">
        <v>80176</v>
      </c>
      <c r="GF33" s="354">
        <v>85776</v>
      </c>
      <c r="GG33" s="117">
        <v>0</v>
      </c>
      <c r="GH33" s="116">
        <v>0</v>
      </c>
      <c r="GI33" s="114">
        <v>0</v>
      </c>
      <c r="GJ33" s="113">
        <v>0</v>
      </c>
      <c r="GK33" s="116">
        <v>0</v>
      </c>
      <c r="GL33" s="116">
        <v>0</v>
      </c>
      <c r="GM33" s="116">
        <v>0</v>
      </c>
      <c r="GN33" s="116">
        <v>0</v>
      </c>
      <c r="GO33" s="116">
        <v>0</v>
      </c>
      <c r="GP33" s="115">
        <v>0</v>
      </c>
      <c r="GQ33" s="118">
        <v>0</v>
      </c>
      <c r="GR33" s="112">
        <v>0</v>
      </c>
      <c r="GS33" s="116">
        <v>0</v>
      </c>
      <c r="GT33" s="115">
        <v>0</v>
      </c>
      <c r="GU33" s="112">
        <v>0</v>
      </c>
      <c r="GV33" s="116">
        <v>0</v>
      </c>
      <c r="GW33" s="116">
        <v>124520</v>
      </c>
      <c r="GX33" s="116">
        <v>0</v>
      </c>
      <c r="GY33" s="116">
        <v>0</v>
      </c>
      <c r="GZ33" s="116">
        <v>0</v>
      </c>
      <c r="HA33" s="114">
        <v>124520</v>
      </c>
      <c r="HB33" s="118">
        <v>124520</v>
      </c>
      <c r="HC33" s="112">
        <v>0</v>
      </c>
      <c r="HD33" s="116">
        <v>0</v>
      </c>
      <c r="HE33" s="114">
        <v>0</v>
      </c>
      <c r="HF33" s="113">
        <v>0</v>
      </c>
      <c r="HG33" s="116">
        <v>138997</v>
      </c>
      <c r="HH33" s="116">
        <v>0</v>
      </c>
      <c r="HI33" s="116">
        <v>177160</v>
      </c>
      <c r="HJ33" s="116">
        <v>0</v>
      </c>
      <c r="HK33" s="116">
        <v>0</v>
      </c>
      <c r="HL33" s="115">
        <v>316157</v>
      </c>
      <c r="HM33" s="111">
        <v>316157</v>
      </c>
      <c r="HN33" s="370"/>
      <c r="HO33" s="371"/>
      <c r="HP33" s="372"/>
      <c r="HQ33" s="373"/>
      <c r="HR33" s="371"/>
      <c r="HS33" s="371"/>
      <c r="HT33" s="371"/>
      <c r="HU33" s="371"/>
      <c r="HV33" s="371"/>
      <c r="HW33" s="374"/>
      <c r="HX33" s="375"/>
      <c r="HY33" s="148">
        <v>0</v>
      </c>
      <c r="HZ33" s="149">
        <v>0</v>
      </c>
      <c r="IA33" s="150">
        <v>0</v>
      </c>
      <c r="IB33" s="163">
        <v>0</v>
      </c>
      <c r="IC33" s="149">
        <v>61360</v>
      </c>
      <c r="ID33" s="164">
        <v>91856</v>
      </c>
      <c r="IE33" s="150">
        <v>0</v>
      </c>
      <c r="IF33" s="149">
        <v>0</v>
      </c>
      <c r="IG33" s="150">
        <v>209856</v>
      </c>
      <c r="IH33" s="165">
        <v>363072</v>
      </c>
      <c r="II33" s="156">
        <v>363072</v>
      </c>
      <c r="IJ33" s="261">
        <v>0</v>
      </c>
      <c r="IK33" s="268">
        <v>0</v>
      </c>
      <c r="IL33" s="269">
        <v>0</v>
      </c>
      <c r="IM33" s="157"/>
      <c r="IN33" s="122">
        <v>0</v>
      </c>
      <c r="IO33" s="122">
        <v>0</v>
      </c>
      <c r="IP33" s="122">
        <v>0</v>
      </c>
      <c r="IQ33" s="122">
        <v>0</v>
      </c>
      <c r="IR33" s="122">
        <v>0</v>
      </c>
      <c r="IS33" s="158">
        <v>0</v>
      </c>
      <c r="IT33" s="357">
        <v>0</v>
      </c>
      <c r="IU33" s="159">
        <v>0</v>
      </c>
      <c r="IV33" s="122">
        <v>0</v>
      </c>
      <c r="IW33" s="123">
        <v>0</v>
      </c>
      <c r="IX33" s="161"/>
      <c r="IY33" s="122">
        <v>0</v>
      </c>
      <c r="IZ33" s="122">
        <v>0</v>
      </c>
      <c r="JA33" s="122">
        <v>0</v>
      </c>
      <c r="JB33" s="122">
        <v>0</v>
      </c>
      <c r="JC33" s="122">
        <v>0</v>
      </c>
      <c r="JD33" s="123">
        <v>0</v>
      </c>
      <c r="JE33" s="124">
        <v>0</v>
      </c>
      <c r="JF33" s="159">
        <v>0</v>
      </c>
      <c r="JG33" s="122">
        <v>0</v>
      </c>
      <c r="JH33" s="158">
        <v>0</v>
      </c>
      <c r="JI33" s="121">
        <v>0</v>
      </c>
      <c r="JJ33" s="122">
        <v>61360</v>
      </c>
      <c r="JK33" s="122">
        <v>91856</v>
      </c>
      <c r="JL33" s="122">
        <v>0</v>
      </c>
      <c r="JM33" s="122">
        <v>0</v>
      </c>
      <c r="JN33" s="122">
        <v>0</v>
      </c>
      <c r="JO33" s="123">
        <v>153216</v>
      </c>
      <c r="JP33" s="357">
        <v>153216</v>
      </c>
      <c r="JQ33" s="159">
        <v>0</v>
      </c>
      <c r="JR33" s="122">
        <v>0</v>
      </c>
      <c r="JS33" s="158">
        <v>0</v>
      </c>
      <c r="JT33" s="121">
        <v>0</v>
      </c>
      <c r="JU33" s="122">
        <v>0</v>
      </c>
      <c r="JV33" s="122">
        <v>0</v>
      </c>
      <c r="JW33" s="122">
        <v>0</v>
      </c>
      <c r="JX33" s="122">
        <v>0</v>
      </c>
      <c r="JY33" s="122">
        <v>39200</v>
      </c>
      <c r="JZ33" s="123">
        <v>39200</v>
      </c>
      <c r="KA33" s="357">
        <v>39200</v>
      </c>
      <c r="KB33" s="264">
        <v>0</v>
      </c>
      <c r="KC33" s="258">
        <v>0</v>
      </c>
      <c r="KD33" s="123">
        <v>0</v>
      </c>
      <c r="KE33" s="121">
        <v>0</v>
      </c>
      <c r="KF33" s="122">
        <v>0</v>
      </c>
      <c r="KG33" s="122">
        <v>0</v>
      </c>
      <c r="KH33" s="122">
        <v>0</v>
      </c>
      <c r="KI33" s="122">
        <v>0</v>
      </c>
      <c r="KJ33" s="122">
        <v>0</v>
      </c>
      <c r="KK33" s="123">
        <v>0</v>
      </c>
      <c r="KL33" s="160">
        <v>0</v>
      </c>
      <c r="KM33" s="261">
        <v>0</v>
      </c>
      <c r="KN33" s="268">
        <v>0</v>
      </c>
      <c r="KO33" s="269">
        <v>0</v>
      </c>
      <c r="KP33" s="157"/>
      <c r="KQ33" s="122">
        <v>0</v>
      </c>
      <c r="KR33" s="122">
        <v>0</v>
      </c>
      <c r="KS33" s="122">
        <v>0</v>
      </c>
      <c r="KT33" s="122">
        <v>0</v>
      </c>
      <c r="KU33" s="122">
        <v>170656</v>
      </c>
      <c r="KV33" s="123">
        <v>170656</v>
      </c>
      <c r="KW33" s="357">
        <v>170656</v>
      </c>
      <c r="KX33" s="159">
        <v>0</v>
      </c>
      <c r="KY33" s="122">
        <v>0</v>
      </c>
      <c r="KZ33" s="123">
        <v>0</v>
      </c>
      <c r="LA33" s="162"/>
      <c r="LB33" s="122">
        <v>0</v>
      </c>
      <c r="LC33" s="122">
        <v>0</v>
      </c>
      <c r="LD33" s="122">
        <v>0</v>
      </c>
      <c r="LE33" s="122">
        <v>0</v>
      </c>
      <c r="LF33" s="122">
        <v>0</v>
      </c>
      <c r="LG33" s="123">
        <v>0</v>
      </c>
      <c r="LH33" s="124">
        <v>0</v>
      </c>
      <c r="LI33" s="159">
        <v>0</v>
      </c>
      <c r="LJ33" s="122">
        <v>0</v>
      </c>
      <c r="LK33" s="123">
        <v>0</v>
      </c>
      <c r="LL33" s="162"/>
      <c r="LM33" s="122">
        <v>0</v>
      </c>
      <c r="LN33" s="122">
        <v>0</v>
      </c>
      <c r="LO33" s="122">
        <v>0</v>
      </c>
      <c r="LP33" s="122">
        <v>0</v>
      </c>
      <c r="LQ33" s="122">
        <v>0</v>
      </c>
      <c r="LR33" s="123">
        <v>0</v>
      </c>
      <c r="LS33" s="357">
        <v>0</v>
      </c>
      <c r="LT33" s="159">
        <v>0</v>
      </c>
      <c r="LU33" s="122">
        <v>0</v>
      </c>
      <c r="LV33" s="123">
        <v>0</v>
      </c>
      <c r="LW33" s="162"/>
      <c r="LX33" s="122">
        <v>0</v>
      </c>
      <c r="LY33" s="122">
        <v>0</v>
      </c>
      <c r="LZ33" s="122">
        <v>0</v>
      </c>
      <c r="MA33" s="122">
        <v>0</v>
      </c>
      <c r="MB33" s="122">
        <v>0</v>
      </c>
      <c r="MC33" s="123">
        <v>0</v>
      </c>
      <c r="MD33" s="124">
        <v>0</v>
      </c>
      <c r="ME33" s="159">
        <v>0</v>
      </c>
      <c r="MF33" s="122">
        <v>0</v>
      </c>
      <c r="MG33" s="123">
        <v>0</v>
      </c>
      <c r="MH33" s="162"/>
      <c r="MI33" s="122">
        <v>0</v>
      </c>
      <c r="MJ33" s="122">
        <v>195008</v>
      </c>
      <c r="MK33" s="122">
        <v>0</v>
      </c>
      <c r="ML33" s="122">
        <v>379136</v>
      </c>
      <c r="MM33" s="122">
        <v>0</v>
      </c>
      <c r="MN33" s="123">
        <v>574144</v>
      </c>
      <c r="MO33" s="160">
        <v>574144</v>
      </c>
      <c r="MP33" s="159">
        <v>0</v>
      </c>
      <c r="MQ33" s="122">
        <v>0</v>
      </c>
      <c r="MR33" s="123">
        <v>0</v>
      </c>
      <c r="MS33" s="162"/>
      <c r="MT33" s="122">
        <v>0</v>
      </c>
      <c r="MU33" s="122">
        <v>0</v>
      </c>
      <c r="MV33" s="122">
        <v>0</v>
      </c>
      <c r="MW33" s="122">
        <v>204000</v>
      </c>
      <c r="MX33" s="122">
        <v>0</v>
      </c>
      <c r="MY33" s="123">
        <v>204000</v>
      </c>
      <c r="MZ33" s="160">
        <v>204000</v>
      </c>
      <c r="NA33" s="159">
        <v>0</v>
      </c>
      <c r="NB33" s="122">
        <v>0</v>
      </c>
      <c r="NC33" s="123">
        <v>0</v>
      </c>
      <c r="ND33" s="162"/>
      <c r="NE33" s="122">
        <v>0</v>
      </c>
      <c r="NF33" s="122">
        <v>195008</v>
      </c>
      <c r="NG33" s="122">
        <v>0</v>
      </c>
      <c r="NH33" s="122">
        <v>175136</v>
      </c>
      <c r="NI33" s="122">
        <v>0</v>
      </c>
      <c r="NJ33" s="123">
        <v>370144</v>
      </c>
      <c r="NK33" s="357">
        <v>370144</v>
      </c>
      <c r="NL33" s="159">
        <v>0</v>
      </c>
      <c r="NM33" s="122">
        <v>0</v>
      </c>
      <c r="NN33" s="123">
        <v>0</v>
      </c>
      <c r="NO33" s="162"/>
      <c r="NP33" s="122">
        <v>0</v>
      </c>
      <c r="NQ33" s="122">
        <v>0</v>
      </c>
      <c r="NR33" s="122">
        <v>0</v>
      </c>
      <c r="NS33" s="122">
        <v>0</v>
      </c>
      <c r="NT33" s="122">
        <v>0</v>
      </c>
      <c r="NU33" s="123">
        <v>0</v>
      </c>
      <c r="NV33" s="124">
        <v>0</v>
      </c>
      <c r="NW33" s="159">
        <v>0</v>
      </c>
      <c r="NX33" s="122">
        <v>0</v>
      </c>
      <c r="NY33" s="123">
        <v>0</v>
      </c>
      <c r="NZ33" s="162"/>
      <c r="OA33" s="122">
        <v>0</v>
      </c>
      <c r="OB33" s="122">
        <v>0</v>
      </c>
      <c r="OC33" s="122">
        <v>0</v>
      </c>
      <c r="OD33" s="122">
        <v>0</v>
      </c>
      <c r="OE33" s="122">
        <v>0</v>
      </c>
      <c r="OF33" s="123">
        <v>0</v>
      </c>
      <c r="OG33" s="124">
        <v>0</v>
      </c>
      <c r="OH33" s="159">
        <v>0</v>
      </c>
      <c r="OI33" s="122">
        <v>5600</v>
      </c>
      <c r="OJ33" s="158">
        <v>5600</v>
      </c>
      <c r="OK33" s="121">
        <v>0</v>
      </c>
      <c r="OL33" s="122">
        <v>393183</v>
      </c>
      <c r="OM33" s="122">
        <v>582544</v>
      </c>
      <c r="ON33" s="122">
        <v>267905</v>
      </c>
      <c r="OO33" s="122">
        <v>379136</v>
      </c>
      <c r="OP33" s="122">
        <v>229837</v>
      </c>
      <c r="OQ33" s="123">
        <v>1852605</v>
      </c>
      <c r="OR33" s="160">
        <v>1858205</v>
      </c>
    </row>
    <row r="34" spans="1:408" ht="20.25" customHeight="1" x14ac:dyDescent="0.2">
      <c r="A34" s="129" t="s">
        <v>29</v>
      </c>
      <c r="B34" s="112">
        <v>12000</v>
      </c>
      <c r="C34" s="116">
        <v>17968</v>
      </c>
      <c r="D34" s="115">
        <v>29968</v>
      </c>
      <c r="E34" s="111">
        <v>0</v>
      </c>
      <c r="F34" s="116">
        <v>270016</v>
      </c>
      <c r="G34" s="116">
        <v>404041</v>
      </c>
      <c r="H34" s="116">
        <v>154572</v>
      </c>
      <c r="I34" s="116">
        <v>282208</v>
      </c>
      <c r="J34" s="116">
        <v>283406</v>
      </c>
      <c r="K34" s="200">
        <v>1394243</v>
      </c>
      <c r="L34" s="118">
        <v>1424211</v>
      </c>
      <c r="M34" s="112">
        <v>0</v>
      </c>
      <c r="N34" s="116">
        <v>13888</v>
      </c>
      <c r="O34" s="115">
        <v>13888</v>
      </c>
      <c r="P34" s="112">
        <v>0</v>
      </c>
      <c r="Q34" s="116">
        <v>128744</v>
      </c>
      <c r="R34" s="116">
        <v>33856</v>
      </c>
      <c r="S34" s="116">
        <v>0</v>
      </c>
      <c r="T34" s="116">
        <v>219608</v>
      </c>
      <c r="U34" s="116">
        <v>106808</v>
      </c>
      <c r="V34" s="115">
        <v>489016</v>
      </c>
      <c r="W34" s="118">
        <v>502904</v>
      </c>
      <c r="X34" s="112">
        <v>0</v>
      </c>
      <c r="Y34" s="116">
        <v>0</v>
      </c>
      <c r="Z34" s="115">
        <v>0</v>
      </c>
      <c r="AA34" s="112">
        <v>0</v>
      </c>
      <c r="AB34" s="116">
        <v>44568</v>
      </c>
      <c r="AC34" s="116">
        <v>0</v>
      </c>
      <c r="AD34" s="116">
        <v>0</v>
      </c>
      <c r="AE34" s="116">
        <v>219608</v>
      </c>
      <c r="AF34" s="116">
        <v>0</v>
      </c>
      <c r="AG34" s="115">
        <v>264176</v>
      </c>
      <c r="AH34" s="118">
        <v>264176</v>
      </c>
      <c r="AI34" s="112">
        <v>0</v>
      </c>
      <c r="AJ34" s="116">
        <v>0</v>
      </c>
      <c r="AK34" s="115">
        <v>0</v>
      </c>
      <c r="AL34" s="112">
        <v>0</v>
      </c>
      <c r="AM34" s="116">
        <v>0</v>
      </c>
      <c r="AN34" s="116">
        <v>0</v>
      </c>
      <c r="AO34" s="116">
        <v>0</v>
      </c>
      <c r="AP34" s="116">
        <v>0</v>
      </c>
      <c r="AQ34" s="116">
        <v>32448</v>
      </c>
      <c r="AR34" s="115">
        <v>32448</v>
      </c>
      <c r="AS34" s="118">
        <v>32448</v>
      </c>
      <c r="AT34" s="112">
        <v>0</v>
      </c>
      <c r="AU34" s="116">
        <v>13888</v>
      </c>
      <c r="AV34" s="115">
        <v>13888</v>
      </c>
      <c r="AW34" s="112">
        <v>0</v>
      </c>
      <c r="AX34" s="116">
        <v>84176</v>
      </c>
      <c r="AY34" s="116">
        <v>0</v>
      </c>
      <c r="AZ34" s="116">
        <v>0</v>
      </c>
      <c r="BA34" s="116">
        <v>0</v>
      </c>
      <c r="BB34" s="116">
        <v>30272</v>
      </c>
      <c r="BC34" s="115">
        <v>114448</v>
      </c>
      <c r="BD34" s="118">
        <v>128336</v>
      </c>
      <c r="BE34" s="112">
        <v>0</v>
      </c>
      <c r="BF34" s="116">
        <v>0</v>
      </c>
      <c r="BG34" s="114">
        <v>0</v>
      </c>
      <c r="BH34" s="113">
        <v>0</v>
      </c>
      <c r="BI34" s="116">
        <v>0</v>
      </c>
      <c r="BJ34" s="116">
        <v>0</v>
      </c>
      <c r="BK34" s="116">
        <v>0</v>
      </c>
      <c r="BL34" s="116">
        <v>0</v>
      </c>
      <c r="BM34" s="116">
        <v>0</v>
      </c>
      <c r="BN34" s="115">
        <v>0</v>
      </c>
      <c r="BO34" s="118">
        <v>0</v>
      </c>
      <c r="BP34" s="112">
        <v>0</v>
      </c>
      <c r="BQ34" s="116">
        <v>0</v>
      </c>
      <c r="BR34" s="115">
        <v>0</v>
      </c>
      <c r="BS34" s="112">
        <v>0</v>
      </c>
      <c r="BT34" s="116">
        <v>0</v>
      </c>
      <c r="BU34" s="116">
        <v>33856</v>
      </c>
      <c r="BV34" s="116">
        <v>0</v>
      </c>
      <c r="BW34" s="116">
        <v>0</v>
      </c>
      <c r="BX34" s="116">
        <v>44088</v>
      </c>
      <c r="BY34" s="115">
        <v>77944</v>
      </c>
      <c r="BZ34" s="118">
        <v>77944</v>
      </c>
      <c r="CA34" s="112">
        <v>0</v>
      </c>
      <c r="CB34" s="116">
        <v>0</v>
      </c>
      <c r="CC34" s="115">
        <v>0</v>
      </c>
      <c r="CD34" s="112">
        <v>0</v>
      </c>
      <c r="CE34" s="116">
        <v>112072</v>
      </c>
      <c r="CF34" s="116">
        <v>42256</v>
      </c>
      <c r="CG34" s="116">
        <v>149372</v>
      </c>
      <c r="CH34" s="116">
        <v>30600</v>
      </c>
      <c r="CI34" s="116">
        <v>71352</v>
      </c>
      <c r="CJ34" s="115">
        <v>405652</v>
      </c>
      <c r="CK34" s="118">
        <v>405652</v>
      </c>
      <c r="CL34" s="112">
        <v>0</v>
      </c>
      <c r="CM34" s="116">
        <v>0</v>
      </c>
      <c r="CN34" s="115">
        <v>0</v>
      </c>
      <c r="CO34" s="113">
        <v>0</v>
      </c>
      <c r="CP34" s="116">
        <v>112072</v>
      </c>
      <c r="CQ34" s="116">
        <v>19072</v>
      </c>
      <c r="CR34" s="116">
        <v>117376</v>
      </c>
      <c r="CS34" s="116">
        <v>0</v>
      </c>
      <c r="CT34" s="116">
        <v>71352</v>
      </c>
      <c r="CU34" s="115">
        <v>319872</v>
      </c>
      <c r="CV34" s="118">
        <v>319872</v>
      </c>
      <c r="CW34" s="112">
        <v>0</v>
      </c>
      <c r="CX34" s="116">
        <v>0</v>
      </c>
      <c r="CY34" s="115">
        <v>0</v>
      </c>
      <c r="CZ34" s="112">
        <v>0</v>
      </c>
      <c r="DA34" s="116">
        <v>0</v>
      </c>
      <c r="DB34" s="116">
        <v>23184</v>
      </c>
      <c r="DC34" s="116">
        <v>31996</v>
      </c>
      <c r="DD34" s="116">
        <v>30600</v>
      </c>
      <c r="DE34" s="116">
        <v>0</v>
      </c>
      <c r="DF34" s="115">
        <v>85780</v>
      </c>
      <c r="DG34" s="118">
        <v>85780</v>
      </c>
      <c r="DH34" s="112">
        <v>0</v>
      </c>
      <c r="DI34" s="116">
        <v>0</v>
      </c>
      <c r="DJ34" s="114">
        <v>0</v>
      </c>
      <c r="DK34" s="113">
        <v>0</v>
      </c>
      <c r="DL34" s="116">
        <v>0</v>
      </c>
      <c r="DM34" s="116">
        <v>0</v>
      </c>
      <c r="DN34" s="116">
        <v>0</v>
      </c>
      <c r="DO34" s="116">
        <v>0</v>
      </c>
      <c r="DP34" s="116">
        <v>37022</v>
      </c>
      <c r="DQ34" s="115">
        <v>37022</v>
      </c>
      <c r="DR34" s="118">
        <v>37022</v>
      </c>
      <c r="DS34" s="112">
        <v>0</v>
      </c>
      <c r="DT34" s="116">
        <v>0</v>
      </c>
      <c r="DU34" s="115">
        <v>0</v>
      </c>
      <c r="DV34" s="112">
        <v>0</v>
      </c>
      <c r="DW34" s="116">
        <v>0</v>
      </c>
      <c r="DX34" s="116">
        <v>0</v>
      </c>
      <c r="DY34" s="116">
        <v>0</v>
      </c>
      <c r="DZ34" s="116">
        <v>0</v>
      </c>
      <c r="EA34" s="116">
        <v>37022</v>
      </c>
      <c r="EB34" s="115">
        <v>37022</v>
      </c>
      <c r="EC34" s="118">
        <v>37022</v>
      </c>
      <c r="ED34" s="112">
        <v>0</v>
      </c>
      <c r="EE34" s="114">
        <v>0</v>
      </c>
      <c r="EF34" s="115">
        <v>0</v>
      </c>
      <c r="EG34" s="112">
        <v>0</v>
      </c>
      <c r="EH34" s="116">
        <v>0</v>
      </c>
      <c r="EI34" s="116">
        <v>0</v>
      </c>
      <c r="EJ34" s="116">
        <v>0</v>
      </c>
      <c r="EK34" s="116">
        <v>0</v>
      </c>
      <c r="EL34" s="116">
        <v>0</v>
      </c>
      <c r="EM34" s="114">
        <v>0</v>
      </c>
      <c r="EN34" s="118">
        <v>0</v>
      </c>
      <c r="EO34" s="112">
        <v>0</v>
      </c>
      <c r="EP34" s="116">
        <v>0</v>
      </c>
      <c r="EQ34" s="114">
        <v>0</v>
      </c>
      <c r="ER34" s="113">
        <v>0</v>
      </c>
      <c r="ES34" s="116">
        <v>0</v>
      </c>
      <c r="ET34" s="116">
        <v>0</v>
      </c>
      <c r="EU34" s="116">
        <v>0</v>
      </c>
      <c r="EV34" s="116">
        <v>0</v>
      </c>
      <c r="EW34" s="116">
        <v>0</v>
      </c>
      <c r="EX34" s="115">
        <v>0</v>
      </c>
      <c r="EY34" s="118">
        <v>0</v>
      </c>
      <c r="EZ34" s="112">
        <v>0</v>
      </c>
      <c r="FA34" s="116">
        <v>0</v>
      </c>
      <c r="FB34" s="114">
        <v>0</v>
      </c>
      <c r="FC34" s="390"/>
      <c r="FD34" s="116">
        <v>0</v>
      </c>
      <c r="FE34" s="116">
        <v>0</v>
      </c>
      <c r="FF34" s="116">
        <v>0</v>
      </c>
      <c r="FG34" s="116">
        <v>0</v>
      </c>
      <c r="FH34" s="116">
        <v>0</v>
      </c>
      <c r="FI34" s="115">
        <v>0</v>
      </c>
      <c r="FJ34" s="118">
        <v>0</v>
      </c>
      <c r="FK34" s="112">
        <v>12000</v>
      </c>
      <c r="FL34" s="116">
        <v>4080</v>
      </c>
      <c r="FM34" s="115">
        <v>16080</v>
      </c>
      <c r="FN34" s="112">
        <v>0</v>
      </c>
      <c r="FO34" s="116">
        <v>29200</v>
      </c>
      <c r="FP34" s="116">
        <v>10400</v>
      </c>
      <c r="FQ34" s="116">
        <v>5200</v>
      </c>
      <c r="FR34" s="116">
        <v>32000</v>
      </c>
      <c r="FS34" s="116">
        <v>68224</v>
      </c>
      <c r="FT34" s="115">
        <v>145024</v>
      </c>
      <c r="FU34" s="118">
        <v>161104</v>
      </c>
      <c r="FV34" s="117">
        <v>12000</v>
      </c>
      <c r="FW34" s="116">
        <v>4080</v>
      </c>
      <c r="FX34" s="114">
        <v>16080</v>
      </c>
      <c r="FY34" s="113">
        <v>0</v>
      </c>
      <c r="FZ34" s="116">
        <v>9680</v>
      </c>
      <c r="GA34" s="116">
        <v>10400</v>
      </c>
      <c r="GB34" s="116">
        <v>5200</v>
      </c>
      <c r="GC34" s="116">
        <v>32000</v>
      </c>
      <c r="GD34" s="116">
        <v>68224</v>
      </c>
      <c r="GE34" s="115">
        <v>125504</v>
      </c>
      <c r="GF34" s="354">
        <v>141584</v>
      </c>
      <c r="GG34" s="117">
        <v>0</v>
      </c>
      <c r="GH34" s="116">
        <v>0</v>
      </c>
      <c r="GI34" s="114">
        <v>0</v>
      </c>
      <c r="GJ34" s="113">
        <v>0</v>
      </c>
      <c r="GK34" s="116">
        <v>0</v>
      </c>
      <c r="GL34" s="116">
        <v>0</v>
      </c>
      <c r="GM34" s="116">
        <v>0</v>
      </c>
      <c r="GN34" s="116">
        <v>0</v>
      </c>
      <c r="GO34" s="116">
        <v>0</v>
      </c>
      <c r="GP34" s="115">
        <v>0</v>
      </c>
      <c r="GQ34" s="118">
        <v>0</v>
      </c>
      <c r="GR34" s="112">
        <v>0</v>
      </c>
      <c r="GS34" s="116">
        <v>0</v>
      </c>
      <c r="GT34" s="115">
        <v>0</v>
      </c>
      <c r="GU34" s="112">
        <v>0</v>
      </c>
      <c r="GV34" s="116">
        <v>19520</v>
      </c>
      <c r="GW34" s="116">
        <v>0</v>
      </c>
      <c r="GX34" s="116">
        <v>0</v>
      </c>
      <c r="GY34" s="116">
        <v>0</v>
      </c>
      <c r="GZ34" s="116">
        <v>0</v>
      </c>
      <c r="HA34" s="114">
        <v>19520</v>
      </c>
      <c r="HB34" s="118">
        <v>19520</v>
      </c>
      <c r="HC34" s="112">
        <v>0</v>
      </c>
      <c r="HD34" s="116">
        <v>0</v>
      </c>
      <c r="HE34" s="114">
        <v>0</v>
      </c>
      <c r="HF34" s="113">
        <v>0</v>
      </c>
      <c r="HG34" s="116">
        <v>0</v>
      </c>
      <c r="HH34" s="116">
        <v>317529</v>
      </c>
      <c r="HI34" s="116">
        <v>0</v>
      </c>
      <c r="HJ34" s="116">
        <v>0</v>
      </c>
      <c r="HK34" s="116">
        <v>0</v>
      </c>
      <c r="HL34" s="115">
        <v>317529</v>
      </c>
      <c r="HM34" s="111">
        <v>317529</v>
      </c>
      <c r="HN34" s="370"/>
      <c r="HO34" s="371"/>
      <c r="HP34" s="372"/>
      <c r="HQ34" s="373"/>
      <c r="HR34" s="371"/>
      <c r="HS34" s="371"/>
      <c r="HT34" s="371"/>
      <c r="HU34" s="371"/>
      <c r="HV34" s="371"/>
      <c r="HW34" s="374"/>
      <c r="HX34" s="375"/>
      <c r="HY34" s="167">
        <v>0</v>
      </c>
      <c r="HZ34" s="152">
        <v>0</v>
      </c>
      <c r="IA34" s="167">
        <v>0</v>
      </c>
      <c r="IB34" s="151">
        <v>0</v>
      </c>
      <c r="IC34" s="152">
        <v>50640</v>
      </c>
      <c r="ID34" s="153">
        <v>18843</v>
      </c>
      <c r="IE34" s="154">
        <v>0</v>
      </c>
      <c r="IF34" s="152">
        <v>194520</v>
      </c>
      <c r="IG34" s="154">
        <v>0</v>
      </c>
      <c r="IH34" s="155">
        <v>264003</v>
      </c>
      <c r="II34" s="167">
        <v>264003</v>
      </c>
      <c r="IJ34" s="261">
        <v>0</v>
      </c>
      <c r="IK34" s="268">
        <v>0</v>
      </c>
      <c r="IL34" s="269">
        <v>0</v>
      </c>
      <c r="IM34" s="157"/>
      <c r="IN34" s="122">
        <v>0</v>
      </c>
      <c r="IO34" s="122">
        <v>0</v>
      </c>
      <c r="IP34" s="122">
        <v>0</v>
      </c>
      <c r="IQ34" s="122">
        <v>0</v>
      </c>
      <c r="IR34" s="122">
        <v>0</v>
      </c>
      <c r="IS34" s="158">
        <v>0</v>
      </c>
      <c r="IT34" s="357">
        <v>0</v>
      </c>
      <c r="IU34" s="159">
        <v>0</v>
      </c>
      <c r="IV34" s="122">
        <v>0</v>
      </c>
      <c r="IW34" s="123">
        <v>0</v>
      </c>
      <c r="IX34" s="161"/>
      <c r="IY34" s="122">
        <v>0</v>
      </c>
      <c r="IZ34" s="122">
        <v>0</v>
      </c>
      <c r="JA34" s="122">
        <v>0</v>
      </c>
      <c r="JB34" s="122">
        <v>0</v>
      </c>
      <c r="JC34" s="122">
        <v>0</v>
      </c>
      <c r="JD34" s="123">
        <v>0</v>
      </c>
      <c r="JE34" s="124">
        <v>0</v>
      </c>
      <c r="JF34" s="159">
        <v>0</v>
      </c>
      <c r="JG34" s="122">
        <v>0</v>
      </c>
      <c r="JH34" s="158">
        <v>0</v>
      </c>
      <c r="JI34" s="121">
        <v>0</v>
      </c>
      <c r="JJ34" s="122">
        <v>50640</v>
      </c>
      <c r="JK34" s="122">
        <v>18843</v>
      </c>
      <c r="JL34" s="122">
        <v>0</v>
      </c>
      <c r="JM34" s="122">
        <v>0</v>
      </c>
      <c r="JN34" s="122">
        <v>0</v>
      </c>
      <c r="JO34" s="123">
        <v>69483</v>
      </c>
      <c r="JP34" s="357">
        <v>69483</v>
      </c>
      <c r="JQ34" s="159">
        <v>0</v>
      </c>
      <c r="JR34" s="122">
        <v>0</v>
      </c>
      <c r="JS34" s="158">
        <v>0</v>
      </c>
      <c r="JT34" s="121">
        <v>0</v>
      </c>
      <c r="JU34" s="122">
        <v>0</v>
      </c>
      <c r="JV34" s="122">
        <v>0</v>
      </c>
      <c r="JW34" s="122">
        <v>0</v>
      </c>
      <c r="JX34" s="122">
        <v>0</v>
      </c>
      <c r="JY34" s="122">
        <v>0</v>
      </c>
      <c r="JZ34" s="123">
        <v>0</v>
      </c>
      <c r="KA34" s="357">
        <v>0</v>
      </c>
      <c r="KB34" s="264">
        <v>0</v>
      </c>
      <c r="KC34" s="258">
        <v>0</v>
      </c>
      <c r="KD34" s="123">
        <v>0</v>
      </c>
      <c r="KE34" s="121">
        <v>0</v>
      </c>
      <c r="KF34" s="122">
        <v>0</v>
      </c>
      <c r="KG34" s="122">
        <v>0</v>
      </c>
      <c r="KH34" s="122">
        <v>0</v>
      </c>
      <c r="KI34" s="122">
        <v>0</v>
      </c>
      <c r="KJ34" s="122">
        <v>0</v>
      </c>
      <c r="KK34" s="123">
        <v>0</v>
      </c>
      <c r="KL34" s="160">
        <v>0</v>
      </c>
      <c r="KM34" s="261">
        <v>0</v>
      </c>
      <c r="KN34" s="268">
        <v>0</v>
      </c>
      <c r="KO34" s="269">
        <v>0</v>
      </c>
      <c r="KP34" s="157"/>
      <c r="KQ34" s="122">
        <v>0</v>
      </c>
      <c r="KR34" s="122">
        <v>0</v>
      </c>
      <c r="KS34" s="122">
        <v>0</v>
      </c>
      <c r="KT34" s="122">
        <v>0</v>
      </c>
      <c r="KU34" s="122">
        <v>0</v>
      </c>
      <c r="KV34" s="123">
        <v>0</v>
      </c>
      <c r="KW34" s="357">
        <v>0</v>
      </c>
      <c r="KX34" s="159">
        <v>0</v>
      </c>
      <c r="KY34" s="122">
        <v>0</v>
      </c>
      <c r="KZ34" s="123">
        <v>0</v>
      </c>
      <c r="LA34" s="162"/>
      <c r="LB34" s="122">
        <v>0</v>
      </c>
      <c r="LC34" s="122">
        <v>0</v>
      </c>
      <c r="LD34" s="122">
        <v>0</v>
      </c>
      <c r="LE34" s="122">
        <v>0</v>
      </c>
      <c r="LF34" s="122">
        <v>0</v>
      </c>
      <c r="LG34" s="123">
        <v>0</v>
      </c>
      <c r="LH34" s="124">
        <v>0</v>
      </c>
      <c r="LI34" s="159">
        <v>0</v>
      </c>
      <c r="LJ34" s="122">
        <v>0</v>
      </c>
      <c r="LK34" s="123">
        <v>0</v>
      </c>
      <c r="LL34" s="162"/>
      <c r="LM34" s="122">
        <v>0</v>
      </c>
      <c r="LN34" s="122">
        <v>0</v>
      </c>
      <c r="LO34" s="122">
        <v>0</v>
      </c>
      <c r="LP34" s="122">
        <v>194520</v>
      </c>
      <c r="LQ34" s="122">
        <v>0</v>
      </c>
      <c r="LR34" s="123">
        <v>194520</v>
      </c>
      <c r="LS34" s="357">
        <v>194520</v>
      </c>
      <c r="LT34" s="159">
        <v>0</v>
      </c>
      <c r="LU34" s="122">
        <v>0</v>
      </c>
      <c r="LV34" s="123">
        <v>0</v>
      </c>
      <c r="LW34" s="162"/>
      <c r="LX34" s="122">
        <v>0</v>
      </c>
      <c r="LY34" s="122">
        <v>0</v>
      </c>
      <c r="LZ34" s="122">
        <v>0</v>
      </c>
      <c r="MA34" s="122">
        <v>0</v>
      </c>
      <c r="MB34" s="122">
        <v>0</v>
      </c>
      <c r="MC34" s="123">
        <v>0</v>
      </c>
      <c r="MD34" s="124">
        <v>0</v>
      </c>
      <c r="ME34" s="159">
        <v>0</v>
      </c>
      <c r="MF34" s="122">
        <v>0</v>
      </c>
      <c r="MG34" s="123">
        <v>0</v>
      </c>
      <c r="MH34" s="162"/>
      <c r="MI34" s="122">
        <v>0</v>
      </c>
      <c r="MJ34" s="122">
        <v>195008</v>
      </c>
      <c r="MK34" s="122">
        <v>187152</v>
      </c>
      <c r="ML34" s="122">
        <v>213088</v>
      </c>
      <c r="MM34" s="122">
        <v>229744</v>
      </c>
      <c r="MN34" s="123">
        <v>824992</v>
      </c>
      <c r="MO34" s="160">
        <v>824992</v>
      </c>
      <c r="MP34" s="159">
        <v>0</v>
      </c>
      <c r="MQ34" s="122">
        <v>0</v>
      </c>
      <c r="MR34" s="123">
        <v>0</v>
      </c>
      <c r="MS34" s="162"/>
      <c r="MT34" s="122">
        <v>0</v>
      </c>
      <c r="MU34" s="122">
        <v>0</v>
      </c>
      <c r="MV34" s="122">
        <v>187152</v>
      </c>
      <c r="MW34" s="122">
        <v>213088</v>
      </c>
      <c r="MX34" s="122">
        <v>229744</v>
      </c>
      <c r="MY34" s="123">
        <v>629984</v>
      </c>
      <c r="MZ34" s="160">
        <v>629984</v>
      </c>
      <c r="NA34" s="159">
        <v>0</v>
      </c>
      <c r="NB34" s="122">
        <v>0</v>
      </c>
      <c r="NC34" s="123">
        <v>0</v>
      </c>
      <c r="ND34" s="162"/>
      <c r="NE34" s="122">
        <v>0</v>
      </c>
      <c r="NF34" s="122">
        <v>195008</v>
      </c>
      <c r="NG34" s="122">
        <v>0</v>
      </c>
      <c r="NH34" s="122">
        <v>0</v>
      </c>
      <c r="NI34" s="122">
        <v>0</v>
      </c>
      <c r="NJ34" s="123">
        <v>195008</v>
      </c>
      <c r="NK34" s="357">
        <v>195008</v>
      </c>
      <c r="NL34" s="159">
        <v>0</v>
      </c>
      <c r="NM34" s="122">
        <v>0</v>
      </c>
      <c r="NN34" s="123">
        <v>0</v>
      </c>
      <c r="NO34" s="162"/>
      <c r="NP34" s="122">
        <v>0</v>
      </c>
      <c r="NQ34" s="122">
        <v>0</v>
      </c>
      <c r="NR34" s="122">
        <v>0</v>
      </c>
      <c r="NS34" s="122">
        <v>0</v>
      </c>
      <c r="NT34" s="122">
        <v>0</v>
      </c>
      <c r="NU34" s="123">
        <v>0</v>
      </c>
      <c r="NV34" s="124">
        <v>0</v>
      </c>
      <c r="NW34" s="159">
        <v>0</v>
      </c>
      <c r="NX34" s="122">
        <v>0</v>
      </c>
      <c r="NY34" s="123">
        <v>0</v>
      </c>
      <c r="NZ34" s="162"/>
      <c r="OA34" s="122">
        <v>0</v>
      </c>
      <c r="OB34" s="122">
        <v>0</v>
      </c>
      <c r="OC34" s="122">
        <v>0</v>
      </c>
      <c r="OD34" s="122">
        <v>0</v>
      </c>
      <c r="OE34" s="122">
        <v>0</v>
      </c>
      <c r="OF34" s="123">
        <v>0</v>
      </c>
      <c r="OG34" s="124">
        <v>0</v>
      </c>
      <c r="OH34" s="159">
        <v>12000</v>
      </c>
      <c r="OI34" s="122">
        <v>17968</v>
      </c>
      <c r="OJ34" s="158">
        <v>29968</v>
      </c>
      <c r="OK34" s="121">
        <v>0</v>
      </c>
      <c r="OL34" s="122">
        <v>320656</v>
      </c>
      <c r="OM34" s="122">
        <v>617892</v>
      </c>
      <c r="ON34" s="122">
        <v>341724</v>
      </c>
      <c r="OO34" s="122">
        <v>689816</v>
      </c>
      <c r="OP34" s="122">
        <v>513150</v>
      </c>
      <c r="OQ34" s="123">
        <v>2483238</v>
      </c>
      <c r="OR34" s="160">
        <v>2513206</v>
      </c>
    </row>
    <row r="35" spans="1:408" ht="20.25" customHeight="1" x14ac:dyDescent="0.2">
      <c r="A35" s="129" t="s">
        <v>30</v>
      </c>
      <c r="B35" s="112">
        <v>7600</v>
      </c>
      <c r="C35" s="116">
        <v>24712</v>
      </c>
      <c r="D35" s="201">
        <v>32312</v>
      </c>
      <c r="E35" s="202">
        <v>0</v>
      </c>
      <c r="F35" s="203">
        <v>437046</v>
      </c>
      <c r="G35" s="203">
        <v>86610</v>
      </c>
      <c r="H35" s="203">
        <v>214541</v>
      </c>
      <c r="I35" s="203">
        <v>448273</v>
      </c>
      <c r="J35" s="203">
        <v>0</v>
      </c>
      <c r="K35" s="204">
        <v>1186470</v>
      </c>
      <c r="L35" s="118">
        <v>1218782</v>
      </c>
      <c r="M35" s="112">
        <v>0</v>
      </c>
      <c r="N35" s="116">
        <v>23912</v>
      </c>
      <c r="O35" s="115">
        <v>23912</v>
      </c>
      <c r="P35" s="112">
        <v>0</v>
      </c>
      <c r="Q35" s="116">
        <v>85086</v>
      </c>
      <c r="R35" s="116">
        <v>48202</v>
      </c>
      <c r="S35" s="116">
        <v>9432</v>
      </c>
      <c r="T35" s="116">
        <v>242265</v>
      </c>
      <c r="U35" s="116">
        <v>0</v>
      </c>
      <c r="V35" s="115">
        <v>384985</v>
      </c>
      <c r="W35" s="118">
        <v>408897</v>
      </c>
      <c r="X35" s="112">
        <v>0</v>
      </c>
      <c r="Y35" s="116">
        <v>0</v>
      </c>
      <c r="Z35" s="115">
        <v>0</v>
      </c>
      <c r="AA35" s="112">
        <v>0</v>
      </c>
      <c r="AB35" s="116">
        <v>40086</v>
      </c>
      <c r="AC35" s="116">
        <v>45914</v>
      </c>
      <c r="AD35" s="116">
        <v>9432</v>
      </c>
      <c r="AE35" s="116">
        <v>65016</v>
      </c>
      <c r="AF35" s="116">
        <v>0</v>
      </c>
      <c r="AG35" s="115">
        <v>160448</v>
      </c>
      <c r="AH35" s="118">
        <v>160448</v>
      </c>
      <c r="AI35" s="112">
        <v>0</v>
      </c>
      <c r="AJ35" s="116">
        <v>0</v>
      </c>
      <c r="AK35" s="115">
        <v>0</v>
      </c>
      <c r="AL35" s="112">
        <v>0</v>
      </c>
      <c r="AM35" s="116">
        <v>0</v>
      </c>
      <c r="AN35" s="116">
        <v>0</v>
      </c>
      <c r="AO35" s="116">
        <v>0</v>
      </c>
      <c r="AP35" s="116">
        <v>90161</v>
      </c>
      <c r="AQ35" s="116">
        <v>0</v>
      </c>
      <c r="AR35" s="115">
        <v>90161</v>
      </c>
      <c r="AS35" s="118">
        <v>90161</v>
      </c>
      <c r="AT35" s="112">
        <v>0</v>
      </c>
      <c r="AU35" s="116">
        <v>23912</v>
      </c>
      <c r="AV35" s="115">
        <v>23912</v>
      </c>
      <c r="AW35" s="112">
        <v>0</v>
      </c>
      <c r="AX35" s="116">
        <v>22224</v>
      </c>
      <c r="AY35" s="116">
        <v>0</v>
      </c>
      <c r="AZ35" s="116">
        <v>0</v>
      </c>
      <c r="BA35" s="116">
        <v>55872</v>
      </c>
      <c r="BB35" s="116">
        <v>0</v>
      </c>
      <c r="BC35" s="115">
        <v>78096</v>
      </c>
      <c r="BD35" s="118">
        <v>102008</v>
      </c>
      <c r="BE35" s="112">
        <v>0</v>
      </c>
      <c r="BF35" s="116">
        <v>0</v>
      </c>
      <c r="BG35" s="114">
        <v>0</v>
      </c>
      <c r="BH35" s="113">
        <v>0</v>
      </c>
      <c r="BI35" s="116">
        <v>0</v>
      </c>
      <c r="BJ35" s="116">
        <v>0</v>
      </c>
      <c r="BK35" s="116">
        <v>0</v>
      </c>
      <c r="BL35" s="116">
        <v>0</v>
      </c>
      <c r="BM35" s="116">
        <v>0</v>
      </c>
      <c r="BN35" s="115">
        <v>0</v>
      </c>
      <c r="BO35" s="118">
        <v>0</v>
      </c>
      <c r="BP35" s="112">
        <v>0</v>
      </c>
      <c r="BQ35" s="116">
        <v>0</v>
      </c>
      <c r="BR35" s="115">
        <v>0</v>
      </c>
      <c r="BS35" s="112">
        <v>0</v>
      </c>
      <c r="BT35" s="116">
        <v>22776</v>
      </c>
      <c r="BU35" s="116">
        <v>2288</v>
      </c>
      <c r="BV35" s="116">
        <v>0</v>
      </c>
      <c r="BW35" s="116">
        <v>31216</v>
      </c>
      <c r="BX35" s="116">
        <v>0</v>
      </c>
      <c r="BY35" s="115">
        <v>56280</v>
      </c>
      <c r="BZ35" s="118">
        <v>56280</v>
      </c>
      <c r="CA35" s="112">
        <v>0</v>
      </c>
      <c r="CB35" s="116">
        <v>0</v>
      </c>
      <c r="CC35" s="115">
        <v>0</v>
      </c>
      <c r="CD35" s="112">
        <v>0</v>
      </c>
      <c r="CE35" s="116">
        <v>0</v>
      </c>
      <c r="CF35" s="116">
        <v>0</v>
      </c>
      <c r="CG35" s="116">
        <v>0</v>
      </c>
      <c r="CH35" s="116">
        <v>95816</v>
      </c>
      <c r="CI35" s="116">
        <v>0</v>
      </c>
      <c r="CJ35" s="115">
        <v>95816</v>
      </c>
      <c r="CK35" s="118">
        <v>95816</v>
      </c>
      <c r="CL35" s="112">
        <v>0</v>
      </c>
      <c r="CM35" s="116">
        <v>0</v>
      </c>
      <c r="CN35" s="115">
        <v>0</v>
      </c>
      <c r="CO35" s="113">
        <v>0</v>
      </c>
      <c r="CP35" s="116">
        <v>0</v>
      </c>
      <c r="CQ35" s="116">
        <v>0</v>
      </c>
      <c r="CR35" s="116">
        <v>0</v>
      </c>
      <c r="CS35" s="116">
        <v>95816</v>
      </c>
      <c r="CT35" s="116">
        <v>0</v>
      </c>
      <c r="CU35" s="115">
        <v>95816</v>
      </c>
      <c r="CV35" s="118">
        <v>95816</v>
      </c>
      <c r="CW35" s="112">
        <v>0</v>
      </c>
      <c r="CX35" s="116">
        <v>0</v>
      </c>
      <c r="CY35" s="115">
        <v>0</v>
      </c>
      <c r="CZ35" s="112">
        <v>0</v>
      </c>
      <c r="DA35" s="116">
        <v>0</v>
      </c>
      <c r="DB35" s="116">
        <v>0</v>
      </c>
      <c r="DC35" s="116">
        <v>0</v>
      </c>
      <c r="DD35" s="116">
        <v>0</v>
      </c>
      <c r="DE35" s="116">
        <v>0</v>
      </c>
      <c r="DF35" s="115">
        <v>0</v>
      </c>
      <c r="DG35" s="118">
        <v>0</v>
      </c>
      <c r="DH35" s="112">
        <v>0</v>
      </c>
      <c r="DI35" s="116">
        <v>0</v>
      </c>
      <c r="DJ35" s="114">
        <v>0</v>
      </c>
      <c r="DK35" s="113">
        <v>0</v>
      </c>
      <c r="DL35" s="116">
        <v>59604</v>
      </c>
      <c r="DM35" s="116">
        <v>24808</v>
      </c>
      <c r="DN35" s="116">
        <v>183189</v>
      </c>
      <c r="DO35" s="116">
        <v>66000</v>
      </c>
      <c r="DP35" s="116">
        <v>0</v>
      </c>
      <c r="DQ35" s="115">
        <v>333601</v>
      </c>
      <c r="DR35" s="118">
        <v>333601</v>
      </c>
      <c r="DS35" s="112">
        <v>0</v>
      </c>
      <c r="DT35" s="116">
        <v>0</v>
      </c>
      <c r="DU35" s="115">
        <v>0</v>
      </c>
      <c r="DV35" s="112">
        <v>0</v>
      </c>
      <c r="DW35" s="116">
        <v>59604</v>
      </c>
      <c r="DX35" s="116">
        <v>24808</v>
      </c>
      <c r="DY35" s="116">
        <v>183189</v>
      </c>
      <c r="DZ35" s="116">
        <v>66000</v>
      </c>
      <c r="EA35" s="116">
        <v>0</v>
      </c>
      <c r="EB35" s="115">
        <v>333601</v>
      </c>
      <c r="EC35" s="118">
        <v>333601</v>
      </c>
      <c r="ED35" s="112">
        <v>0</v>
      </c>
      <c r="EE35" s="114">
        <v>0</v>
      </c>
      <c r="EF35" s="115">
        <v>0</v>
      </c>
      <c r="EG35" s="112">
        <v>0</v>
      </c>
      <c r="EH35" s="116">
        <v>0</v>
      </c>
      <c r="EI35" s="116">
        <v>0</v>
      </c>
      <c r="EJ35" s="116">
        <v>0</v>
      </c>
      <c r="EK35" s="116">
        <v>0</v>
      </c>
      <c r="EL35" s="116">
        <v>0</v>
      </c>
      <c r="EM35" s="114">
        <v>0</v>
      </c>
      <c r="EN35" s="118">
        <v>0</v>
      </c>
      <c r="EO35" s="112">
        <v>0</v>
      </c>
      <c r="EP35" s="116">
        <v>0</v>
      </c>
      <c r="EQ35" s="114">
        <v>0</v>
      </c>
      <c r="ER35" s="113">
        <v>0</v>
      </c>
      <c r="ES35" s="116">
        <v>0</v>
      </c>
      <c r="ET35" s="116">
        <v>0</v>
      </c>
      <c r="EU35" s="116">
        <v>0</v>
      </c>
      <c r="EV35" s="116">
        <v>0</v>
      </c>
      <c r="EW35" s="116">
        <v>0</v>
      </c>
      <c r="EX35" s="115">
        <v>0</v>
      </c>
      <c r="EY35" s="118">
        <v>0</v>
      </c>
      <c r="EZ35" s="112">
        <v>0</v>
      </c>
      <c r="FA35" s="116">
        <v>0</v>
      </c>
      <c r="FB35" s="114">
        <v>0</v>
      </c>
      <c r="FC35" s="390"/>
      <c r="FD35" s="116">
        <v>0</v>
      </c>
      <c r="FE35" s="116">
        <v>0</v>
      </c>
      <c r="FF35" s="116">
        <v>0</v>
      </c>
      <c r="FG35" s="116">
        <v>0</v>
      </c>
      <c r="FH35" s="116">
        <v>0</v>
      </c>
      <c r="FI35" s="115">
        <v>0</v>
      </c>
      <c r="FJ35" s="118">
        <v>0</v>
      </c>
      <c r="FK35" s="112">
        <v>7600</v>
      </c>
      <c r="FL35" s="116">
        <v>800</v>
      </c>
      <c r="FM35" s="115">
        <v>8400</v>
      </c>
      <c r="FN35" s="112">
        <v>0</v>
      </c>
      <c r="FO35" s="116">
        <v>6240</v>
      </c>
      <c r="FP35" s="116">
        <v>13600</v>
      </c>
      <c r="FQ35" s="116">
        <v>21920</v>
      </c>
      <c r="FR35" s="116">
        <v>44192</v>
      </c>
      <c r="FS35" s="116">
        <v>0</v>
      </c>
      <c r="FT35" s="115">
        <v>85952</v>
      </c>
      <c r="FU35" s="118">
        <v>94352</v>
      </c>
      <c r="FV35" s="117">
        <v>7600</v>
      </c>
      <c r="FW35" s="116">
        <v>800</v>
      </c>
      <c r="FX35" s="114">
        <v>8400</v>
      </c>
      <c r="FY35" s="113">
        <v>0</v>
      </c>
      <c r="FZ35" s="116">
        <v>6240</v>
      </c>
      <c r="GA35" s="116">
        <v>13600</v>
      </c>
      <c r="GB35" s="116">
        <v>21920</v>
      </c>
      <c r="GC35" s="116">
        <v>44192</v>
      </c>
      <c r="GD35" s="116">
        <v>0</v>
      </c>
      <c r="GE35" s="115">
        <v>85952</v>
      </c>
      <c r="GF35" s="354">
        <v>94352</v>
      </c>
      <c r="GG35" s="117">
        <v>0</v>
      </c>
      <c r="GH35" s="116">
        <v>0</v>
      </c>
      <c r="GI35" s="114">
        <v>0</v>
      </c>
      <c r="GJ35" s="113">
        <v>0</v>
      </c>
      <c r="GK35" s="116">
        <v>0</v>
      </c>
      <c r="GL35" s="116">
        <v>0</v>
      </c>
      <c r="GM35" s="116">
        <v>0</v>
      </c>
      <c r="GN35" s="116">
        <v>0</v>
      </c>
      <c r="GO35" s="116">
        <v>0</v>
      </c>
      <c r="GP35" s="115">
        <v>0</v>
      </c>
      <c r="GQ35" s="118">
        <v>0</v>
      </c>
      <c r="GR35" s="112">
        <v>0</v>
      </c>
      <c r="GS35" s="116">
        <v>0</v>
      </c>
      <c r="GT35" s="115">
        <v>0</v>
      </c>
      <c r="GU35" s="112">
        <v>0</v>
      </c>
      <c r="GV35" s="116">
        <v>0</v>
      </c>
      <c r="GW35" s="116">
        <v>0</v>
      </c>
      <c r="GX35" s="116">
        <v>0</v>
      </c>
      <c r="GY35" s="116">
        <v>0</v>
      </c>
      <c r="GZ35" s="116">
        <v>0</v>
      </c>
      <c r="HA35" s="114">
        <v>0</v>
      </c>
      <c r="HB35" s="118">
        <v>0</v>
      </c>
      <c r="HC35" s="112">
        <v>0</v>
      </c>
      <c r="HD35" s="116">
        <v>0</v>
      </c>
      <c r="HE35" s="114">
        <v>0</v>
      </c>
      <c r="HF35" s="113">
        <v>0</v>
      </c>
      <c r="HG35" s="116">
        <v>286116</v>
      </c>
      <c r="HH35" s="116">
        <v>0</v>
      </c>
      <c r="HI35" s="116">
        <v>0</v>
      </c>
      <c r="HJ35" s="116">
        <v>0</v>
      </c>
      <c r="HK35" s="116">
        <v>0</v>
      </c>
      <c r="HL35" s="115">
        <v>286116</v>
      </c>
      <c r="HM35" s="111">
        <v>286116</v>
      </c>
      <c r="HN35" s="370"/>
      <c r="HO35" s="371"/>
      <c r="HP35" s="372"/>
      <c r="HQ35" s="373"/>
      <c r="HR35" s="371"/>
      <c r="HS35" s="371"/>
      <c r="HT35" s="371"/>
      <c r="HU35" s="371"/>
      <c r="HV35" s="371"/>
      <c r="HW35" s="374"/>
      <c r="HX35" s="375"/>
      <c r="HY35" s="148">
        <v>25674</v>
      </c>
      <c r="HZ35" s="149">
        <v>0</v>
      </c>
      <c r="IA35" s="150">
        <v>25674</v>
      </c>
      <c r="IB35" s="163">
        <v>0</v>
      </c>
      <c r="IC35" s="149">
        <v>0</v>
      </c>
      <c r="ID35" s="164">
        <v>279528</v>
      </c>
      <c r="IE35" s="150">
        <v>0</v>
      </c>
      <c r="IF35" s="149">
        <v>0</v>
      </c>
      <c r="IG35" s="150">
        <v>0</v>
      </c>
      <c r="IH35" s="165">
        <v>279528</v>
      </c>
      <c r="II35" s="156">
        <v>305202</v>
      </c>
      <c r="IJ35" s="261">
        <v>0</v>
      </c>
      <c r="IK35" s="268">
        <v>0</v>
      </c>
      <c r="IL35" s="269">
        <v>0</v>
      </c>
      <c r="IM35" s="157"/>
      <c r="IN35" s="122">
        <v>0</v>
      </c>
      <c r="IO35" s="122">
        <v>0</v>
      </c>
      <c r="IP35" s="122">
        <v>0</v>
      </c>
      <c r="IQ35" s="122">
        <v>0</v>
      </c>
      <c r="IR35" s="122">
        <v>0</v>
      </c>
      <c r="IS35" s="158">
        <v>0</v>
      </c>
      <c r="IT35" s="357">
        <v>0</v>
      </c>
      <c r="IU35" s="159">
        <v>0</v>
      </c>
      <c r="IV35" s="122">
        <v>0</v>
      </c>
      <c r="IW35" s="123">
        <v>0</v>
      </c>
      <c r="IX35" s="161"/>
      <c r="IY35" s="122">
        <v>0</v>
      </c>
      <c r="IZ35" s="122">
        <v>0</v>
      </c>
      <c r="JA35" s="122">
        <v>0</v>
      </c>
      <c r="JB35" s="122">
        <v>0</v>
      </c>
      <c r="JC35" s="122">
        <v>0</v>
      </c>
      <c r="JD35" s="123">
        <v>0</v>
      </c>
      <c r="JE35" s="124">
        <v>0</v>
      </c>
      <c r="JF35" s="159">
        <v>0</v>
      </c>
      <c r="JG35" s="122">
        <v>0</v>
      </c>
      <c r="JH35" s="158">
        <v>0</v>
      </c>
      <c r="JI35" s="121">
        <v>0</v>
      </c>
      <c r="JJ35" s="122">
        <v>0</v>
      </c>
      <c r="JK35" s="122">
        <v>100328</v>
      </c>
      <c r="JL35" s="122">
        <v>0</v>
      </c>
      <c r="JM35" s="122">
        <v>0</v>
      </c>
      <c r="JN35" s="122">
        <v>0</v>
      </c>
      <c r="JO35" s="123">
        <v>100328</v>
      </c>
      <c r="JP35" s="357">
        <v>100328</v>
      </c>
      <c r="JQ35" s="159">
        <v>25674</v>
      </c>
      <c r="JR35" s="122">
        <v>0</v>
      </c>
      <c r="JS35" s="158">
        <v>25674</v>
      </c>
      <c r="JT35" s="121">
        <v>0</v>
      </c>
      <c r="JU35" s="122">
        <v>0</v>
      </c>
      <c r="JV35" s="122">
        <v>0</v>
      </c>
      <c r="JW35" s="122">
        <v>0</v>
      </c>
      <c r="JX35" s="122">
        <v>0</v>
      </c>
      <c r="JY35" s="122">
        <v>0</v>
      </c>
      <c r="JZ35" s="123">
        <v>0</v>
      </c>
      <c r="KA35" s="357">
        <v>25674</v>
      </c>
      <c r="KB35" s="264">
        <v>0</v>
      </c>
      <c r="KC35" s="258">
        <v>0</v>
      </c>
      <c r="KD35" s="123">
        <v>0</v>
      </c>
      <c r="KE35" s="121">
        <v>0</v>
      </c>
      <c r="KF35" s="122">
        <v>0</v>
      </c>
      <c r="KG35" s="122">
        <v>0</v>
      </c>
      <c r="KH35" s="122">
        <v>0</v>
      </c>
      <c r="KI35" s="122">
        <v>0</v>
      </c>
      <c r="KJ35" s="122">
        <v>0</v>
      </c>
      <c r="KK35" s="123">
        <v>0</v>
      </c>
      <c r="KL35" s="160">
        <v>0</v>
      </c>
      <c r="KM35" s="261">
        <v>0</v>
      </c>
      <c r="KN35" s="268">
        <v>0</v>
      </c>
      <c r="KO35" s="269">
        <v>0</v>
      </c>
      <c r="KP35" s="157"/>
      <c r="KQ35" s="122">
        <v>0</v>
      </c>
      <c r="KR35" s="122">
        <v>179200</v>
      </c>
      <c r="KS35" s="122">
        <v>0</v>
      </c>
      <c r="KT35" s="122">
        <v>0</v>
      </c>
      <c r="KU35" s="122">
        <v>0</v>
      </c>
      <c r="KV35" s="123">
        <v>179200</v>
      </c>
      <c r="KW35" s="357">
        <v>179200</v>
      </c>
      <c r="KX35" s="159">
        <v>0</v>
      </c>
      <c r="KY35" s="122">
        <v>0</v>
      </c>
      <c r="KZ35" s="123">
        <v>0</v>
      </c>
      <c r="LA35" s="162"/>
      <c r="LB35" s="122">
        <v>0</v>
      </c>
      <c r="LC35" s="122">
        <v>0</v>
      </c>
      <c r="LD35" s="122">
        <v>0</v>
      </c>
      <c r="LE35" s="122">
        <v>0</v>
      </c>
      <c r="LF35" s="122">
        <v>0</v>
      </c>
      <c r="LG35" s="123">
        <v>0</v>
      </c>
      <c r="LH35" s="124">
        <v>0</v>
      </c>
      <c r="LI35" s="159">
        <v>0</v>
      </c>
      <c r="LJ35" s="122">
        <v>0</v>
      </c>
      <c r="LK35" s="123">
        <v>0</v>
      </c>
      <c r="LL35" s="162"/>
      <c r="LM35" s="122">
        <v>0</v>
      </c>
      <c r="LN35" s="122">
        <v>0</v>
      </c>
      <c r="LO35" s="122">
        <v>0</v>
      </c>
      <c r="LP35" s="122">
        <v>0</v>
      </c>
      <c r="LQ35" s="122">
        <v>0</v>
      </c>
      <c r="LR35" s="123">
        <v>0</v>
      </c>
      <c r="LS35" s="357">
        <v>0</v>
      </c>
      <c r="LT35" s="159">
        <v>0</v>
      </c>
      <c r="LU35" s="122">
        <v>0</v>
      </c>
      <c r="LV35" s="123">
        <v>0</v>
      </c>
      <c r="LW35" s="162"/>
      <c r="LX35" s="122">
        <v>0</v>
      </c>
      <c r="LY35" s="122">
        <v>0</v>
      </c>
      <c r="LZ35" s="122">
        <v>0</v>
      </c>
      <c r="MA35" s="122">
        <v>0</v>
      </c>
      <c r="MB35" s="122">
        <v>0</v>
      </c>
      <c r="MC35" s="123">
        <v>0</v>
      </c>
      <c r="MD35" s="124">
        <v>0</v>
      </c>
      <c r="ME35" s="159">
        <v>0</v>
      </c>
      <c r="MF35" s="122">
        <v>0</v>
      </c>
      <c r="MG35" s="123">
        <v>0</v>
      </c>
      <c r="MH35" s="162"/>
      <c r="MI35" s="122">
        <v>184368</v>
      </c>
      <c r="MJ35" s="122">
        <v>0</v>
      </c>
      <c r="MK35" s="122">
        <v>471486</v>
      </c>
      <c r="ML35" s="122">
        <v>1154380</v>
      </c>
      <c r="MM35" s="122">
        <v>368276</v>
      </c>
      <c r="MN35" s="123">
        <v>2178510</v>
      </c>
      <c r="MO35" s="160">
        <v>2178510</v>
      </c>
      <c r="MP35" s="159">
        <v>0</v>
      </c>
      <c r="MQ35" s="122">
        <v>0</v>
      </c>
      <c r="MR35" s="123">
        <v>0</v>
      </c>
      <c r="MS35" s="162"/>
      <c r="MT35" s="122">
        <v>0</v>
      </c>
      <c r="MU35" s="122">
        <v>0</v>
      </c>
      <c r="MV35" s="122">
        <v>0</v>
      </c>
      <c r="MW35" s="122">
        <v>643744</v>
      </c>
      <c r="MX35" s="122">
        <v>0</v>
      </c>
      <c r="MY35" s="123">
        <v>643744</v>
      </c>
      <c r="MZ35" s="160">
        <v>643744</v>
      </c>
      <c r="NA35" s="159">
        <v>0</v>
      </c>
      <c r="NB35" s="122">
        <v>0</v>
      </c>
      <c r="NC35" s="123">
        <v>0</v>
      </c>
      <c r="ND35" s="162"/>
      <c r="NE35" s="122">
        <v>184368</v>
      </c>
      <c r="NF35" s="122">
        <v>0</v>
      </c>
      <c r="NG35" s="122">
        <v>471486</v>
      </c>
      <c r="NH35" s="122">
        <v>510636</v>
      </c>
      <c r="NI35" s="122">
        <v>0</v>
      </c>
      <c r="NJ35" s="123">
        <v>1166490</v>
      </c>
      <c r="NK35" s="357">
        <v>1166490</v>
      </c>
      <c r="NL35" s="159">
        <v>0</v>
      </c>
      <c r="NM35" s="122">
        <v>0</v>
      </c>
      <c r="NN35" s="123">
        <v>0</v>
      </c>
      <c r="NO35" s="162"/>
      <c r="NP35" s="122">
        <v>0</v>
      </c>
      <c r="NQ35" s="122">
        <v>0</v>
      </c>
      <c r="NR35" s="122">
        <v>0</v>
      </c>
      <c r="NS35" s="122">
        <v>0</v>
      </c>
      <c r="NT35" s="122">
        <v>0</v>
      </c>
      <c r="NU35" s="123">
        <v>0</v>
      </c>
      <c r="NV35" s="124">
        <v>0</v>
      </c>
      <c r="NW35" s="159">
        <v>0</v>
      </c>
      <c r="NX35" s="122">
        <v>0</v>
      </c>
      <c r="NY35" s="123">
        <v>0</v>
      </c>
      <c r="NZ35" s="162"/>
      <c r="OA35" s="122">
        <v>0</v>
      </c>
      <c r="OB35" s="122">
        <v>0</v>
      </c>
      <c r="OC35" s="122">
        <v>0</v>
      </c>
      <c r="OD35" s="122">
        <v>0</v>
      </c>
      <c r="OE35" s="122">
        <v>368276</v>
      </c>
      <c r="OF35" s="123">
        <v>368276</v>
      </c>
      <c r="OG35" s="124">
        <v>368276</v>
      </c>
      <c r="OH35" s="159">
        <v>33274</v>
      </c>
      <c r="OI35" s="122">
        <v>24712</v>
      </c>
      <c r="OJ35" s="158">
        <v>57986</v>
      </c>
      <c r="OK35" s="121">
        <v>0</v>
      </c>
      <c r="OL35" s="122">
        <v>621414</v>
      </c>
      <c r="OM35" s="122">
        <v>366138</v>
      </c>
      <c r="ON35" s="122">
        <v>686027</v>
      </c>
      <c r="OO35" s="122">
        <v>1602653</v>
      </c>
      <c r="OP35" s="122">
        <v>368276</v>
      </c>
      <c r="OQ35" s="123">
        <v>3644508</v>
      </c>
      <c r="OR35" s="160">
        <v>3702494</v>
      </c>
    </row>
    <row r="36" spans="1:408" ht="20.25" customHeight="1" x14ac:dyDescent="0.2">
      <c r="A36" s="129" t="s">
        <v>31</v>
      </c>
      <c r="B36" s="112">
        <v>7824</v>
      </c>
      <c r="C36" s="116">
        <v>3600</v>
      </c>
      <c r="D36" s="115">
        <v>11424</v>
      </c>
      <c r="E36" s="111">
        <v>0</v>
      </c>
      <c r="F36" s="116">
        <v>203093</v>
      </c>
      <c r="G36" s="116">
        <v>625536</v>
      </c>
      <c r="H36" s="116">
        <v>182839</v>
      </c>
      <c r="I36" s="116">
        <v>8776</v>
      </c>
      <c r="J36" s="116">
        <v>0</v>
      </c>
      <c r="K36" s="200">
        <v>1020244</v>
      </c>
      <c r="L36" s="118">
        <v>1031668</v>
      </c>
      <c r="M36" s="112">
        <v>0</v>
      </c>
      <c r="N36" s="116">
        <v>0</v>
      </c>
      <c r="O36" s="115">
        <v>0</v>
      </c>
      <c r="P36" s="112">
        <v>0</v>
      </c>
      <c r="Q36" s="116">
        <v>154496</v>
      </c>
      <c r="R36" s="116">
        <v>124312</v>
      </c>
      <c r="S36" s="116">
        <v>11703</v>
      </c>
      <c r="T36" s="116">
        <v>5456</v>
      </c>
      <c r="U36" s="116">
        <v>0</v>
      </c>
      <c r="V36" s="115">
        <v>295967</v>
      </c>
      <c r="W36" s="118">
        <v>295967</v>
      </c>
      <c r="X36" s="112">
        <v>0</v>
      </c>
      <c r="Y36" s="116">
        <v>0</v>
      </c>
      <c r="Z36" s="115">
        <v>0</v>
      </c>
      <c r="AA36" s="112">
        <v>0</v>
      </c>
      <c r="AB36" s="116">
        <v>57864</v>
      </c>
      <c r="AC36" s="116">
        <v>0</v>
      </c>
      <c r="AD36" s="116">
        <v>7575</v>
      </c>
      <c r="AE36" s="116">
        <v>0</v>
      </c>
      <c r="AF36" s="116">
        <v>0</v>
      </c>
      <c r="AG36" s="115">
        <v>65439</v>
      </c>
      <c r="AH36" s="118">
        <v>65439</v>
      </c>
      <c r="AI36" s="112">
        <v>0</v>
      </c>
      <c r="AJ36" s="116">
        <v>0</v>
      </c>
      <c r="AK36" s="115">
        <v>0</v>
      </c>
      <c r="AL36" s="112">
        <v>0</v>
      </c>
      <c r="AM36" s="116">
        <v>0</v>
      </c>
      <c r="AN36" s="116">
        <v>43264</v>
      </c>
      <c r="AO36" s="116">
        <v>0</v>
      </c>
      <c r="AP36" s="116">
        <v>0</v>
      </c>
      <c r="AQ36" s="116">
        <v>0</v>
      </c>
      <c r="AR36" s="115">
        <v>43264</v>
      </c>
      <c r="AS36" s="118">
        <v>43264</v>
      </c>
      <c r="AT36" s="112">
        <v>0</v>
      </c>
      <c r="AU36" s="116">
        <v>0</v>
      </c>
      <c r="AV36" s="115">
        <v>0</v>
      </c>
      <c r="AW36" s="112">
        <v>0</v>
      </c>
      <c r="AX36" s="116">
        <v>62080</v>
      </c>
      <c r="AY36" s="116">
        <v>0</v>
      </c>
      <c r="AZ36" s="116">
        <v>0</v>
      </c>
      <c r="BA36" s="116">
        <v>0</v>
      </c>
      <c r="BB36" s="116">
        <v>0</v>
      </c>
      <c r="BC36" s="115">
        <v>62080</v>
      </c>
      <c r="BD36" s="118">
        <v>62080</v>
      </c>
      <c r="BE36" s="112">
        <v>0</v>
      </c>
      <c r="BF36" s="116">
        <v>0</v>
      </c>
      <c r="BG36" s="114">
        <v>0</v>
      </c>
      <c r="BH36" s="113">
        <v>0</v>
      </c>
      <c r="BI36" s="116">
        <v>0</v>
      </c>
      <c r="BJ36" s="116">
        <v>81048</v>
      </c>
      <c r="BK36" s="116">
        <v>0</v>
      </c>
      <c r="BL36" s="116">
        <v>0</v>
      </c>
      <c r="BM36" s="116">
        <v>0</v>
      </c>
      <c r="BN36" s="115">
        <v>81048</v>
      </c>
      <c r="BO36" s="118">
        <v>81048</v>
      </c>
      <c r="BP36" s="112">
        <v>0</v>
      </c>
      <c r="BQ36" s="116">
        <v>0</v>
      </c>
      <c r="BR36" s="115">
        <v>0</v>
      </c>
      <c r="BS36" s="112">
        <v>0</v>
      </c>
      <c r="BT36" s="116">
        <v>34552</v>
      </c>
      <c r="BU36" s="116">
        <v>0</v>
      </c>
      <c r="BV36" s="116">
        <v>4128</v>
      </c>
      <c r="BW36" s="116">
        <v>5456</v>
      </c>
      <c r="BX36" s="116">
        <v>0</v>
      </c>
      <c r="BY36" s="115">
        <v>44136</v>
      </c>
      <c r="BZ36" s="118">
        <v>44136</v>
      </c>
      <c r="CA36" s="112">
        <v>0</v>
      </c>
      <c r="CB36" s="116">
        <v>0</v>
      </c>
      <c r="CC36" s="115">
        <v>0</v>
      </c>
      <c r="CD36" s="112">
        <v>0</v>
      </c>
      <c r="CE36" s="116">
        <v>42357</v>
      </c>
      <c r="CF36" s="116">
        <v>275160</v>
      </c>
      <c r="CG36" s="116">
        <v>48176</v>
      </c>
      <c r="CH36" s="116">
        <v>0</v>
      </c>
      <c r="CI36" s="116">
        <v>0</v>
      </c>
      <c r="CJ36" s="115">
        <v>365693</v>
      </c>
      <c r="CK36" s="118">
        <v>365693</v>
      </c>
      <c r="CL36" s="112">
        <v>0</v>
      </c>
      <c r="CM36" s="116">
        <v>0</v>
      </c>
      <c r="CN36" s="115">
        <v>0</v>
      </c>
      <c r="CO36" s="113">
        <v>0</v>
      </c>
      <c r="CP36" s="116">
        <v>42357</v>
      </c>
      <c r="CQ36" s="116">
        <v>172282</v>
      </c>
      <c r="CR36" s="116">
        <v>21017</v>
      </c>
      <c r="CS36" s="116">
        <v>0</v>
      </c>
      <c r="CT36" s="116">
        <v>0</v>
      </c>
      <c r="CU36" s="115">
        <v>235656</v>
      </c>
      <c r="CV36" s="118">
        <v>235656</v>
      </c>
      <c r="CW36" s="112">
        <v>0</v>
      </c>
      <c r="CX36" s="116">
        <v>0</v>
      </c>
      <c r="CY36" s="115">
        <v>0</v>
      </c>
      <c r="CZ36" s="112">
        <v>0</v>
      </c>
      <c r="DA36" s="116">
        <v>0</v>
      </c>
      <c r="DB36" s="116">
        <v>102878</v>
      </c>
      <c r="DC36" s="116">
        <v>27159</v>
      </c>
      <c r="DD36" s="116">
        <v>0</v>
      </c>
      <c r="DE36" s="116">
        <v>0</v>
      </c>
      <c r="DF36" s="115">
        <v>130037</v>
      </c>
      <c r="DG36" s="118">
        <v>130037</v>
      </c>
      <c r="DH36" s="112">
        <v>0</v>
      </c>
      <c r="DI36" s="116">
        <v>0</v>
      </c>
      <c r="DJ36" s="114">
        <v>0</v>
      </c>
      <c r="DK36" s="113">
        <v>0</v>
      </c>
      <c r="DL36" s="116">
        <v>0</v>
      </c>
      <c r="DM36" s="116">
        <v>0</v>
      </c>
      <c r="DN36" s="116">
        <v>0</v>
      </c>
      <c r="DO36" s="116">
        <v>0</v>
      </c>
      <c r="DP36" s="116">
        <v>0</v>
      </c>
      <c r="DQ36" s="115">
        <v>0</v>
      </c>
      <c r="DR36" s="118">
        <v>0</v>
      </c>
      <c r="DS36" s="112">
        <v>0</v>
      </c>
      <c r="DT36" s="116">
        <v>0</v>
      </c>
      <c r="DU36" s="115">
        <v>0</v>
      </c>
      <c r="DV36" s="112">
        <v>0</v>
      </c>
      <c r="DW36" s="116">
        <v>0</v>
      </c>
      <c r="DX36" s="116">
        <v>0</v>
      </c>
      <c r="DY36" s="116">
        <v>0</v>
      </c>
      <c r="DZ36" s="116">
        <v>0</v>
      </c>
      <c r="EA36" s="116">
        <v>0</v>
      </c>
      <c r="EB36" s="115">
        <v>0</v>
      </c>
      <c r="EC36" s="118">
        <v>0</v>
      </c>
      <c r="ED36" s="112">
        <v>0</v>
      </c>
      <c r="EE36" s="114">
        <v>0</v>
      </c>
      <c r="EF36" s="115">
        <v>0</v>
      </c>
      <c r="EG36" s="112">
        <v>0</v>
      </c>
      <c r="EH36" s="116">
        <v>0</v>
      </c>
      <c r="EI36" s="116">
        <v>0</v>
      </c>
      <c r="EJ36" s="116">
        <v>0</v>
      </c>
      <c r="EK36" s="116">
        <v>0</v>
      </c>
      <c r="EL36" s="116">
        <v>0</v>
      </c>
      <c r="EM36" s="114">
        <v>0</v>
      </c>
      <c r="EN36" s="118">
        <v>0</v>
      </c>
      <c r="EO36" s="112">
        <v>0</v>
      </c>
      <c r="EP36" s="116">
        <v>0</v>
      </c>
      <c r="EQ36" s="114">
        <v>0</v>
      </c>
      <c r="ER36" s="113">
        <v>0</v>
      </c>
      <c r="ES36" s="116">
        <v>0</v>
      </c>
      <c r="ET36" s="116">
        <v>0</v>
      </c>
      <c r="EU36" s="116">
        <v>0</v>
      </c>
      <c r="EV36" s="116">
        <v>0</v>
      </c>
      <c r="EW36" s="116">
        <v>0</v>
      </c>
      <c r="EX36" s="115">
        <v>0</v>
      </c>
      <c r="EY36" s="118">
        <v>0</v>
      </c>
      <c r="EZ36" s="112">
        <v>0</v>
      </c>
      <c r="FA36" s="116">
        <v>0</v>
      </c>
      <c r="FB36" s="114">
        <v>0</v>
      </c>
      <c r="FC36" s="390"/>
      <c r="FD36" s="116">
        <v>0</v>
      </c>
      <c r="FE36" s="116">
        <v>0</v>
      </c>
      <c r="FF36" s="116">
        <v>0</v>
      </c>
      <c r="FG36" s="116">
        <v>0</v>
      </c>
      <c r="FH36" s="116">
        <v>0</v>
      </c>
      <c r="FI36" s="115">
        <v>0</v>
      </c>
      <c r="FJ36" s="118">
        <v>0</v>
      </c>
      <c r="FK36" s="112">
        <v>7824</v>
      </c>
      <c r="FL36" s="116">
        <v>3600</v>
      </c>
      <c r="FM36" s="115">
        <v>11424</v>
      </c>
      <c r="FN36" s="112">
        <v>0</v>
      </c>
      <c r="FO36" s="116">
        <v>6240</v>
      </c>
      <c r="FP36" s="116">
        <v>73432</v>
      </c>
      <c r="FQ36" s="116">
        <v>122960</v>
      </c>
      <c r="FR36" s="116">
        <v>3320</v>
      </c>
      <c r="FS36" s="116">
        <v>0</v>
      </c>
      <c r="FT36" s="115">
        <v>205952</v>
      </c>
      <c r="FU36" s="118">
        <v>217376</v>
      </c>
      <c r="FV36" s="117">
        <v>7824</v>
      </c>
      <c r="FW36" s="116">
        <v>3600</v>
      </c>
      <c r="FX36" s="114">
        <v>11424</v>
      </c>
      <c r="FY36" s="113">
        <v>0</v>
      </c>
      <c r="FZ36" s="116">
        <v>6240</v>
      </c>
      <c r="GA36" s="116">
        <v>73432</v>
      </c>
      <c r="GB36" s="116">
        <v>15600</v>
      </c>
      <c r="GC36" s="116">
        <v>3320</v>
      </c>
      <c r="GD36" s="116">
        <v>0</v>
      </c>
      <c r="GE36" s="115">
        <v>98592</v>
      </c>
      <c r="GF36" s="354">
        <v>110016</v>
      </c>
      <c r="GG36" s="117">
        <v>0</v>
      </c>
      <c r="GH36" s="116">
        <v>0</v>
      </c>
      <c r="GI36" s="114">
        <v>0</v>
      </c>
      <c r="GJ36" s="113">
        <v>0</v>
      </c>
      <c r="GK36" s="116">
        <v>0</v>
      </c>
      <c r="GL36" s="116">
        <v>0</v>
      </c>
      <c r="GM36" s="116">
        <v>0</v>
      </c>
      <c r="GN36" s="116">
        <v>0</v>
      </c>
      <c r="GO36" s="116">
        <v>0</v>
      </c>
      <c r="GP36" s="115">
        <v>0</v>
      </c>
      <c r="GQ36" s="118">
        <v>0</v>
      </c>
      <c r="GR36" s="112">
        <v>0</v>
      </c>
      <c r="GS36" s="116">
        <v>0</v>
      </c>
      <c r="GT36" s="115">
        <v>0</v>
      </c>
      <c r="GU36" s="112">
        <v>0</v>
      </c>
      <c r="GV36" s="116">
        <v>0</v>
      </c>
      <c r="GW36" s="116">
        <v>0</v>
      </c>
      <c r="GX36" s="116">
        <v>107360</v>
      </c>
      <c r="GY36" s="116">
        <v>0</v>
      </c>
      <c r="GZ36" s="116">
        <v>0</v>
      </c>
      <c r="HA36" s="114">
        <v>107360</v>
      </c>
      <c r="HB36" s="118">
        <v>107360</v>
      </c>
      <c r="HC36" s="112">
        <v>0</v>
      </c>
      <c r="HD36" s="116">
        <v>0</v>
      </c>
      <c r="HE36" s="114">
        <v>0</v>
      </c>
      <c r="HF36" s="113">
        <v>0</v>
      </c>
      <c r="HG36" s="116">
        <v>0</v>
      </c>
      <c r="HH36" s="116">
        <v>152632</v>
      </c>
      <c r="HI36" s="116">
        <v>0</v>
      </c>
      <c r="HJ36" s="116">
        <v>0</v>
      </c>
      <c r="HK36" s="116">
        <v>0</v>
      </c>
      <c r="HL36" s="115">
        <v>152632</v>
      </c>
      <c r="HM36" s="111">
        <v>152632</v>
      </c>
      <c r="HN36" s="370"/>
      <c r="HO36" s="371"/>
      <c r="HP36" s="372"/>
      <c r="HQ36" s="373"/>
      <c r="HR36" s="371"/>
      <c r="HS36" s="371"/>
      <c r="HT36" s="371"/>
      <c r="HU36" s="371"/>
      <c r="HV36" s="371"/>
      <c r="HW36" s="374"/>
      <c r="HX36" s="375"/>
      <c r="HY36" s="167">
        <v>0</v>
      </c>
      <c r="HZ36" s="152">
        <v>0</v>
      </c>
      <c r="IA36" s="167">
        <v>0</v>
      </c>
      <c r="IB36" s="151">
        <v>0</v>
      </c>
      <c r="IC36" s="152">
        <v>20231</v>
      </c>
      <c r="ID36" s="153">
        <v>623836</v>
      </c>
      <c r="IE36" s="154">
        <v>121662</v>
      </c>
      <c r="IF36" s="152">
        <v>223428</v>
      </c>
      <c r="IG36" s="154">
        <v>0</v>
      </c>
      <c r="IH36" s="155">
        <v>989157</v>
      </c>
      <c r="II36" s="167">
        <v>989157</v>
      </c>
      <c r="IJ36" s="261">
        <v>0</v>
      </c>
      <c r="IK36" s="268">
        <v>0</v>
      </c>
      <c r="IL36" s="269">
        <v>0</v>
      </c>
      <c r="IM36" s="157"/>
      <c r="IN36" s="122">
        <v>0</v>
      </c>
      <c r="IO36" s="122">
        <v>0</v>
      </c>
      <c r="IP36" s="122">
        <v>0</v>
      </c>
      <c r="IQ36" s="122">
        <v>0</v>
      </c>
      <c r="IR36" s="122">
        <v>0</v>
      </c>
      <c r="IS36" s="158">
        <v>0</v>
      </c>
      <c r="IT36" s="357">
        <v>0</v>
      </c>
      <c r="IU36" s="159">
        <v>0</v>
      </c>
      <c r="IV36" s="122">
        <v>0</v>
      </c>
      <c r="IW36" s="123">
        <v>0</v>
      </c>
      <c r="IX36" s="161"/>
      <c r="IY36" s="122">
        <v>0</v>
      </c>
      <c r="IZ36" s="122">
        <v>0</v>
      </c>
      <c r="JA36" s="122">
        <v>0</v>
      </c>
      <c r="JB36" s="122">
        <v>0</v>
      </c>
      <c r="JC36" s="122">
        <v>0</v>
      </c>
      <c r="JD36" s="123">
        <v>0</v>
      </c>
      <c r="JE36" s="124">
        <v>0</v>
      </c>
      <c r="JF36" s="159">
        <v>0</v>
      </c>
      <c r="JG36" s="122">
        <v>0</v>
      </c>
      <c r="JH36" s="158">
        <v>0</v>
      </c>
      <c r="JI36" s="121">
        <v>0</v>
      </c>
      <c r="JJ36" s="122">
        <v>20231</v>
      </c>
      <c r="JK36" s="122">
        <v>0</v>
      </c>
      <c r="JL36" s="122">
        <v>0</v>
      </c>
      <c r="JM36" s="122">
        <v>0</v>
      </c>
      <c r="JN36" s="122">
        <v>0</v>
      </c>
      <c r="JO36" s="123">
        <v>20231</v>
      </c>
      <c r="JP36" s="357">
        <v>20231</v>
      </c>
      <c r="JQ36" s="159">
        <v>0</v>
      </c>
      <c r="JR36" s="122">
        <v>0</v>
      </c>
      <c r="JS36" s="158">
        <v>0</v>
      </c>
      <c r="JT36" s="121">
        <v>0</v>
      </c>
      <c r="JU36" s="122">
        <v>0</v>
      </c>
      <c r="JV36" s="122">
        <v>0</v>
      </c>
      <c r="JW36" s="122">
        <v>121662</v>
      </c>
      <c r="JX36" s="122">
        <v>0</v>
      </c>
      <c r="JY36" s="122">
        <v>0</v>
      </c>
      <c r="JZ36" s="123">
        <v>121662</v>
      </c>
      <c r="KA36" s="357">
        <v>121662</v>
      </c>
      <c r="KB36" s="264">
        <v>0</v>
      </c>
      <c r="KC36" s="258">
        <v>0</v>
      </c>
      <c r="KD36" s="123">
        <v>0</v>
      </c>
      <c r="KE36" s="121">
        <v>0</v>
      </c>
      <c r="KF36" s="122">
        <v>0</v>
      </c>
      <c r="KG36" s="122">
        <v>179008</v>
      </c>
      <c r="KH36" s="122">
        <v>0</v>
      </c>
      <c r="KI36" s="122">
        <v>0</v>
      </c>
      <c r="KJ36" s="122">
        <v>0</v>
      </c>
      <c r="KK36" s="123">
        <v>179008</v>
      </c>
      <c r="KL36" s="160">
        <v>179008</v>
      </c>
      <c r="KM36" s="261">
        <v>0</v>
      </c>
      <c r="KN36" s="268">
        <v>0</v>
      </c>
      <c r="KO36" s="269">
        <v>0</v>
      </c>
      <c r="KP36" s="157"/>
      <c r="KQ36" s="122">
        <v>0</v>
      </c>
      <c r="KR36" s="122">
        <v>444828</v>
      </c>
      <c r="KS36" s="122">
        <v>0</v>
      </c>
      <c r="KT36" s="122">
        <v>223428</v>
      </c>
      <c r="KU36" s="122">
        <v>0</v>
      </c>
      <c r="KV36" s="123">
        <v>668256</v>
      </c>
      <c r="KW36" s="357">
        <v>668256</v>
      </c>
      <c r="KX36" s="159">
        <v>0</v>
      </c>
      <c r="KY36" s="122">
        <v>0</v>
      </c>
      <c r="KZ36" s="123">
        <v>0</v>
      </c>
      <c r="LA36" s="162"/>
      <c r="LB36" s="122">
        <v>0</v>
      </c>
      <c r="LC36" s="122">
        <v>0</v>
      </c>
      <c r="LD36" s="122">
        <v>0</v>
      </c>
      <c r="LE36" s="122">
        <v>0</v>
      </c>
      <c r="LF36" s="122">
        <v>0</v>
      </c>
      <c r="LG36" s="123">
        <v>0</v>
      </c>
      <c r="LH36" s="124">
        <v>0</v>
      </c>
      <c r="LI36" s="159">
        <v>0</v>
      </c>
      <c r="LJ36" s="122">
        <v>0</v>
      </c>
      <c r="LK36" s="123">
        <v>0</v>
      </c>
      <c r="LL36" s="162"/>
      <c r="LM36" s="122">
        <v>0</v>
      </c>
      <c r="LN36" s="122">
        <v>0</v>
      </c>
      <c r="LO36" s="122">
        <v>0</v>
      </c>
      <c r="LP36" s="122">
        <v>0</v>
      </c>
      <c r="LQ36" s="122">
        <v>0</v>
      </c>
      <c r="LR36" s="123">
        <v>0</v>
      </c>
      <c r="LS36" s="357">
        <v>0</v>
      </c>
      <c r="LT36" s="159">
        <v>0</v>
      </c>
      <c r="LU36" s="122">
        <v>0</v>
      </c>
      <c r="LV36" s="123">
        <v>0</v>
      </c>
      <c r="LW36" s="162"/>
      <c r="LX36" s="122">
        <v>0</v>
      </c>
      <c r="LY36" s="122">
        <v>0</v>
      </c>
      <c r="LZ36" s="122">
        <v>0</v>
      </c>
      <c r="MA36" s="122">
        <v>0</v>
      </c>
      <c r="MB36" s="122">
        <v>0</v>
      </c>
      <c r="MC36" s="123">
        <v>0</v>
      </c>
      <c r="MD36" s="124">
        <v>0</v>
      </c>
      <c r="ME36" s="159">
        <v>0</v>
      </c>
      <c r="MF36" s="122">
        <v>0</v>
      </c>
      <c r="MG36" s="123">
        <v>0</v>
      </c>
      <c r="MH36" s="162"/>
      <c r="MI36" s="122">
        <v>0</v>
      </c>
      <c r="MJ36" s="122">
        <v>403924</v>
      </c>
      <c r="MK36" s="122">
        <v>227368</v>
      </c>
      <c r="ML36" s="122">
        <v>113461</v>
      </c>
      <c r="MM36" s="122">
        <v>0</v>
      </c>
      <c r="MN36" s="123">
        <v>744753</v>
      </c>
      <c r="MO36" s="160">
        <v>744753</v>
      </c>
      <c r="MP36" s="159">
        <v>0</v>
      </c>
      <c r="MQ36" s="122">
        <v>0</v>
      </c>
      <c r="MR36" s="123">
        <v>0</v>
      </c>
      <c r="MS36" s="162"/>
      <c r="MT36" s="122">
        <v>0</v>
      </c>
      <c r="MU36" s="122">
        <v>0</v>
      </c>
      <c r="MV36" s="122">
        <v>227368</v>
      </c>
      <c r="MW36" s="122">
        <v>0</v>
      </c>
      <c r="MX36" s="122">
        <v>0</v>
      </c>
      <c r="MY36" s="123">
        <v>227368</v>
      </c>
      <c r="MZ36" s="160">
        <v>227368</v>
      </c>
      <c r="NA36" s="159">
        <v>0</v>
      </c>
      <c r="NB36" s="122">
        <v>0</v>
      </c>
      <c r="NC36" s="123">
        <v>0</v>
      </c>
      <c r="ND36" s="162"/>
      <c r="NE36" s="122">
        <v>0</v>
      </c>
      <c r="NF36" s="122">
        <v>403924</v>
      </c>
      <c r="NG36" s="122">
        <v>0</v>
      </c>
      <c r="NH36" s="122">
        <v>113461</v>
      </c>
      <c r="NI36" s="122">
        <v>0</v>
      </c>
      <c r="NJ36" s="123">
        <v>517385</v>
      </c>
      <c r="NK36" s="357">
        <v>517385</v>
      </c>
      <c r="NL36" s="159">
        <v>0</v>
      </c>
      <c r="NM36" s="122">
        <v>0</v>
      </c>
      <c r="NN36" s="123">
        <v>0</v>
      </c>
      <c r="NO36" s="162"/>
      <c r="NP36" s="122">
        <v>0</v>
      </c>
      <c r="NQ36" s="122">
        <v>0</v>
      </c>
      <c r="NR36" s="122">
        <v>0</v>
      </c>
      <c r="NS36" s="122">
        <v>0</v>
      </c>
      <c r="NT36" s="122">
        <v>0</v>
      </c>
      <c r="NU36" s="123">
        <v>0</v>
      </c>
      <c r="NV36" s="124">
        <v>0</v>
      </c>
      <c r="NW36" s="159">
        <v>0</v>
      </c>
      <c r="NX36" s="122">
        <v>0</v>
      </c>
      <c r="NY36" s="123">
        <v>0</v>
      </c>
      <c r="NZ36" s="162"/>
      <c r="OA36" s="122">
        <v>0</v>
      </c>
      <c r="OB36" s="122">
        <v>0</v>
      </c>
      <c r="OC36" s="122">
        <v>0</v>
      </c>
      <c r="OD36" s="122">
        <v>0</v>
      </c>
      <c r="OE36" s="122">
        <v>0</v>
      </c>
      <c r="OF36" s="123">
        <v>0</v>
      </c>
      <c r="OG36" s="124">
        <v>0</v>
      </c>
      <c r="OH36" s="159">
        <v>7824</v>
      </c>
      <c r="OI36" s="122">
        <v>3600</v>
      </c>
      <c r="OJ36" s="158">
        <v>11424</v>
      </c>
      <c r="OK36" s="121">
        <v>0</v>
      </c>
      <c r="OL36" s="122">
        <v>223324</v>
      </c>
      <c r="OM36" s="122">
        <v>1653296</v>
      </c>
      <c r="ON36" s="122">
        <v>531869</v>
      </c>
      <c r="OO36" s="122">
        <v>345665</v>
      </c>
      <c r="OP36" s="122">
        <v>0</v>
      </c>
      <c r="OQ36" s="123">
        <v>2754154</v>
      </c>
      <c r="OR36" s="160">
        <v>2765578</v>
      </c>
    </row>
    <row r="37" spans="1:408" ht="20.25" customHeight="1" x14ac:dyDescent="0.2">
      <c r="A37" s="129" t="s">
        <v>32</v>
      </c>
      <c r="B37" s="112">
        <v>0</v>
      </c>
      <c r="C37" s="116">
        <v>102936</v>
      </c>
      <c r="D37" s="201">
        <v>102936</v>
      </c>
      <c r="E37" s="202">
        <v>0</v>
      </c>
      <c r="F37" s="203">
        <v>310367</v>
      </c>
      <c r="G37" s="203">
        <v>489098</v>
      </c>
      <c r="H37" s="203">
        <v>511335</v>
      </c>
      <c r="I37" s="203">
        <v>802544</v>
      </c>
      <c r="J37" s="203">
        <v>56328</v>
      </c>
      <c r="K37" s="204">
        <v>2169672</v>
      </c>
      <c r="L37" s="118">
        <v>2272608</v>
      </c>
      <c r="M37" s="112">
        <v>0</v>
      </c>
      <c r="N37" s="116">
        <v>17360</v>
      </c>
      <c r="O37" s="115">
        <v>17360</v>
      </c>
      <c r="P37" s="112">
        <v>0</v>
      </c>
      <c r="Q37" s="116">
        <v>63104</v>
      </c>
      <c r="R37" s="116">
        <v>219538</v>
      </c>
      <c r="S37" s="116">
        <v>105367</v>
      </c>
      <c r="T37" s="116">
        <v>382288</v>
      </c>
      <c r="U37" s="116">
        <v>12800</v>
      </c>
      <c r="V37" s="115">
        <v>783097</v>
      </c>
      <c r="W37" s="118">
        <v>800457</v>
      </c>
      <c r="X37" s="112">
        <v>0</v>
      </c>
      <c r="Y37" s="116">
        <v>0</v>
      </c>
      <c r="Z37" s="115">
        <v>0</v>
      </c>
      <c r="AA37" s="112">
        <v>0</v>
      </c>
      <c r="AB37" s="116">
        <v>7936</v>
      </c>
      <c r="AC37" s="116">
        <v>108026</v>
      </c>
      <c r="AD37" s="116">
        <v>47113</v>
      </c>
      <c r="AE37" s="116">
        <v>296896</v>
      </c>
      <c r="AF37" s="116">
        <v>0</v>
      </c>
      <c r="AG37" s="115">
        <v>459971</v>
      </c>
      <c r="AH37" s="118">
        <v>459971</v>
      </c>
      <c r="AI37" s="112">
        <v>0</v>
      </c>
      <c r="AJ37" s="116">
        <v>0</v>
      </c>
      <c r="AK37" s="115">
        <v>0</v>
      </c>
      <c r="AL37" s="112">
        <v>0</v>
      </c>
      <c r="AM37" s="116">
        <v>0</v>
      </c>
      <c r="AN37" s="116">
        <v>0</v>
      </c>
      <c r="AO37" s="116">
        <v>0</v>
      </c>
      <c r="AP37" s="116">
        <v>0</v>
      </c>
      <c r="AQ37" s="116">
        <v>0</v>
      </c>
      <c r="AR37" s="115">
        <v>0</v>
      </c>
      <c r="AS37" s="118">
        <v>0</v>
      </c>
      <c r="AT37" s="112">
        <v>0</v>
      </c>
      <c r="AU37" s="116">
        <v>17360</v>
      </c>
      <c r="AV37" s="115">
        <v>17360</v>
      </c>
      <c r="AW37" s="112">
        <v>0</v>
      </c>
      <c r="AX37" s="116">
        <v>55168</v>
      </c>
      <c r="AY37" s="116">
        <v>93136</v>
      </c>
      <c r="AZ37" s="116">
        <v>31038</v>
      </c>
      <c r="BA37" s="116">
        <v>14352</v>
      </c>
      <c r="BB37" s="116">
        <v>12800</v>
      </c>
      <c r="BC37" s="115">
        <v>206494</v>
      </c>
      <c r="BD37" s="118">
        <v>223854</v>
      </c>
      <c r="BE37" s="112">
        <v>0</v>
      </c>
      <c r="BF37" s="116">
        <v>0</v>
      </c>
      <c r="BG37" s="114">
        <v>0</v>
      </c>
      <c r="BH37" s="113">
        <v>0</v>
      </c>
      <c r="BI37" s="116">
        <v>0</v>
      </c>
      <c r="BJ37" s="116">
        <v>0</v>
      </c>
      <c r="BK37" s="116">
        <v>0</v>
      </c>
      <c r="BL37" s="116">
        <v>0</v>
      </c>
      <c r="BM37" s="116">
        <v>0</v>
      </c>
      <c r="BN37" s="115">
        <v>0</v>
      </c>
      <c r="BO37" s="118">
        <v>0</v>
      </c>
      <c r="BP37" s="112">
        <v>0</v>
      </c>
      <c r="BQ37" s="116">
        <v>0</v>
      </c>
      <c r="BR37" s="115">
        <v>0</v>
      </c>
      <c r="BS37" s="112">
        <v>0</v>
      </c>
      <c r="BT37" s="116">
        <v>0</v>
      </c>
      <c r="BU37" s="116">
        <v>18376</v>
      </c>
      <c r="BV37" s="116">
        <v>27216</v>
      </c>
      <c r="BW37" s="116">
        <v>71040</v>
      </c>
      <c r="BX37" s="116">
        <v>0</v>
      </c>
      <c r="BY37" s="115">
        <v>116632</v>
      </c>
      <c r="BZ37" s="118">
        <v>116632</v>
      </c>
      <c r="CA37" s="112">
        <v>0</v>
      </c>
      <c r="CB37" s="116">
        <v>0</v>
      </c>
      <c r="CC37" s="115">
        <v>0</v>
      </c>
      <c r="CD37" s="112">
        <v>0</v>
      </c>
      <c r="CE37" s="116">
        <v>220703</v>
      </c>
      <c r="CF37" s="116">
        <v>45664</v>
      </c>
      <c r="CG37" s="116">
        <v>128936</v>
      </c>
      <c r="CH37" s="116">
        <v>0</v>
      </c>
      <c r="CI37" s="116">
        <v>23648</v>
      </c>
      <c r="CJ37" s="115">
        <v>418951</v>
      </c>
      <c r="CK37" s="118">
        <v>418951</v>
      </c>
      <c r="CL37" s="112">
        <v>0</v>
      </c>
      <c r="CM37" s="116">
        <v>0</v>
      </c>
      <c r="CN37" s="115">
        <v>0</v>
      </c>
      <c r="CO37" s="113">
        <v>0</v>
      </c>
      <c r="CP37" s="116">
        <v>142568</v>
      </c>
      <c r="CQ37" s="116">
        <v>45664</v>
      </c>
      <c r="CR37" s="116">
        <v>128936</v>
      </c>
      <c r="CS37" s="116">
        <v>0</v>
      </c>
      <c r="CT37" s="116">
        <v>0</v>
      </c>
      <c r="CU37" s="115">
        <v>317168</v>
      </c>
      <c r="CV37" s="118">
        <v>317168</v>
      </c>
      <c r="CW37" s="112">
        <v>0</v>
      </c>
      <c r="CX37" s="116">
        <v>0</v>
      </c>
      <c r="CY37" s="115">
        <v>0</v>
      </c>
      <c r="CZ37" s="112">
        <v>0</v>
      </c>
      <c r="DA37" s="116">
        <v>78135</v>
      </c>
      <c r="DB37" s="116">
        <v>0</v>
      </c>
      <c r="DC37" s="116">
        <v>0</v>
      </c>
      <c r="DD37" s="116">
        <v>0</v>
      </c>
      <c r="DE37" s="116">
        <v>23648</v>
      </c>
      <c r="DF37" s="115">
        <v>101783</v>
      </c>
      <c r="DG37" s="118">
        <v>101783</v>
      </c>
      <c r="DH37" s="112">
        <v>0</v>
      </c>
      <c r="DI37" s="116">
        <v>0</v>
      </c>
      <c r="DJ37" s="114">
        <v>0</v>
      </c>
      <c r="DK37" s="113">
        <v>0</v>
      </c>
      <c r="DL37" s="116">
        <v>7200</v>
      </c>
      <c r="DM37" s="116">
        <v>0</v>
      </c>
      <c r="DN37" s="116">
        <v>56472</v>
      </c>
      <c r="DO37" s="116">
        <v>9144</v>
      </c>
      <c r="DP37" s="116">
        <v>0</v>
      </c>
      <c r="DQ37" s="115">
        <v>72816</v>
      </c>
      <c r="DR37" s="118">
        <v>72816</v>
      </c>
      <c r="DS37" s="112">
        <v>0</v>
      </c>
      <c r="DT37" s="116">
        <v>0</v>
      </c>
      <c r="DU37" s="115">
        <v>0</v>
      </c>
      <c r="DV37" s="112">
        <v>0</v>
      </c>
      <c r="DW37" s="116">
        <v>7200</v>
      </c>
      <c r="DX37" s="116">
        <v>0</v>
      </c>
      <c r="DY37" s="116">
        <v>56472</v>
      </c>
      <c r="DZ37" s="116">
        <v>9144</v>
      </c>
      <c r="EA37" s="116">
        <v>0</v>
      </c>
      <c r="EB37" s="115">
        <v>72816</v>
      </c>
      <c r="EC37" s="118">
        <v>72816</v>
      </c>
      <c r="ED37" s="112">
        <v>0</v>
      </c>
      <c r="EE37" s="114">
        <v>0</v>
      </c>
      <c r="EF37" s="115">
        <v>0</v>
      </c>
      <c r="EG37" s="112">
        <v>0</v>
      </c>
      <c r="EH37" s="116">
        <v>0</v>
      </c>
      <c r="EI37" s="116">
        <v>0</v>
      </c>
      <c r="EJ37" s="116">
        <v>0</v>
      </c>
      <c r="EK37" s="116">
        <v>0</v>
      </c>
      <c r="EL37" s="116">
        <v>0</v>
      </c>
      <c r="EM37" s="114">
        <v>0</v>
      </c>
      <c r="EN37" s="118">
        <v>0</v>
      </c>
      <c r="EO37" s="112">
        <v>0</v>
      </c>
      <c r="EP37" s="116">
        <v>0</v>
      </c>
      <c r="EQ37" s="114">
        <v>0</v>
      </c>
      <c r="ER37" s="113">
        <v>0</v>
      </c>
      <c r="ES37" s="116">
        <v>0</v>
      </c>
      <c r="ET37" s="116">
        <v>0</v>
      </c>
      <c r="EU37" s="116">
        <v>0</v>
      </c>
      <c r="EV37" s="116">
        <v>0</v>
      </c>
      <c r="EW37" s="116">
        <v>0</v>
      </c>
      <c r="EX37" s="115">
        <v>0</v>
      </c>
      <c r="EY37" s="118">
        <v>0</v>
      </c>
      <c r="EZ37" s="112">
        <v>0</v>
      </c>
      <c r="FA37" s="116">
        <v>0</v>
      </c>
      <c r="FB37" s="114">
        <v>0</v>
      </c>
      <c r="FC37" s="390"/>
      <c r="FD37" s="116">
        <v>0</v>
      </c>
      <c r="FE37" s="116">
        <v>0</v>
      </c>
      <c r="FF37" s="116">
        <v>0</v>
      </c>
      <c r="FG37" s="116">
        <v>0</v>
      </c>
      <c r="FH37" s="116">
        <v>0</v>
      </c>
      <c r="FI37" s="115">
        <v>0</v>
      </c>
      <c r="FJ37" s="118">
        <v>0</v>
      </c>
      <c r="FK37" s="112">
        <v>0</v>
      </c>
      <c r="FL37" s="116">
        <v>7200</v>
      </c>
      <c r="FM37" s="115">
        <v>7200</v>
      </c>
      <c r="FN37" s="112">
        <v>0</v>
      </c>
      <c r="FO37" s="116">
        <v>19360</v>
      </c>
      <c r="FP37" s="116">
        <v>71264</v>
      </c>
      <c r="FQ37" s="116">
        <v>50768</v>
      </c>
      <c r="FR37" s="116">
        <v>41024</v>
      </c>
      <c r="FS37" s="116">
        <v>19880</v>
      </c>
      <c r="FT37" s="115">
        <v>202296</v>
      </c>
      <c r="FU37" s="118">
        <v>209496</v>
      </c>
      <c r="FV37" s="117">
        <v>0</v>
      </c>
      <c r="FW37" s="116">
        <v>7200</v>
      </c>
      <c r="FX37" s="114">
        <v>7200</v>
      </c>
      <c r="FY37" s="113">
        <v>0</v>
      </c>
      <c r="FZ37" s="116">
        <v>19360</v>
      </c>
      <c r="GA37" s="116">
        <v>71264</v>
      </c>
      <c r="GB37" s="116">
        <v>50768</v>
      </c>
      <c r="GC37" s="116">
        <v>41024</v>
      </c>
      <c r="GD37" s="116">
        <v>19880</v>
      </c>
      <c r="GE37" s="115">
        <v>202296</v>
      </c>
      <c r="GF37" s="354">
        <v>209496</v>
      </c>
      <c r="GG37" s="117">
        <v>0</v>
      </c>
      <c r="GH37" s="116">
        <v>0</v>
      </c>
      <c r="GI37" s="114">
        <v>0</v>
      </c>
      <c r="GJ37" s="113">
        <v>0</v>
      </c>
      <c r="GK37" s="116">
        <v>0</v>
      </c>
      <c r="GL37" s="116">
        <v>0</v>
      </c>
      <c r="GM37" s="116">
        <v>0</v>
      </c>
      <c r="GN37" s="116">
        <v>0</v>
      </c>
      <c r="GO37" s="116">
        <v>0</v>
      </c>
      <c r="GP37" s="115">
        <v>0</v>
      </c>
      <c r="GQ37" s="118">
        <v>0</v>
      </c>
      <c r="GR37" s="112">
        <v>0</v>
      </c>
      <c r="GS37" s="116">
        <v>0</v>
      </c>
      <c r="GT37" s="115">
        <v>0</v>
      </c>
      <c r="GU37" s="112">
        <v>0</v>
      </c>
      <c r="GV37" s="116">
        <v>0</v>
      </c>
      <c r="GW37" s="116">
        <v>0</v>
      </c>
      <c r="GX37" s="116">
        <v>0</v>
      </c>
      <c r="GY37" s="116">
        <v>0</v>
      </c>
      <c r="GZ37" s="116">
        <v>0</v>
      </c>
      <c r="HA37" s="114">
        <v>0</v>
      </c>
      <c r="HB37" s="118">
        <v>0</v>
      </c>
      <c r="HC37" s="112">
        <v>0</v>
      </c>
      <c r="HD37" s="116">
        <v>78376</v>
      </c>
      <c r="HE37" s="114">
        <v>78376</v>
      </c>
      <c r="HF37" s="113">
        <v>0</v>
      </c>
      <c r="HG37" s="116">
        <v>0</v>
      </c>
      <c r="HH37" s="116">
        <v>152632</v>
      </c>
      <c r="HI37" s="116">
        <v>169792</v>
      </c>
      <c r="HJ37" s="116">
        <v>370088</v>
      </c>
      <c r="HK37" s="116">
        <v>0</v>
      </c>
      <c r="HL37" s="115">
        <v>692512</v>
      </c>
      <c r="HM37" s="111">
        <v>770888</v>
      </c>
      <c r="HN37" s="370"/>
      <c r="HO37" s="371"/>
      <c r="HP37" s="372"/>
      <c r="HQ37" s="373"/>
      <c r="HR37" s="371"/>
      <c r="HS37" s="371"/>
      <c r="HT37" s="371"/>
      <c r="HU37" s="371"/>
      <c r="HV37" s="371"/>
      <c r="HW37" s="374"/>
      <c r="HX37" s="375"/>
      <c r="HY37" s="148">
        <v>0</v>
      </c>
      <c r="HZ37" s="149">
        <v>0</v>
      </c>
      <c r="IA37" s="150">
        <v>0</v>
      </c>
      <c r="IB37" s="163">
        <v>0</v>
      </c>
      <c r="IC37" s="149">
        <v>106328</v>
      </c>
      <c r="ID37" s="164">
        <v>361512</v>
      </c>
      <c r="IE37" s="150">
        <v>502304</v>
      </c>
      <c r="IF37" s="149">
        <v>171419</v>
      </c>
      <c r="IG37" s="150">
        <v>0</v>
      </c>
      <c r="IH37" s="165">
        <v>1141563</v>
      </c>
      <c r="II37" s="156">
        <v>1141563</v>
      </c>
      <c r="IJ37" s="261">
        <v>0</v>
      </c>
      <c r="IK37" s="268">
        <v>0</v>
      </c>
      <c r="IL37" s="269">
        <v>0</v>
      </c>
      <c r="IM37" s="157"/>
      <c r="IN37" s="122">
        <v>0</v>
      </c>
      <c r="IO37" s="122">
        <v>83824</v>
      </c>
      <c r="IP37" s="122">
        <v>0</v>
      </c>
      <c r="IQ37" s="122">
        <v>0</v>
      </c>
      <c r="IR37" s="122">
        <v>0</v>
      </c>
      <c r="IS37" s="158">
        <v>83824</v>
      </c>
      <c r="IT37" s="357">
        <v>83824</v>
      </c>
      <c r="IU37" s="159">
        <v>0</v>
      </c>
      <c r="IV37" s="122">
        <v>0</v>
      </c>
      <c r="IW37" s="123">
        <v>0</v>
      </c>
      <c r="IX37" s="161"/>
      <c r="IY37" s="122">
        <v>0</v>
      </c>
      <c r="IZ37" s="122">
        <v>0</v>
      </c>
      <c r="JA37" s="122">
        <v>0</v>
      </c>
      <c r="JB37" s="122">
        <v>0</v>
      </c>
      <c r="JC37" s="122">
        <v>0</v>
      </c>
      <c r="JD37" s="123">
        <v>0</v>
      </c>
      <c r="JE37" s="124">
        <v>0</v>
      </c>
      <c r="JF37" s="159">
        <v>0</v>
      </c>
      <c r="JG37" s="122">
        <v>0</v>
      </c>
      <c r="JH37" s="158">
        <v>0</v>
      </c>
      <c r="JI37" s="121">
        <v>0</v>
      </c>
      <c r="JJ37" s="122">
        <v>106328</v>
      </c>
      <c r="JK37" s="122">
        <v>60760</v>
      </c>
      <c r="JL37" s="122">
        <v>110408</v>
      </c>
      <c r="JM37" s="122">
        <v>66227</v>
      </c>
      <c r="JN37" s="122">
        <v>0</v>
      </c>
      <c r="JO37" s="123">
        <v>343723</v>
      </c>
      <c r="JP37" s="357">
        <v>343723</v>
      </c>
      <c r="JQ37" s="159">
        <v>0</v>
      </c>
      <c r="JR37" s="122">
        <v>0</v>
      </c>
      <c r="JS37" s="158">
        <v>0</v>
      </c>
      <c r="JT37" s="121">
        <v>0</v>
      </c>
      <c r="JU37" s="122">
        <v>0</v>
      </c>
      <c r="JV37" s="122">
        <v>0</v>
      </c>
      <c r="JW37" s="122">
        <v>0</v>
      </c>
      <c r="JX37" s="122">
        <v>105192</v>
      </c>
      <c r="JY37" s="122">
        <v>0</v>
      </c>
      <c r="JZ37" s="123">
        <v>105192</v>
      </c>
      <c r="KA37" s="357">
        <v>105192</v>
      </c>
      <c r="KB37" s="264">
        <v>0</v>
      </c>
      <c r="KC37" s="258">
        <v>0</v>
      </c>
      <c r="KD37" s="123">
        <v>0</v>
      </c>
      <c r="KE37" s="121">
        <v>0</v>
      </c>
      <c r="KF37" s="122">
        <v>0</v>
      </c>
      <c r="KG37" s="122">
        <v>0</v>
      </c>
      <c r="KH37" s="122">
        <v>0</v>
      </c>
      <c r="KI37" s="122">
        <v>0</v>
      </c>
      <c r="KJ37" s="122">
        <v>0</v>
      </c>
      <c r="KK37" s="123">
        <v>0</v>
      </c>
      <c r="KL37" s="160">
        <v>0</v>
      </c>
      <c r="KM37" s="261">
        <v>0</v>
      </c>
      <c r="KN37" s="268">
        <v>0</v>
      </c>
      <c r="KO37" s="269">
        <v>0</v>
      </c>
      <c r="KP37" s="157"/>
      <c r="KQ37" s="122">
        <v>0</v>
      </c>
      <c r="KR37" s="122">
        <v>216928</v>
      </c>
      <c r="KS37" s="122">
        <v>211536</v>
      </c>
      <c r="KT37" s="122">
        <v>0</v>
      </c>
      <c r="KU37" s="122">
        <v>0</v>
      </c>
      <c r="KV37" s="123">
        <v>428464</v>
      </c>
      <c r="KW37" s="357">
        <v>428464</v>
      </c>
      <c r="KX37" s="159">
        <v>0</v>
      </c>
      <c r="KY37" s="122">
        <v>0</v>
      </c>
      <c r="KZ37" s="123">
        <v>0</v>
      </c>
      <c r="LA37" s="162"/>
      <c r="LB37" s="122">
        <v>0</v>
      </c>
      <c r="LC37" s="122">
        <v>0</v>
      </c>
      <c r="LD37" s="122">
        <v>0</v>
      </c>
      <c r="LE37" s="122">
        <v>0</v>
      </c>
      <c r="LF37" s="122">
        <v>0</v>
      </c>
      <c r="LG37" s="123">
        <v>0</v>
      </c>
      <c r="LH37" s="124">
        <v>0</v>
      </c>
      <c r="LI37" s="159">
        <v>0</v>
      </c>
      <c r="LJ37" s="122">
        <v>0</v>
      </c>
      <c r="LK37" s="123">
        <v>0</v>
      </c>
      <c r="LL37" s="162"/>
      <c r="LM37" s="122">
        <v>0</v>
      </c>
      <c r="LN37" s="122">
        <v>0</v>
      </c>
      <c r="LO37" s="122">
        <v>180360</v>
      </c>
      <c r="LP37" s="122">
        <v>0</v>
      </c>
      <c r="LQ37" s="122">
        <v>0</v>
      </c>
      <c r="LR37" s="123">
        <v>180360</v>
      </c>
      <c r="LS37" s="357">
        <v>180360</v>
      </c>
      <c r="LT37" s="159">
        <v>0</v>
      </c>
      <c r="LU37" s="122">
        <v>0</v>
      </c>
      <c r="LV37" s="123">
        <v>0</v>
      </c>
      <c r="LW37" s="162"/>
      <c r="LX37" s="122">
        <v>0</v>
      </c>
      <c r="LY37" s="122">
        <v>0</v>
      </c>
      <c r="LZ37" s="122">
        <v>0</v>
      </c>
      <c r="MA37" s="122">
        <v>0</v>
      </c>
      <c r="MB37" s="122">
        <v>0</v>
      </c>
      <c r="MC37" s="123">
        <v>0</v>
      </c>
      <c r="MD37" s="124">
        <v>0</v>
      </c>
      <c r="ME37" s="159">
        <v>0</v>
      </c>
      <c r="MF37" s="122">
        <v>0</v>
      </c>
      <c r="MG37" s="123">
        <v>0</v>
      </c>
      <c r="MH37" s="162"/>
      <c r="MI37" s="122">
        <v>207440</v>
      </c>
      <c r="MJ37" s="122">
        <v>0</v>
      </c>
      <c r="MK37" s="122">
        <v>243409</v>
      </c>
      <c r="ML37" s="122">
        <v>457658</v>
      </c>
      <c r="MM37" s="122">
        <v>532330</v>
      </c>
      <c r="MN37" s="123">
        <v>1440837</v>
      </c>
      <c r="MO37" s="160">
        <v>1440837</v>
      </c>
      <c r="MP37" s="159">
        <v>0</v>
      </c>
      <c r="MQ37" s="122">
        <v>0</v>
      </c>
      <c r="MR37" s="123">
        <v>0</v>
      </c>
      <c r="MS37" s="162"/>
      <c r="MT37" s="122">
        <v>0</v>
      </c>
      <c r="MU37" s="122">
        <v>0</v>
      </c>
      <c r="MV37" s="122">
        <v>0</v>
      </c>
      <c r="MW37" s="122">
        <v>457658</v>
      </c>
      <c r="MX37" s="122">
        <v>250632</v>
      </c>
      <c r="MY37" s="123">
        <v>708290</v>
      </c>
      <c r="MZ37" s="160">
        <v>708290</v>
      </c>
      <c r="NA37" s="159">
        <v>0</v>
      </c>
      <c r="NB37" s="122">
        <v>0</v>
      </c>
      <c r="NC37" s="123">
        <v>0</v>
      </c>
      <c r="ND37" s="162"/>
      <c r="NE37" s="122">
        <v>207440</v>
      </c>
      <c r="NF37" s="122">
        <v>0</v>
      </c>
      <c r="NG37" s="122">
        <v>243409</v>
      </c>
      <c r="NH37" s="122">
        <v>0</v>
      </c>
      <c r="NI37" s="122">
        <v>281698</v>
      </c>
      <c r="NJ37" s="123">
        <v>732547</v>
      </c>
      <c r="NK37" s="357">
        <v>732547</v>
      </c>
      <c r="NL37" s="159">
        <v>0</v>
      </c>
      <c r="NM37" s="122">
        <v>0</v>
      </c>
      <c r="NN37" s="123">
        <v>0</v>
      </c>
      <c r="NO37" s="162"/>
      <c r="NP37" s="122">
        <v>0</v>
      </c>
      <c r="NQ37" s="122">
        <v>0</v>
      </c>
      <c r="NR37" s="122">
        <v>0</v>
      </c>
      <c r="NS37" s="122">
        <v>0</v>
      </c>
      <c r="NT37" s="122">
        <v>0</v>
      </c>
      <c r="NU37" s="123">
        <v>0</v>
      </c>
      <c r="NV37" s="124">
        <v>0</v>
      </c>
      <c r="NW37" s="159">
        <v>0</v>
      </c>
      <c r="NX37" s="122">
        <v>0</v>
      </c>
      <c r="NY37" s="123">
        <v>0</v>
      </c>
      <c r="NZ37" s="162"/>
      <c r="OA37" s="122">
        <v>0</v>
      </c>
      <c r="OB37" s="122">
        <v>0</v>
      </c>
      <c r="OC37" s="122">
        <v>0</v>
      </c>
      <c r="OD37" s="122">
        <v>0</v>
      </c>
      <c r="OE37" s="122">
        <v>0</v>
      </c>
      <c r="OF37" s="123">
        <v>0</v>
      </c>
      <c r="OG37" s="124">
        <v>0</v>
      </c>
      <c r="OH37" s="159">
        <v>0</v>
      </c>
      <c r="OI37" s="122">
        <v>102936</v>
      </c>
      <c r="OJ37" s="158">
        <v>102936</v>
      </c>
      <c r="OK37" s="121">
        <v>0</v>
      </c>
      <c r="OL37" s="122">
        <v>624135</v>
      </c>
      <c r="OM37" s="122">
        <v>850610</v>
      </c>
      <c r="ON37" s="122">
        <v>1257048</v>
      </c>
      <c r="OO37" s="122">
        <v>1431621</v>
      </c>
      <c r="OP37" s="122">
        <v>588658</v>
      </c>
      <c r="OQ37" s="123">
        <v>4752072</v>
      </c>
      <c r="OR37" s="160">
        <v>4855008</v>
      </c>
    </row>
    <row r="38" spans="1:408" ht="20.25" customHeight="1" x14ac:dyDescent="0.2">
      <c r="A38" s="129" t="s">
        <v>33</v>
      </c>
      <c r="B38" s="112">
        <v>71977</v>
      </c>
      <c r="C38" s="116">
        <v>47789</v>
      </c>
      <c r="D38" s="115">
        <v>119766</v>
      </c>
      <c r="E38" s="111">
        <v>0</v>
      </c>
      <c r="F38" s="116">
        <v>80201</v>
      </c>
      <c r="G38" s="116">
        <v>189640</v>
      </c>
      <c r="H38" s="116">
        <v>57088</v>
      </c>
      <c r="I38" s="116">
        <v>0</v>
      </c>
      <c r="J38" s="116">
        <v>75916</v>
      </c>
      <c r="K38" s="200">
        <v>402845</v>
      </c>
      <c r="L38" s="118">
        <v>522611</v>
      </c>
      <c r="M38" s="112">
        <v>47789</v>
      </c>
      <c r="N38" s="116">
        <v>47789</v>
      </c>
      <c r="O38" s="115">
        <v>95578</v>
      </c>
      <c r="P38" s="112">
        <v>0</v>
      </c>
      <c r="Q38" s="116">
        <v>41325</v>
      </c>
      <c r="R38" s="116">
        <v>0</v>
      </c>
      <c r="S38" s="116">
        <v>38288</v>
      </c>
      <c r="T38" s="116">
        <v>0</v>
      </c>
      <c r="U38" s="116">
        <v>0</v>
      </c>
      <c r="V38" s="115">
        <v>79613</v>
      </c>
      <c r="W38" s="118">
        <v>175191</v>
      </c>
      <c r="X38" s="112">
        <v>0</v>
      </c>
      <c r="Y38" s="116">
        <v>0</v>
      </c>
      <c r="Z38" s="115">
        <v>0</v>
      </c>
      <c r="AA38" s="112">
        <v>0</v>
      </c>
      <c r="AB38" s="116">
        <v>8085</v>
      </c>
      <c r="AC38" s="116">
        <v>0</v>
      </c>
      <c r="AD38" s="116">
        <v>0</v>
      </c>
      <c r="AE38" s="116">
        <v>0</v>
      </c>
      <c r="AF38" s="116">
        <v>0</v>
      </c>
      <c r="AG38" s="115">
        <v>8085</v>
      </c>
      <c r="AH38" s="118">
        <v>8085</v>
      </c>
      <c r="AI38" s="112">
        <v>0</v>
      </c>
      <c r="AJ38" s="116">
        <v>0</v>
      </c>
      <c r="AK38" s="115">
        <v>0</v>
      </c>
      <c r="AL38" s="112">
        <v>0</v>
      </c>
      <c r="AM38" s="116">
        <v>0</v>
      </c>
      <c r="AN38" s="116">
        <v>0</v>
      </c>
      <c r="AO38" s="116">
        <v>0</v>
      </c>
      <c r="AP38" s="116">
        <v>0</v>
      </c>
      <c r="AQ38" s="116">
        <v>0</v>
      </c>
      <c r="AR38" s="115">
        <v>0</v>
      </c>
      <c r="AS38" s="118">
        <v>0</v>
      </c>
      <c r="AT38" s="112">
        <v>0</v>
      </c>
      <c r="AU38" s="116">
        <v>0</v>
      </c>
      <c r="AV38" s="115">
        <v>0</v>
      </c>
      <c r="AW38" s="112">
        <v>0</v>
      </c>
      <c r="AX38" s="116">
        <v>24336</v>
      </c>
      <c r="AY38" s="116">
        <v>0</v>
      </c>
      <c r="AZ38" s="116">
        <v>38288</v>
      </c>
      <c r="BA38" s="116">
        <v>0</v>
      </c>
      <c r="BB38" s="116">
        <v>0</v>
      </c>
      <c r="BC38" s="115">
        <v>62624</v>
      </c>
      <c r="BD38" s="118">
        <v>62624</v>
      </c>
      <c r="BE38" s="112">
        <v>47789</v>
      </c>
      <c r="BF38" s="116">
        <v>47789</v>
      </c>
      <c r="BG38" s="114">
        <v>95578</v>
      </c>
      <c r="BH38" s="113">
        <v>0</v>
      </c>
      <c r="BI38" s="116">
        <v>0</v>
      </c>
      <c r="BJ38" s="116">
        <v>0</v>
      </c>
      <c r="BK38" s="116">
        <v>0</v>
      </c>
      <c r="BL38" s="116">
        <v>0</v>
      </c>
      <c r="BM38" s="116">
        <v>0</v>
      </c>
      <c r="BN38" s="115">
        <v>0</v>
      </c>
      <c r="BO38" s="118">
        <v>95578</v>
      </c>
      <c r="BP38" s="112">
        <v>0</v>
      </c>
      <c r="BQ38" s="116">
        <v>0</v>
      </c>
      <c r="BR38" s="115">
        <v>0</v>
      </c>
      <c r="BS38" s="112">
        <v>0</v>
      </c>
      <c r="BT38" s="116">
        <v>8904</v>
      </c>
      <c r="BU38" s="116">
        <v>0</v>
      </c>
      <c r="BV38" s="116">
        <v>0</v>
      </c>
      <c r="BW38" s="116">
        <v>0</v>
      </c>
      <c r="BX38" s="116">
        <v>0</v>
      </c>
      <c r="BY38" s="115">
        <v>8904</v>
      </c>
      <c r="BZ38" s="118">
        <v>8904</v>
      </c>
      <c r="CA38" s="112">
        <v>21788</v>
      </c>
      <c r="CB38" s="116">
        <v>0</v>
      </c>
      <c r="CC38" s="115">
        <v>21788</v>
      </c>
      <c r="CD38" s="112">
        <v>0</v>
      </c>
      <c r="CE38" s="116">
        <v>18476</v>
      </c>
      <c r="CF38" s="116">
        <v>111006</v>
      </c>
      <c r="CG38" s="116">
        <v>0</v>
      </c>
      <c r="CH38" s="116">
        <v>0</v>
      </c>
      <c r="CI38" s="116">
        <v>0</v>
      </c>
      <c r="CJ38" s="115">
        <v>129482</v>
      </c>
      <c r="CK38" s="118">
        <v>151270</v>
      </c>
      <c r="CL38" s="112">
        <v>0</v>
      </c>
      <c r="CM38" s="116">
        <v>0</v>
      </c>
      <c r="CN38" s="115">
        <v>0</v>
      </c>
      <c r="CO38" s="113">
        <v>0</v>
      </c>
      <c r="CP38" s="116">
        <v>0</v>
      </c>
      <c r="CQ38" s="116">
        <v>0</v>
      </c>
      <c r="CR38" s="116">
        <v>0</v>
      </c>
      <c r="CS38" s="116">
        <v>0</v>
      </c>
      <c r="CT38" s="116">
        <v>0</v>
      </c>
      <c r="CU38" s="115">
        <v>0</v>
      </c>
      <c r="CV38" s="118">
        <v>0</v>
      </c>
      <c r="CW38" s="112">
        <v>21788</v>
      </c>
      <c r="CX38" s="116">
        <v>0</v>
      </c>
      <c r="CY38" s="115">
        <v>21788</v>
      </c>
      <c r="CZ38" s="112">
        <v>0</v>
      </c>
      <c r="DA38" s="116">
        <v>18476</v>
      </c>
      <c r="DB38" s="116">
        <v>111006</v>
      </c>
      <c r="DC38" s="116">
        <v>0</v>
      </c>
      <c r="DD38" s="116">
        <v>0</v>
      </c>
      <c r="DE38" s="116">
        <v>0</v>
      </c>
      <c r="DF38" s="115">
        <v>129482</v>
      </c>
      <c r="DG38" s="118">
        <v>151270</v>
      </c>
      <c r="DH38" s="112">
        <v>0</v>
      </c>
      <c r="DI38" s="116">
        <v>0</v>
      </c>
      <c r="DJ38" s="114">
        <v>0</v>
      </c>
      <c r="DK38" s="113">
        <v>0</v>
      </c>
      <c r="DL38" s="116">
        <v>0</v>
      </c>
      <c r="DM38" s="116">
        <v>61642</v>
      </c>
      <c r="DN38" s="116">
        <v>0</v>
      </c>
      <c r="DO38" s="116">
        <v>0</v>
      </c>
      <c r="DP38" s="116">
        <v>0</v>
      </c>
      <c r="DQ38" s="115">
        <v>61642</v>
      </c>
      <c r="DR38" s="118">
        <v>61642</v>
      </c>
      <c r="DS38" s="112">
        <v>0</v>
      </c>
      <c r="DT38" s="116">
        <v>0</v>
      </c>
      <c r="DU38" s="115">
        <v>0</v>
      </c>
      <c r="DV38" s="112">
        <v>0</v>
      </c>
      <c r="DW38" s="116">
        <v>0</v>
      </c>
      <c r="DX38" s="116">
        <v>0</v>
      </c>
      <c r="DY38" s="116">
        <v>0</v>
      </c>
      <c r="DZ38" s="116">
        <v>0</v>
      </c>
      <c r="EA38" s="116">
        <v>0</v>
      </c>
      <c r="EB38" s="115">
        <v>0</v>
      </c>
      <c r="EC38" s="118">
        <v>0</v>
      </c>
      <c r="ED38" s="112">
        <v>0</v>
      </c>
      <c r="EE38" s="114">
        <v>0</v>
      </c>
      <c r="EF38" s="115">
        <v>0</v>
      </c>
      <c r="EG38" s="112">
        <v>0</v>
      </c>
      <c r="EH38" s="116">
        <v>0</v>
      </c>
      <c r="EI38" s="116">
        <v>61642</v>
      </c>
      <c r="EJ38" s="116">
        <v>0</v>
      </c>
      <c r="EK38" s="116">
        <v>0</v>
      </c>
      <c r="EL38" s="116">
        <v>0</v>
      </c>
      <c r="EM38" s="114">
        <v>61642</v>
      </c>
      <c r="EN38" s="118">
        <v>61642</v>
      </c>
      <c r="EO38" s="112">
        <v>0</v>
      </c>
      <c r="EP38" s="116">
        <v>0</v>
      </c>
      <c r="EQ38" s="114">
        <v>0</v>
      </c>
      <c r="ER38" s="113">
        <v>0</v>
      </c>
      <c r="ES38" s="116">
        <v>0</v>
      </c>
      <c r="ET38" s="116">
        <v>0</v>
      </c>
      <c r="EU38" s="116">
        <v>0</v>
      </c>
      <c r="EV38" s="116">
        <v>0</v>
      </c>
      <c r="EW38" s="116">
        <v>0</v>
      </c>
      <c r="EX38" s="115">
        <v>0</v>
      </c>
      <c r="EY38" s="118">
        <v>0</v>
      </c>
      <c r="EZ38" s="112">
        <v>0</v>
      </c>
      <c r="FA38" s="116">
        <v>0</v>
      </c>
      <c r="FB38" s="114">
        <v>0</v>
      </c>
      <c r="FC38" s="390"/>
      <c r="FD38" s="116">
        <v>0</v>
      </c>
      <c r="FE38" s="116">
        <v>0</v>
      </c>
      <c r="FF38" s="116">
        <v>0</v>
      </c>
      <c r="FG38" s="116">
        <v>0</v>
      </c>
      <c r="FH38" s="116">
        <v>0</v>
      </c>
      <c r="FI38" s="115">
        <v>0</v>
      </c>
      <c r="FJ38" s="118">
        <v>0</v>
      </c>
      <c r="FK38" s="112">
        <v>2400</v>
      </c>
      <c r="FL38" s="116">
        <v>0</v>
      </c>
      <c r="FM38" s="115">
        <v>2400</v>
      </c>
      <c r="FN38" s="112">
        <v>0</v>
      </c>
      <c r="FO38" s="116">
        <v>20400</v>
      </c>
      <c r="FP38" s="116">
        <v>16992</v>
      </c>
      <c r="FQ38" s="116">
        <v>18800</v>
      </c>
      <c r="FR38" s="116">
        <v>0</v>
      </c>
      <c r="FS38" s="116">
        <v>0</v>
      </c>
      <c r="FT38" s="115">
        <v>56192</v>
      </c>
      <c r="FU38" s="118">
        <v>58592</v>
      </c>
      <c r="FV38" s="117">
        <v>2400</v>
      </c>
      <c r="FW38" s="116">
        <v>0</v>
      </c>
      <c r="FX38" s="114">
        <v>2400</v>
      </c>
      <c r="FY38" s="113">
        <v>0</v>
      </c>
      <c r="FZ38" s="116">
        <v>20400</v>
      </c>
      <c r="GA38" s="116">
        <v>16992</v>
      </c>
      <c r="GB38" s="116">
        <v>18800</v>
      </c>
      <c r="GC38" s="116">
        <v>0</v>
      </c>
      <c r="GD38" s="116">
        <v>0</v>
      </c>
      <c r="GE38" s="115">
        <v>56192</v>
      </c>
      <c r="GF38" s="354">
        <v>58592</v>
      </c>
      <c r="GG38" s="117">
        <v>0</v>
      </c>
      <c r="GH38" s="116">
        <v>0</v>
      </c>
      <c r="GI38" s="114">
        <v>0</v>
      </c>
      <c r="GJ38" s="113">
        <v>0</v>
      </c>
      <c r="GK38" s="116">
        <v>0</v>
      </c>
      <c r="GL38" s="116">
        <v>0</v>
      </c>
      <c r="GM38" s="116">
        <v>0</v>
      </c>
      <c r="GN38" s="116">
        <v>0</v>
      </c>
      <c r="GO38" s="116">
        <v>0</v>
      </c>
      <c r="GP38" s="115">
        <v>0</v>
      </c>
      <c r="GQ38" s="118">
        <v>0</v>
      </c>
      <c r="GR38" s="112">
        <v>0</v>
      </c>
      <c r="GS38" s="116">
        <v>0</v>
      </c>
      <c r="GT38" s="115">
        <v>0</v>
      </c>
      <c r="GU38" s="112">
        <v>0</v>
      </c>
      <c r="GV38" s="116">
        <v>0</v>
      </c>
      <c r="GW38" s="116">
        <v>0</v>
      </c>
      <c r="GX38" s="116">
        <v>0</v>
      </c>
      <c r="GY38" s="116">
        <v>0</v>
      </c>
      <c r="GZ38" s="116">
        <v>0</v>
      </c>
      <c r="HA38" s="114">
        <v>0</v>
      </c>
      <c r="HB38" s="118">
        <v>0</v>
      </c>
      <c r="HC38" s="112">
        <v>0</v>
      </c>
      <c r="HD38" s="116">
        <v>0</v>
      </c>
      <c r="HE38" s="114">
        <v>0</v>
      </c>
      <c r="HF38" s="113">
        <v>0</v>
      </c>
      <c r="HG38" s="116">
        <v>0</v>
      </c>
      <c r="HH38" s="116">
        <v>0</v>
      </c>
      <c r="HI38" s="116">
        <v>0</v>
      </c>
      <c r="HJ38" s="116">
        <v>0</v>
      </c>
      <c r="HK38" s="116">
        <v>75916</v>
      </c>
      <c r="HL38" s="115">
        <v>75916</v>
      </c>
      <c r="HM38" s="111">
        <v>75916</v>
      </c>
      <c r="HN38" s="370"/>
      <c r="HO38" s="371"/>
      <c r="HP38" s="372"/>
      <c r="HQ38" s="373"/>
      <c r="HR38" s="371"/>
      <c r="HS38" s="371"/>
      <c r="HT38" s="371"/>
      <c r="HU38" s="371"/>
      <c r="HV38" s="371"/>
      <c r="HW38" s="374"/>
      <c r="HX38" s="375"/>
      <c r="HY38" s="167">
        <v>0</v>
      </c>
      <c r="HZ38" s="152">
        <v>0</v>
      </c>
      <c r="IA38" s="167">
        <v>0</v>
      </c>
      <c r="IB38" s="163">
        <v>0</v>
      </c>
      <c r="IC38" s="149">
        <v>186266</v>
      </c>
      <c r="ID38" s="164">
        <v>79830</v>
      </c>
      <c r="IE38" s="150">
        <v>219210</v>
      </c>
      <c r="IF38" s="149">
        <v>0</v>
      </c>
      <c r="IG38" s="150">
        <v>0</v>
      </c>
      <c r="IH38" s="165">
        <v>485306</v>
      </c>
      <c r="II38" s="167">
        <v>485306</v>
      </c>
      <c r="IJ38" s="261">
        <v>0</v>
      </c>
      <c r="IK38" s="268">
        <v>0</v>
      </c>
      <c r="IL38" s="269">
        <v>0</v>
      </c>
      <c r="IM38" s="157"/>
      <c r="IN38" s="122">
        <v>0</v>
      </c>
      <c r="IO38" s="122">
        <v>0</v>
      </c>
      <c r="IP38" s="122">
        <v>0</v>
      </c>
      <c r="IQ38" s="122">
        <v>0</v>
      </c>
      <c r="IR38" s="122">
        <v>0</v>
      </c>
      <c r="IS38" s="158">
        <v>0</v>
      </c>
      <c r="IT38" s="357">
        <v>0</v>
      </c>
      <c r="IU38" s="159">
        <v>0</v>
      </c>
      <c r="IV38" s="122">
        <v>0</v>
      </c>
      <c r="IW38" s="123">
        <v>0</v>
      </c>
      <c r="IX38" s="161"/>
      <c r="IY38" s="122">
        <v>0</v>
      </c>
      <c r="IZ38" s="122">
        <v>0</v>
      </c>
      <c r="JA38" s="122">
        <v>0</v>
      </c>
      <c r="JB38" s="122">
        <v>0</v>
      </c>
      <c r="JC38" s="122">
        <v>0</v>
      </c>
      <c r="JD38" s="123">
        <v>0</v>
      </c>
      <c r="JE38" s="124">
        <v>0</v>
      </c>
      <c r="JF38" s="159">
        <v>0</v>
      </c>
      <c r="JG38" s="122">
        <v>0</v>
      </c>
      <c r="JH38" s="158">
        <v>0</v>
      </c>
      <c r="JI38" s="121">
        <v>0</v>
      </c>
      <c r="JJ38" s="122">
        <v>40372</v>
      </c>
      <c r="JK38" s="122">
        <v>0</v>
      </c>
      <c r="JL38" s="122">
        <v>0</v>
      </c>
      <c r="JM38" s="122">
        <v>0</v>
      </c>
      <c r="JN38" s="122">
        <v>0</v>
      </c>
      <c r="JO38" s="123">
        <v>40372</v>
      </c>
      <c r="JP38" s="357">
        <v>40372</v>
      </c>
      <c r="JQ38" s="159">
        <v>0</v>
      </c>
      <c r="JR38" s="122">
        <v>0</v>
      </c>
      <c r="JS38" s="158">
        <v>0</v>
      </c>
      <c r="JT38" s="121">
        <v>0</v>
      </c>
      <c r="JU38" s="122">
        <v>0</v>
      </c>
      <c r="JV38" s="122">
        <v>0</v>
      </c>
      <c r="JW38" s="122">
        <v>0</v>
      </c>
      <c r="JX38" s="122">
        <v>0</v>
      </c>
      <c r="JY38" s="122">
        <v>0</v>
      </c>
      <c r="JZ38" s="123">
        <v>0</v>
      </c>
      <c r="KA38" s="357">
        <v>0</v>
      </c>
      <c r="KB38" s="264">
        <v>0</v>
      </c>
      <c r="KC38" s="258">
        <v>0</v>
      </c>
      <c r="KD38" s="123">
        <v>0</v>
      </c>
      <c r="KE38" s="121">
        <v>0</v>
      </c>
      <c r="KF38" s="122">
        <v>0</v>
      </c>
      <c r="KG38" s="122">
        <v>0</v>
      </c>
      <c r="KH38" s="122">
        <v>0</v>
      </c>
      <c r="KI38" s="122">
        <v>0</v>
      </c>
      <c r="KJ38" s="122">
        <v>0</v>
      </c>
      <c r="KK38" s="123">
        <v>0</v>
      </c>
      <c r="KL38" s="160">
        <v>0</v>
      </c>
      <c r="KM38" s="261">
        <v>0</v>
      </c>
      <c r="KN38" s="268">
        <v>0</v>
      </c>
      <c r="KO38" s="269">
        <v>0</v>
      </c>
      <c r="KP38" s="157"/>
      <c r="KQ38" s="122">
        <v>0</v>
      </c>
      <c r="KR38" s="122">
        <v>0</v>
      </c>
      <c r="KS38" s="122">
        <v>219210</v>
      </c>
      <c r="KT38" s="122">
        <v>0</v>
      </c>
      <c r="KU38" s="122">
        <v>0</v>
      </c>
      <c r="KV38" s="123">
        <v>219210</v>
      </c>
      <c r="KW38" s="357">
        <v>219210</v>
      </c>
      <c r="KX38" s="159">
        <v>0</v>
      </c>
      <c r="KY38" s="122">
        <v>0</v>
      </c>
      <c r="KZ38" s="123">
        <v>0</v>
      </c>
      <c r="LA38" s="162"/>
      <c r="LB38" s="122">
        <v>0</v>
      </c>
      <c r="LC38" s="122">
        <v>0</v>
      </c>
      <c r="LD38" s="122">
        <v>0</v>
      </c>
      <c r="LE38" s="122">
        <v>0</v>
      </c>
      <c r="LF38" s="122">
        <v>0</v>
      </c>
      <c r="LG38" s="123">
        <v>0</v>
      </c>
      <c r="LH38" s="124">
        <v>0</v>
      </c>
      <c r="LI38" s="159">
        <v>0</v>
      </c>
      <c r="LJ38" s="122">
        <v>0</v>
      </c>
      <c r="LK38" s="123">
        <v>0</v>
      </c>
      <c r="LL38" s="162"/>
      <c r="LM38" s="122">
        <v>0</v>
      </c>
      <c r="LN38" s="122">
        <v>0</v>
      </c>
      <c r="LO38" s="122">
        <v>0</v>
      </c>
      <c r="LP38" s="122">
        <v>0</v>
      </c>
      <c r="LQ38" s="122">
        <v>0</v>
      </c>
      <c r="LR38" s="123">
        <v>0</v>
      </c>
      <c r="LS38" s="357">
        <v>0</v>
      </c>
      <c r="LT38" s="159">
        <v>0</v>
      </c>
      <c r="LU38" s="122">
        <v>0</v>
      </c>
      <c r="LV38" s="123">
        <v>0</v>
      </c>
      <c r="LW38" s="162"/>
      <c r="LX38" s="122">
        <v>145894</v>
      </c>
      <c r="LY38" s="122">
        <v>79830</v>
      </c>
      <c r="LZ38" s="122">
        <v>0</v>
      </c>
      <c r="MA38" s="122">
        <v>0</v>
      </c>
      <c r="MB38" s="122">
        <v>0</v>
      </c>
      <c r="MC38" s="123">
        <v>225724</v>
      </c>
      <c r="MD38" s="124">
        <v>225724</v>
      </c>
      <c r="ME38" s="159">
        <v>0</v>
      </c>
      <c r="MF38" s="122">
        <v>0</v>
      </c>
      <c r="MG38" s="123">
        <v>0</v>
      </c>
      <c r="MH38" s="162"/>
      <c r="MI38" s="122">
        <v>208843</v>
      </c>
      <c r="MJ38" s="122">
        <v>0</v>
      </c>
      <c r="MK38" s="122">
        <v>288672</v>
      </c>
      <c r="ML38" s="122">
        <v>311241</v>
      </c>
      <c r="MM38" s="122">
        <v>288803</v>
      </c>
      <c r="MN38" s="123">
        <v>1097559</v>
      </c>
      <c r="MO38" s="160">
        <v>1097559</v>
      </c>
      <c r="MP38" s="159">
        <v>0</v>
      </c>
      <c r="MQ38" s="122">
        <v>0</v>
      </c>
      <c r="MR38" s="123">
        <v>0</v>
      </c>
      <c r="MS38" s="162"/>
      <c r="MT38" s="122">
        <v>0</v>
      </c>
      <c r="MU38" s="122">
        <v>0</v>
      </c>
      <c r="MV38" s="122">
        <v>0</v>
      </c>
      <c r="MW38" s="122">
        <v>0</v>
      </c>
      <c r="MX38" s="122">
        <v>0</v>
      </c>
      <c r="MY38" s="123">
        <v>0</v>
      </c>
      <c r="MZ38" s="160">
        <v>0</v>
      </c>
      <c r="NA38" s="159">
        <v>0</v>
      </c>
      <c r="NB38" s="122">
        <v>0</v>
      </c>
      <c r="NC38" s="123">
        <v>0</v>
      </c>
      <c r="ND38" s="162"/>
      <c r="NE38" s="122">
        <v>208843</v>
      </c>
      <c r="NF38" s="122">
        <v>0</v>
      </c>
      <c r="NG38" s="122">
        <v>0</v>
      </c>
      <c r="NH38" s="122">
        <v>0</v>
      </c>
      <c r="NI38" s="122">
        <v>288803</v>
      </c>
      <c r="NJ38" s="123">
        <v>497646</v>
      </c>
      <c r="NK38" s="357">
        <v>497646</v>
      </c>
      <c r="NL38" s="159">
        <v>0</v>
      </c>
      <c r="NM38" s="122">
        <v>0</v>
      </c>
      <c r="NN38" s="123">
        <v>0</v>
      </c>
      <c r="NO38" s="162"/>
      <c r="NP38" s="122">
        <v>0</v>
      </c>
      <c r="NQ38" s="122">
        <v>0</v>
      </c>
      <c r="NR38" s="122">
        <v>0</v>
      </c>
      <c r="NS38" s="122">
        <v>0</v>
      </c>
      <c r="NT38" s="122">
        <v>0</v>
      </c>
      <c r="NU38" s="123">
        <v>0</v>
      </c>
      <c r="NV38" s="124">
        <v>0</v>
      </c>
      <c r="NW38" s="159">
        <v>0</v>
      </c>
      <c r="NX38" s="122">
        <v>0</v>
      </c>
      <c r="NY38" s="123">
        <v>0</v>
      </c>
      <c r="NZ38" s="162"/>
      <c r="OA38" s="122">
        <v>0</v>
      </c>
      <c r="OB38" s="122">
        <v>0</v>
      </c>
      <c r="OC38" s="122">
        <v>288672</v>
      </c>
      <c r="OD38" s="122">
        <v>311241</v>
      </c>
      <c r="OE38" s="122">
        <v>0</v>
      </c>
      <c r="OF38" s="123">
        <v>599913</v>
      </c>
      <c r="OG38" s="124">
        <v>599913</v>
      </c>
      <c r="OH38" s="159">
        <v>71977</v>
      </c>
      <c r="OI38" s="122">
        <v>47789</v>
      </c>
      <c r="OJ38" s="158">
        <v>119766</v>
      </c>
      <c r="OK38" s="121">
        <v>0</v>
      </c>
      <c r="OL38" s="122">
        <v>475310</v>
      </c>
      <c r="OM38" s="122">
        <v>269470</v>
      </c>
      <c r="ON38" s="122">
        <v>564970</v>
      </c>
      <c r="OO38" s="122">
        <v>311241</v>
      </c>
      <c r="OP38" s="122">
        <v>364719</v>
      </c>
      <c r="OQ38" s="123">
        <v>1985710</v>
      </c>
      <c r="OR38" s="160">
        <v>2105476</v>
      </c>
    </row>
    <row r="39" spans="1:408" ht="20.25" customHeight="1" x14ac:dyDescent="0.2">
      <c r="A39" s="129" t="s">
        <v>34</v>
      </c>
      <c r="B39" s="112">
        <v>0</v>
      </c>
      <c r="C39" s="116">
        <v>17184</v>
      </c>
      <c r="D39" s="201">
        <v>17184</v>
      </c>
      <c r="E39" s="202">
        <v>0</v>
      </c>
      <c r="F39" s="203">
        <v>206468</v>
      </c>
      <c r="G39" s="203">
        <v>283645</v>
      </c>
      <c r="H39" s="203">
        <v>503464</v>
      </c>
      <c r="I39" s="203">
        <v>0</v>
      </c>
      <c r="J39" s="203">
        <v>219254</v>
      </c>
      <c r="K39" s="204">
        <v>1212831</v>
      </c>
      <c r="L39" s="118">
        <v>1230015</v>
      </c>
      <c r="M39" s="112">
        <v>0</v>
      </c>
      <c r="N39" s="116">
        <v>17184</v>
      </c>
      <c r="O39" s="115">
        <v>17184</v>
      </c>
      <c r="P39" s="112">
        <v>0</v>
      </c>
      <c r="Q39" s="116">
        <v>18472</v>
      </c>
      <c r="R39" s="116">
        <v>84517</v>
      </c>
      <c r="S39" s="116">
        <v>113584</v>
      </c>
      <c r="T39" s="116">
        <v>0</v>
      </c>
      <c r="U39" s="116">
        <v>4144</v>
      </c>
      <c r="V39" s="115">
        <v>220717</v>
      </c>
      <c r="W39" s="118">
        <v>237901</v>
      </c>
      <c r="X39" s="112">
        <v>0</v>
      </c>
      <c r="Y39" s="116">
        <v>0</v>
      </c>
      <c r="Z39" s="115">
        <v>0</v>
      </c>
      <c r="AA39" s="112">
        <v>0</v>
      </c>
      <c r="AB39" s="116">
        <v>0</v>
      </c>
      <c r="AC39" s="116">
        <v>52301</v>
      </c>
      <c r="AD39" s="116">
        <v>29296</v>
      </c>
      <c r="AE39" s="116">
        <v>0</v>
      </c>
      <c r="AF39" s="116">
        <v>0</v>
      </c>
      <c r="AG39" s="115">
        <v>81597</v>
      </c>
      <c r="AH39" s="118">
        <v>81597</v>
      </c>
      <c r="AI39" s="112">
        <v>0</v>
      </c>
      <c r="AJ39" s="116">
        <v>0</v>
      </c>
      <c r="AK39" s="115">
        <v>0</v>
      </c>
      <c r="AL39" s="112">
        <v>0</v>
      </c>
      <c r="AM39" s="116">
        <v>0</v>
      </c>
      <c r="AN39" s="116">
        <v>0</v>
      </c>
      <c r="AO39" s="116">
        <v>0</v>
      </c>
      <c r="AP39" s="116">
        <v>0</v>
      </c>
      <c r="AQ39" s="116">
        <v>0</v>
      </c>
      <c r="AR39" s="115">
        <v>0</v>
      </c>
      <c r="AS39" s="118">
        <v>0</v>
      </c>
      <c r="AT39" s="112">
        <v>0</v>
      </c>
      <c r="AU39" s="116">
        <v>17184</v>
      </c>
      <c r="AV39" s="115">
        <v>17184</v>
      </c>
      <c r="AW39" s="112">
        <v>0</v>
      </c>
      <c r="AX39" s="116">
        <v>0</v>
      </c>
      <c r="AY39" s="116">
        <v>9920</v>
      </c>
      <c r="AZ39" s="116">
        <v>53472</v>
      </c>
      <c r="BA39" s="116">
        <v>0</v>
      </c>
      <c r="BB39" s="116">
        <v>0</v>
      </c>
      <c r="BC39" s="115">
        <v>63392</v>
      </c>
      <c r="BD39" s="118">
        <v>80576</v>
      </c>
      <c r="BE39" s="112">
        <v>0</v>
      </c>
      <c r="BF39" s="116">
        <v>0</v>
      </c>
      <c r="BG39" s="114">
        <v>0</v>
      </c>
      <c r="BH39" s="113">
        <v>0</v>
      </c>
      <c r="BI39" s="116">
        <v>0</v>
      </c>
      <c r="BJ39" s="116">
        <v>17528</v>
      </c>
      <c r="BK39" s="116">
        <v>0</v>
      </c>
      <c r="BL39" s="116">
        <v>0</v>
      </c>
      <c r="BM39" s="116">
        <v>0</v>
      </c>
      <c r="BN39" s="115">
        <v>17528</v>
      </c>
      <c r="BO39" s="118">
        <v>17528</v>
      </c>
      <c r="BP39" s="112">
        <v>0</v>
      </c>
      <c r="BQ39" s="116">
        <v>0</v>
      </c>
      <c r="BR39" s="115">
        <v>0</v>
      </c>
      <c r="BS39" s="112">
        <v>0</v>
      </c>
      <c r="BT39" s="116">
        <v>18472</v>
      </c>
      <c r="BU39" s="116">
        <v>4768</v>
      </c>
      <c r="BV39" s="116">
        <v>30816</v>
      </c>
      <c r="BW39" s="116">
        <v>0</v>
      </c>
      <c r="BX39" s="116">
        <v>4144</v>
      </c>
      <c r="BY39" s="115">
        <v>58200</v>
      </c>
      <c r="BZ39" s="118">
        <v>58200</v>
      </c>
      <c r="CA39" s="112">
        <v>0</v>
      </c>
      <c r="CB39" s="116">
        <v>0</v>
      </c>
      <c r="CC39" s="115">
        <v>0</v>
      </c>
      <c r="CD39" s="112">
        <v>0</v>
      </c>
      <c r="CE39" s="116">
        <v>47888</v>
      </c>
      <c r="CF39" s="116">
        <v>189144</v>
      </c>
      <c r="CG39" s="116">
        <v>0</v>
      </c>
      <c r="CH39" s="116">
        <v>0</v>
      </c>
      <c r="CI39" s="116">
        <v>0</v>
      </c>
      <c r="CJ39" s="115">
        <v>237032</v>
      </c>
      <c r="CK39" s="118">
        <v>237032</v>
      </c>
      <c r="CL39" s="112">
        <v>0</v>
      </c>
      <c r="CM39" s="116">
        <v>0</v>
      </c>
      <c r="CN39" s="115">
        <v>0</v>
      </c>
      <c r="CO39" s="113">
        <v>0</v>
      </c>
      <c r="CP39" s="116">
        <v>47888</v>
      </c>
      <c r="CQ39" s="116">
        <v>142464</v>
      </c>
      <c r="CR39" s="116">
        <v>0</v>
      </c>
      <c r="CS39" s="116">
        <v>0</v>
      </c>
      <c r="CT39" s="116">
        <v>0</v>
      </c>
      <c r="CU39" s="115">
        <v>190352</v>
      </c>
      <c r="CV39" s="118">
        <v>190352</v>
      </c>
      <c r="CW39" s="112">
        <v>0</v>
      </c>
      <c r="CX39" s="116">
        <v>0</v>
      </c>
      <c r="CY39" s="115">
        <v>0</v>
      </c>
      <c r="CZ39" s="112">
        <v>0</v>
      </c>
      <c r="DA39" s="116">
        <v>0</v>
      </c>
      <c r="DB39" s="116">
        <v>46680</v>
      </c>
      <c r="DC39" s="116">
        <v>0</v>
      </c>
      <c r="DD39" s="116">
        <v>0</v>
      </c>
      <c r="DE39" s="116">
        <v>0</v>
      </c>
      <c r="DF39" s="115">
        <v>46680</v>
      </c>
      <c r="DG39" s="118">
        <v>46680</v>
      </c>
      <c r="DH39" s="112">
        <v>0</v>
      </c>
      <c r="DI39" s="116">
        <v>0</v>
      </c>
      <c r="DJ39" s="114">
        <v>0</v>
      </c>
      <c r="DK39" s="113">
        <v>0</v>
      </c>
      <c r="DL39" s="116">
        <v>0</v>
      </c>
      <c r="DM39" s="116">
        <v>0</v>
      </c>
      <c r="DN39" s="116">
        <v>0</v>
      </c>
      <c r="DO39" s="116">
        <v>0</v>
      </c>
      <c r="DP39" s="116">
        <v>0</v>
      </c>
      <c r="DQ39" s="115">
        <v>0</v>
      </c>
      <c r="DR39" s="118">
        <v>0</v>
      </c>
      <c r="DS39" s="112">
        <v>0</v>
      </c>
      <c r="DT39" s="116">
        <v>0</v>
      </c>
      <c r="DU39" s="115">
        <v>0</v>
      </c>
      <c r="DV39" s="112">
        <v>0</v>
      </c>
      <c r="DW39" s="116">
        <v>0</v>
      </c>
      <c r="DX39" s="116">
        <v>0</v>
      </c>
      <c r="DY39" s="116">
        <v>0</v>
      </c>
      <c r="DZ39" s="116">
        <v>0</v>
      </c>
      <c r="EA39" s="116">
        <v>0</v>
      </c>
      <c r="EB39" s="115">
        <v>0</v>
      </c>
      <c r="EC39" s="118">
        <v>0</v>
      </c>
      <c r="ED39" s="112">
        <v>0</v>
      </c>
      <c r="EE39" s="114">
        <v>0</v>
      </c>
      <c r="EF39" s="115">
        <v>0</v>
      </c>
      <c r="EG39" s="112">
        <v>0</v>
      </c>
      <c r="EH39" s="116">
        <v>0</v>
      </c>
      <c r="EI39" s="116">
        <v>0</v>
      </c>
      <c r="EJ39" s="116">
        <v>0</v>
      </c>
      <c r="EK39" s="116">
        <v>0</v>
      </c>
      <c r="EL39" s="116">
        <v>0</v>
      </c>
      <c r="EM39" s="114">
        <v>0</v>
      </c>
      <c r="EN39" s="118">
        <v>0</v>
      </c>
      <c r="EO39" s="112">
        <v>0</v>
      </c>
      <c r="EP39" s="116">
        <v>0</v>
      </c>
      <c r="EQ39" s="114">
        <v>0</v>
      </c>
      <c r="ER39" s="113">
        <v>0</v>
      </c>
      <c r="ES39" s="116">
        <v>0</v>
      </c>
      <c r="ET39" s="116">
        <v>0</v>
      </c>
      <c r="EU39" s="116">
        <v>0</v>
      </c>
      <c r="EV39" s="116">
        <v>0</v>
      </c>
      <c r="EW39" s="116">
        <v>0</v>
      </c>
      <c r="EX39" s="115">
        <v>0</v>
      </c>
      <c r="EY39" s="118">
        <v>0</v>
      </c>
      <c r="EZ39" s="112">
        <v>0</v>
      </c>
      <c r="FA39" s="116">
        <v>0</v>
      </c>
      <c r="FB39" s="114">
        <v>0</v>
      </c>
      <c r="FC39" s="390"/>
      <c r="FD39" s="116">
        <v>0</v>
      </c>
      <c r="FE39" s="116">
        <v>0</v>
      </c>
      <c r="FF39" s="116">
        <v>0</v>
      </c>
      <c r="FG39" s="116">
        <v>0</v>
      </c>
      <c r="FH39" s="116">
        <v>0</v>
      </c>
      <c r="FI39" s="115">
        <v>0</v>
      </c>
      <c r="FJ39" s="118">
        <v>0</v>
      </c>
      <c r="FK39" s="112">
        <v>0</v>
      </c>
      <c r="FL39" s="116">
        <v>0</v>
      </c>
      <c r="FM39" s="115">
        <v>0</v>
      </c>
      <c r="FN39" s="112">
        <v>0</v>
      </c>
      <c r="FO39" s="116">
        <v>1600</v>
      </c>
      <c r="FP39" s="116">
        <v>9984</v>
      </c>
      <c r="FQ39" s="116">
        <v>222544</v>
      </c>
      <c r="FR39" s="116">
        <v>0</v>
      </c>
      <c r="FS39" s="116">
        <v>0</v>
      </c>
      <c r="FT39" s="115">
        <v>234128</v>
      </c>
      <c r="FU39" s="118">
        <v>234128</v>
      </c>
      <c r="FV39" s="117">
        <v>0</v>
      </c>
      <c r="FW39" s="116">
        <v>0</v>
      </c>
      <c r="FX39" s="114">
        <v>0</v>
      </c>
      <c r="FY39" s="113">
        <v>0</v>
      </c>
      <c r="FZ39" s="116">
        <v>1600</v>
      </c>
      <c r="GA39" s="116">
        <v>9984</v>
      </c>
      <c r="GB39" s="116">
        <v>62736</v>
      </c>
      <c r="GC39" s="116">
        <v>0</v>
      </c>
      <c r="GD39" s="116">
        <v>0</v>
      </c>
      <c r="GE39" s="115">
        <v>74320</v>
      </c>
      <c r="GF39" s="354">
        <v>74320</v>
      </c>
      <c r="GG39" s="117">
        <v>0</v>
      </c>
      <c r="GH39" s="116">
        <v>0</v>
      </c>
      <c r="GI39" s="114">
        <v>0</v>
      </c>
      <c r="GJ39" s="113">
        <v>0</v>
      </c>
      <c r="GK39" s="116">
        <v>0</v>
      </c>
      <c r="GL39" s="116">
        <v>0</v>
      </c>
      <c r="GM39" s="116">
        <v>50688</v>
      </c>
      <c r="GN39" s="116">
        <v>0</v>
      </c>
      <c r="GO39" s="116">
        <v>0</v>
      </c>
      <c r="GP39" s="115">
        <v>50688</v>
      </c>
      <c r="GQ39" s="118">
        <v>50688</v>
      </c>
      <c r="GR39" s="112">
        <v>0</v>
      </c>
      <c r="GS39" s="116">
        <v>0</v>
      </c>
      <c r="GT39" s="115">
        <v>0</v>
      </c>
      <c r="GU39" s="112">
        <v>0</v>
      </c>
      <c r="GV39" s="116">
        <v>0</v>
      </c>
      <c r="GW39" s="116">
        <v>0</v>
      </c>
      <c r="GX39" s="116">
        <v>109120</v>
      </c>
      <c r="GY39" s="116">
        <v>0</v>
      </c>
      <c r="GZ39" s="116">
        <v>0</v>
      </c>
      <c r="HA39" s="114">
        <v>109120</v>
      </c>
      <c r="HB39" s="118">
        <v>109120</v>
      </c>
      <c r="HC39" s="112">
        <v>0</v>
      </c>
      <c r="HD39" s="116">
        <v>0</v>
      </c>
      <c r="HE39" s="114">
        <v>0</v>
      </c>
      <c r="HF39" s="113">
        <v>0</v>
      </c>
      <c r="HG39" s="116">
        <v>138508</v>
      </c>
      <c r="HH39" s="116">
        <v>0</v>
      </c>
      <c r="HI39" s="116">
        <v>167336</v>
      </c>
      <c r="HJ39" s="116">
        <v>0</v>
      </c>
      <c r="HK39" s="116">
        <v>215110</v>
      </c>
      <c r="HL39" s="115">
        <v>520954</v>
      </c>
      <c r="HM39" s="111">
        <v>520954</v>
      </c>
      <c r="HN39" s="370"/>
      <c r="HO39" s="371"/>
      <c r="HP39" s="372"/>
      <c r="HQ39" s="373"/>
      <c r="HR39" s="371"/>
      <c r="HS39" s="371"/>
      <c r="HT39" s="371"/>
      <c r="HU39" s="371"/>
      <c r="HV39" s="371"/>
      <c r="HW39" s="374"/>
      <c r="HX39" s="375"/>
      <c r="HY39" s="148">
        <v>0</v>
      </c>
      <c r="HZ39" s="149">
        <v>0</v>
      </c>
      <c r="IA39" s="150">
        <v>0</v>
      </c>
      <c r="IB39" s="163">
        <v>0</v>
      </c>
      <c r="IC39" s="149">
        <v>275760</v>
      </c>
      <c r="ID39" s="164">
        <v>0</v>
      </c>
      <c r="IE39" s="150">
        <v>241552</v>
      </c>
      <c r="IF39" s="149">
        <v>0</v>
      </c>
      <c r="IG39" s="150">
        <v>0</v>
      </c>
      <c r="IH39" s="165">
        <v>517312</v>
      </c>
      <c r="II39" s="156">
        <v>517312</v>
      </c>
      <c r="IJ39" s="261">
        <v>0</v>
      </c>
      <c r="IK39" s="268">
        <v>0</v>
      </c>
      <c r="IL39" s="269">
        <v>0</v>
      </c>
      <c r="IM39" s="157"/>
      <c r="IN39" s="122">
        <v>0</v>
      </c>
      <c r="IO39" s="122">
        <v>0</v>
      </c>
      <c r="IP39" s="122">
        <v>0</v>
      </c>
      <c r="IQ39" s="122">
        <v>0</v>
      </c>
      <c r="IR39" s="122">
        <v>0</v>
      </c>
      <c r="IS39" s="158">
        <v>0</v>
      </c>
      <c r="IT39" s="357">
        <v>0</v>
      </c>
      <c r="IU39" s="159">
        <v>0</v>
      </c>
      <c r="IV39" s="122">
        <v>0</v>
      </c>
      <c r="IW39" s="123">
        <v>0</v>
      </c>
      <c r="IX39" s="161"/>
      <c r="IY39" s="122">
        <v>0</v>
      </c>
      <c r="IZ39" s="122">
        <v>0</v>
      </c>
      <c r="JA39" s="122">
        <v>0</v>
      </c>
      <c r="JB39" s="122">
        <v>0</v>
      </c>
      <c r="JC39" s="122">
        <v>0</v>
      </c>
      <c r="JD39" s="123">
        <v>0</v>
      </c>
      <c r="JE39" s="124">
        <v>0</v>
      </c>
      <c r="JF39" s="159">
        <v>0</v>
      </c>
      <c r="JG39" s="122">
        <v>0</v>
      </c>
      <c r="JH39" s="158">
        <v>0</v>
      </c>
      <c r="JI39" s="121">
        <v>0</v>
      </c>
      <c r="JJ39" s="122">
        <v>165048</v>
      </c>
      <c r="JK39" s="122">
        <v>0</v>
      </c>
      <c r="JL39" s="122">
        <v>0</v>
      </c>
      <c r="JM39" s="122">
        <v>0</v>
      </c>
      <c r="JN39" s="122">
        <v>0</v>
      </c>
      <c r="JO39" s="123">
        <v>165048</v>
      </c>
      <c r="JP39" s="357">
        <v>165048</v>
      </c>
      <c r="JQ39" s="159">
        <v>0</v>
      </c>
      <c r="JR39" s="122">
        <v>0</v>
      </c>
      <c r="JS39" s="158">
        <v>0</v>
      </c>
      <c r="JT39" s="121">
        <v>0</v>
      </c>
      <c r="JU39" s="122">
        <v>0</v>
      </c>
      <c r="JV39" s="122">
        <v>0</v>
      </c>
      <c r="JW39" s="122">
        <v>0</v>
      </c>
      <c r="JX39" s="122">
        <v>0</v>
      </c>
      <c r="JY39" s="122">
        <v>0</v>
      </c>
      <c r="JZ39" s="123">
        <v>0</v>
      </c>
      <c r="KA39" s="357">
        <v>0</v>
      </c>
      <c r="KB39" s="264">
        <v>0</v>
      </c>
      <c r="KC39" s="258">
        <v>0</v>
      </c>
      <c r="KD39" s="123">
        <v>0</v>
      </c>
      <c r="KE39" s="121">
        <v>0</v>
      </c>
      <c r="KF39" s="122">
        <v>110712</v>
      </c>
      <c r="KG39" s="122">
        <v>0</v>
      </c>
      <c r="KH39" s="122">
        <v>0</v>
      </c>
      <c r="KI39" s="122">
        <v>0</v>
      </c>
      <c r="KJ39" s="122">
        <v>0</v>
      </c>
      <c r="KK39" s="123">
        <v>110712</v>
      </c>
      <c r="KL39" s="160">
        <v>110712</v>
      </c>
      <c r="KM39" s="261">
        <v>0</v>
      </c>
      <c r="KN39" s="268">
        <v>0</v>
      </c>
      <c r="KO39" s="269">
        <v>0</v>
      </c>
      <c r="KP39" s="157"/>
      <c r="KQ39" s="122">
        <v>0</v>
      </c>
      <c r="KR39" s="122">
        <v>0</v>
      </c>
      <c r="KS39" s="122">
        <v>0</v>
      </c>
      <c r="KT39" s="122">
        <v>0</v>
      </c>
      <c r="KU39" s="122">
        <v>0</v>
      </c>
      <c r="KV39" s="123">
        <v>0</v>
      </c>
      <c r="KW39" s="357">
        <v>0</v>
      </c>
      <c r="KX39" s="159">
        <v>0</v>
      </c>
      <c r="KY39" s="122">
        <v>0</v>
      </c>
      <c r="KZ39" s="123">
        <v>0</v>
      </c>
      <c r="LA39" s="162"/>
      <c r="LB39" s="122">
        <v>0</v>
      </c>
      <c r="LC39" s="122">
        <v>0</v>
      </c>
      <c r="LD39" s="122">
        <v>0</v>
      </c>
      <c r="LE39" s="122">
        <v>0</v>
      </c>
      <c r="LF39" s="122">
        <v>0</v>
      </c>
      <c r="LG39" s="123">
        <v>0</v>
      </c>
      <c r="LH39" s="124">
        <v>0</v>
      </c>
      <c r="LI39" s="159">
        <v>0</v>
      </c>
      <c r="LJ39" s="122">
        <v>0</v>
      </c>
      <c r="LK39" s="123">
        <v>0</v>
      </c>
      <c r="LL39" s="162"/>
      <c r="LM39" s="122">
        <v>0</v>
      </c>
      <c r="LN39" s="122">
        <v>0</v>
      </c>
      <c r="LO39" s="122">
        <v>0</v>
      </c>
      <c r="LP39" s="122">
        <v>0</v>
      </c>
      <c r="LQ39" s="122">
        <v>0</v>
      </c>
      <c r="LR39" s="123">
        <v>0</v>
      </c>
      <c r="LS39" s="357">
        <v>0</v>
      </c>
      <c r="LT39" s="159">
        <v>0</v>
      </c>
      <c r="LU39" s="122">
        <v>0</v>
      </c>
      <c r="LV39" s="123">
        <v>0</v>
      </c>
      <c r="LW39" s="162"/>
      <c r="LX39" s="122">
        <v>0</v>
      </c>
      <c r="LY39" s="122">
        <v>0</v>
      </c>
      <c r="LZ39" s="122">
        <v>241552</v>
      </c>
      <c r="MA39" s="122">
        <v>0</v>
      </c>
      <c r="MB39" s="122">
        <v>0</v>
      </c>
      <c r="MC39" s="123">
        <v>241552</v>
      </c>
      <c r="MD39" s="124">
        <v>241552</v>
      </c>
      <c r="ME39" s="159">
        <v>0</v>
      </c>
      <c r="MF39" s="122">
        <v>0</v>
      </c>
      <c r="MG39" s="123">
        <v>0</v>
      </c>
      <c r="MH39" s="162"/>
      <c r="MI39" s="122">
        <v>0</v>
      </c>
      <c r="MJ39" s="122">
        <v>0</v>
      </c>
      <c r="MK39" s="122">
        <v>194432</v>
      </c>
      <c r="ML39" s="122">
        <v>0</v>
      </c>
      <c r="MM39" s="122">
        <v>121152</v>
      </c>
      <c r="MN39" s="123">
        <v>315584</v>
      </c>
      <c r="MO39" s="160">
        <v>315584</v>
      </c>
      <c r="MP39" s="159">
        <v>0</v>
      </c>
      <c r="MQ39" s="122">
        <v>0</v>
      </c>
      <c r="MR39" s="123">
        <v>0</v>
      </c>
      <c r="MS39" s="162"/>
      <c r="MT39" s="122">
        <v>0</v>
      </c>
      <c r="MU39" s="122">
        <v>0</v>
      </c>
      <c r="MV39" s="122">
        <v>194432</v>
      </c>
      <c r="MW39" s="122">
        <v>0</v>
      </c>
      <c r="MX39" s="122">
        <v>121152</v>
      </c>
      <c r="MY39" s="123">
        <v>315584</v>
      </c>
      <c r="MZ39" s="160">
        <v>315584</v>
      </c>
      <c r="NA39" s="159">
        <v>0</v>
      </c>
      <c r="NB39" s="122">
        <v>0</v>
      </c>
      <c r="NC39" s="123">
        <v>0</v>
      </c>
      <c r="ND39" s="162"/>
      <c r="NE39" s="122">
        <v>0</v>
      </c>
      <c r="NF39" s="122">
        <v>0</v>
      </c>
      <c r="NG39" s="122">
        <v>0</v>
      </c>
      <c r="NH39" s="122">
        <v>0</v>
      </c>
      <c r="NI39" s="122">
        <v>0</v>
      </c>
      <c r="NJ39" s="123">
        <v>0</v>
      </c>
      <c r="NK39" s="357">
        <v>0</v>
      </c>
      <c r="NL39" s="159">
        <v>0</v>
      </c>
      <c r="NM39" s="122">
        <v>0</v>
      </c>
      <c r="NN39" s="123">
        <v>0</v>
      </c>
      <c r="NO39" s="162"/>
      <c r="NP39" s="122">
        <v>0</v>
      </c>
      <c r="NQ39" s="122">
        <v>0</v>
      </c>
      <c r="NR39" s="122">
        <v>0</v>
      </c>
      <c r="NS39" s="122">
        <v>0</v>
      </c>
      <c r="NT39" s="122">
        <v>0</v>
      </c>
      <c r="NU39" s="123">
        <v>0</v>
      </c>
      <c r="NV39" s="124">
        <v>0</v>
      </c>
      <c r="NW39" s="159">
        <v>0</v>
      </c>
      <c r="NX39" s="122">
        <v>0</v>
      </c>
      <c r="NY39" s="123">
        <v>0</v>
      </c>
      <c r="NZ39" s="162"/>
      <c r="OA39" s="122">
        <v>0</v>
      </c>
      <c r="OB39" s="122">
        <v>0</v>
      </c>
      <c r="OC39" s="122">
        <v>0</v>
      </c>
      <c r="OD39" s="122">
        <v>0</v>
      </c>
      <c r="OE39" s="122">
        <v>0</v>
      </c>
      <c r="OF39" s="123">
        <v>0</v>
      </c>
      <c r="OG39" s="124">
        <v>0</v>
      </c>
      <c r="OH39" s="159">
        <v>0</v>
      </c>
      <c r="OI39" s="122">
        <v>17184</v>
      </c>
      <c r="OJ39" s="158">
        <v>17184</v>
      </c>
      <c r="OK39" s="121">
        <v>0</v>
      </c>
      <c r="OL39" s="122">
        <v>482228</v>
      </c>
      <c r="OM39" s="122">
        <v>283645</v>
      </c>
      <c r="ON39" s="122">
        <v>939448</v>
      </c>
      <c r="OO39" s="122">
        <v>0</v>
      </c>
      <c r="OP39" s="122">
        <v>340406</v>
      </c>
      <c r="OQ39" s="123">
        <v>2045727</v>
      </c>
      <c r="OR39" s="160">
        <v>2062911</v>
      </c>
    </row>
    <row r="40" spans="1:408" ht="20.25" customHeight="1" x14ac:dyDescent="0.2">
      <c r="A40" s="129" t="s">
        <v>35</v>
      </c>
      <c r="B40" s="112">
        <v>186587</v>
      </c>
      <c r="C40" s="116">
        <v>146916</v>
      </c>
      <c r="D40" s="115">
        <v>333503</v>
      </c>
      <c r="E40" s="111">
        <v>0</v>
      </c>
      <c r="F40" s="116">
        <v>1135680</v>
      </c>
      <c r="G40" s="116">
        <v>1761988</v>
      </c>
      <c r="H40" s="116">
        <v>579628</v>
      </c>
      <c r="I40" s="116">
        <v>500033</v>
      </c>
      <c r="J40" s="116">
        <v>499719</v>
      </c>
      <c r="K40" s="200">
        <v>4477048</v>
      </c>
      <c r="L40" s="118">
        <v>4810551</v>
      </c>
      <c r="M40" s="112">
        <v>34808</v>
      </c>
      <c r="N40" s="116">
        <v>42288</v>
      </c>
      <c r="O40" s="115">
        <v>77096</v>
      </c>
      <c r="P40" s="112">
        <v>0</v>
      </c>
      <c r="Q40" s="116">
        <v>156256</v>
      </c>
      <c r="R40" s="116">
        <v>613125</v>
      </c>
      <c r="S40" s="116">
        <v>156336</v>
      </c>
      <c r="T40" s="116">
        <v>29112</v>
      </c>
      <c r="U40" s="116">
        <v>272111</v>
      </c>
      <c r="V40" s="115">
        <v>1226940</v>
      </c>
      <c r="W40" s="118">
        <v>1304036</v>
      </c>
      <c r="X40" s="112">
        <v>0</v>
      </c>
      <c r="Y40" s="116">
        <v>0</v>
      </c>
      <c r="Z40" s="115">
        <v>0</v>
      </c>
      <c r="AA40" s="112">
        <v>0</v>
      </c>
      <c r="AB40" s="116">
        <v>70896</v>
      </c>
      <c r="AC40" s="116">
        <v>268493</v>
      </c>
      <c r="AD40" s="116">
        <v>0</v>
      </c>
      <c r="AE40" s="116">
        <v>0</v>
      </c>
      <c r="AF40" s="116">
        <v>163735</v>
      </c>
      <c r="AG40" s="115">
        <v>503124</v>
      </c>
      <c r="AH40" s="118">
        <v>503124</v>
      </c>
      <c r="AI40" s="112">
        <v>0</v>
      </c>
      <c r="AJ40" s="116">
        <v>0</v>
      </c>
      <c r="AK40" s="115">
        <v>0</v>
      </c>
      <c r="AL40" s="112">
        <v>0</v>
      </c>
      <c r="AM40" s="116">
        <v>0</v>
      </c>
      <c r="AN40" s="116">
        <v>0</v>
      </c>
      <c r="AO40" s="116">
        <v>0</v>
      </c>
      <c r="AP40" s="116">
        <v>0</v>
      </c>
      <c r="AQ40" s="116">
        <v>86528</v>
      </c>
      <c r="AR40" s="115">
        <v>86528</v>
      </c>
      <c r="AS40" s="118">
        <v>86528</v>
      </c>
      <c r="AT40" s="112">
        <v>0</v>
      </c>
      <c r="AU40" s="116">
        <v>0</v>
      </c>
      <c r="AV40" s="115">
        <v>0</v>
      </c>
      <c r="AW40" s="112">
        <v>0</v>
      </c>
      <c r="AX40" s="116">
        <v>0</v>
      </c>
      <c r="AY40" s="116">
        <v>155960</v>
      </c>
      <c r="AZ40" s="116">
        <v>0</v>
      </c>
      <c r="BA40" s="116">
        <v>0</v>
      </c>
      <c r="BB40" s="116">
        <v>0</v>
      </c>
      <c r="BC40" s="115">
        <v>155960</v>
      </c>
      <c r="BD40" s="118">
        <v>155960</v>
      </c>
      <c r="BE40" s="112">
        <v>0</v>
      </c>
      <c r="BF40" s="116">
        <v>0</v>
      </c>
      <c r="BG40" s="114">
        <v>0</v>
      </c>
      <c r="BH40" s="113">
        <v>0</v>
      </c>
      <c r="BI40" s="116">
        <v>8416</v>
      </c>
      <c r="BJ40" s="116">
        <v>30592</v>
      </c>
      <c r="BK40" s="116">
        <v>118560</v>
      </c>
      <c r="BL40" s="116">
        <v>0</v>
      </c>
      <c r="BM40" s="116">
        <v>0</v>
      </c>
      <c r="BN40" s="115">
        <v>157568</v>
      </c>
      <c r="BO40" s="118">
        <v>157568</v>
      </c>
      <c r="BP40" s="112">
        <v>34808</v>
      </c>
      <c r="BQ40" s="116">
        <v>42288</v>
      </c>
      <c r="BR40" s="115">
        <v>77096</v>
      </c>
      <c r="BS40" s="112">
        <v>0</v>
      </c>
      <c r="BT40" s="116">
        <v>76944</v>
      </c>
      <c r="BU40" s="116">
        <v>158080</v>
      </c>
      <c r="BV40" s="116">
        <v>37776</v>
      </c>
      <c r="BW40" s="116">
        <v>29112</v>
      </c>
      <c r="BX40" s="116">
        <v>21848</v>
      </c>
      <c r="BY40" s="115">
        <v>323760</v>
      </c>
      <c r="BZ40" s="118">
        <v>400856</v>
      </c>
      <c r="CA40" s="112">
        <v>0</v>
      </c>
      <c r="CB40" s="116">
        <v>0</v>
      </c>
      <c r="CC40" s="115">
        <v>0</v>
      </c>
      <c r="CD40" s="112">
        <v>0</v>
      </c>
      <c r="CE40" s="116">
        <v>265432</v>
      </c>
      <c r="CF40" s="116">
        <v>393992</v>
      </c>
      <c r="CG40" s="116">
        <v>71208</v>
      </c>
      <c r="CH40" s="116">
        <v>102064</v>
      </c>
      <c r="CI40" s="116">
        <v>0</v>
      </c>
      <c r="CJ40" s="115">
        <v>832696</v>
      </c>
      <c r="CK40" s="118">
        <v>832696</v>
      </c>
      <c r="CL40" s="112">
        <v>0</v>
      </c>
      <c r="CM40" s="116">
        <v>0</v>
      </c>
      <c r="CN40" s="115">
        <v>0</v>
      </c>
      <c r="CO40" s="113">
        <v>0</v>
      </c>
      <c r="CP40" s="116">
        <v>265432</v>
      </c>
      <c r="CQ40" s="116">
        <v>312160</v>
      </c>
      <c r="CR40" s="116">
        <v>71208</v>
      </c>
      <c r="CS40" s="116">
        <v>0</v>
      </c>
      <c r="CT40" s="116">
        <v>0</v>
      </c>
      <c r="CU40" s="115">
        <v>648800</v>
      </c>
      <c r="CV40" s="118">
        <v>648800</v>
      </c>
      <c r="CW40" s="112">
        <v>0</v>
      </c>
      <c r="CX40" s="116">
        <v>0</v>
      </c>
      <c r="CY40" s="115">
        <v>0</v>
      </c>
      <c r="CZ40" s="112">
        <v>0</v>
      </c>
      <c r="DA40" s="116">
        <v>0</v>
      </c>
      <c r="DB40" s="116">
        <v>81832</v>
      </c>
      <c r="DC40" s="116">
        <v>0</v>
      </c>
      <c r="DD40" s="116">
        <v>102064</v>
      </c>
      <c r="DE40" s="116">
        <v>0</v>
      </c>
      <c r="DF40" s="115">
        <v>183896</v>
      </c>
      <c r="DG40" s="118">
        <v>183896</v>
      </c>
      <c r="DH40" s="112">
        <v>0</v>
      </c>
      <c r="DI40" s="116">
        <v>0</v>
      </c>
      <c r="DJ40" s="114">
        <v>0</v>
      </c>
      <c r="DK40" s="113">
        <v>0</v>
      </c>
      <c r="DL40" s="116">
        <v>0</v>
      </c>
      <c r="DM40" s="116">
        <v>79600</v>
      </c>
      <c r="DN40" s="116">
        <v>0</v>
      </c>
      <c r="DO40" s="116">
        <v>0</v>
      </c>
      <c r="DP40" s="116">
        <v>0</v>
      </c>
      <c r="DQ40" s="115">
        <v>79600</v>
      </c>
      <c r="DR40" s="118">
        <v>79600</v>
      </c>
      <c r="DS40" s="112">
        <v>0</v>
      </c>
      <c r="DT40" s="116">
        <v>0</v>
      </c>
      <c r="DU40" s="115">
        <v>0</v>
      </c>
      <c r="DV40" s="112">
        <v>0</v>
      </c>
      <c r="DW40" s="116">
        <v>0</v>
      </c>
      <c r="DX40" s="116">
        <v>79600</v>
      </c>
      <c r="DY40" s="116">
        <v>0</v>
      </c>
      <c r="DZ40" s="116">
        <v>0</v>
      </c>
      <c r="EA40" s="116">
        <v>0</v>
      </c>
      <c r="EB40" s="115">
        <v>79600</v>
      </c>
      <c r="EC40" s="118">
        <v>79600</v>
      </c>
      <c r="ED40" s="112">
        <v>0</v>
      </c>
      <c r="EE40" s="114">
        <v>0</v>
      </c>
      <c r="EF40" s="115">
        <v>0</v>
      </c>
      <c r="EG40" s="112">
        <v>0</v>
      </c>
      <c r="EH40" s="116">
        <v>0</v>
      </c>
      <c r="EI40" s="116">
        <v>0</v>
      </c>
      <c r="EJ40" s="116">
        <v>0</v>
      </c>
      <c r="EK40" s="116">
        <v>0</v>
      </c>
      <c r="EL40" s="116">
        <v>0</v>
      </c>
      <c r="EM40" s="114">
        <v>0</v>
      </c>
      <c r="EN40" s="118">
        <v>0</v>
      </c>
      <c r="EO40" s="112">
        <v>0</v>
      </c>
      <c r="EP40" s="116">
        <v>0</v>
      </c>
      <c r="EQ40" s="114">
        <v>0</v>
      </c>
      <c r="ER40" s="113">
        <v>0</v>
      </c>
      <c r="ES40" s="116">
        <v>0</v>
      </c>
      <c r="ET40" s="116">
        <v>0</v>
      </c>
      <c r="EU40" s="116">
        <v>0</v>
      </c>
      <c r="EV40" s="116">
        <v>0</v>
      </c>
      <c r="EW40" s="116">
        <v>0</v>
      </c>
      <c r="EX40" s="115">
        <v>0</v>
      </c>
      <c r="EY40" s="118">
        <v>0</v>
      </c>
      <c r="EZ40" s="112">
        <v>0</v>
      </c>
      <c r="FA40" s="116">
        <v>0</v>
      </c>
      <c r="FB40" s="114">
        <v>0</v>
      </c>
      <c r="FC40" s="390"/>
      <c r="FD40" s="116">
        <v>0</v>
      </c>
      <c r="FE40" s="116">
        <v>0</v>
      </c>
      <c r="FF40" s="116">
        <v>0</v>
      </c>
      <c r="FG40" s="116">
        <v>0</v>
      </c>
      <c r="FH40" s="116">
        <v>0</v>
      </c>
      <c r="FI40" s="115">
        <v>0</v>
      </c>
      <c r="FJ40" s="118">
        <v>0</v>
      </c>
      <c r="FK40" s="112">
        <v>0</v>
      </c>
      <c r="FL40" s="116">
        <v>15444</v>
      </c>
      <c r="FM40" s="115">
        <v>15444</v>
      </c>
      <c r="FN40" s="112">
        <v>0</v>
      </c>
      <c r="FO40" s="116">
        <v>18000</v>
      </c>
      <c r="FP40" s="116">
        <v>91440</v>
      </c>
      <c r="FQ40" s="116">
        <v>2800</v>
      </c>
      <c r="FR40" s="116">
        <v>32904</v>
      </c>
      <c r="FS40" s="116">
        <v>8800</v>
      </c>
      <c r="FT40" s="115">
        <v>153944</v>
      </c>
      <c r="FU40" s="118">
        <v>169388</v>
      </c>
      <c r="FV40" s="117">
        <v>0</v>
      </c>
      <c r="FW40" s="116">
        <v>0</v>
      </c>
      <c r="FX40" s="114">
        <v>0</v>
      </c>
      <c r="FY40" s="113">
        <v>0</v>
      </c>
      <c r="FZ40" s="116">
        <v>18000</v>
      </c>
      <c r="GA40" s="116">
        <v>91440</v>
      </c>
      <c r="GB40" s="116">
        <v>2800</v>
      </c>
      <c r="GC40" s="116">
        <v>32904</v>
      </c>
      <c r="GD40" s="116">
        <v>8800</v>
      </c>
      <c r="GE40" s="115">
        <v>153944</v>
      </c>
      <c r="GF40" s="354">
        <v>153944</v>
      </c>
      <c r="GG40" s="117">
        <v>0</v>
      </c>
      <c r="GH40" s="116">
        <v>15444</v>
      </c>
      <c r="GI40" s="114">
        <v>15444</v>
      </c>
      <c r="GJ40" s="113">
        <v>0</v>
      </c>
      <c r="GK40" s="116">
        <v>0</v>
      </c>
      <c r="GL40" s="116">
        <v>0</v>
      </c>
      <c r="GM40" s="116">
        <v>0</v>
      </c>
      <c r="GN40" s="116">
        <v>0</v>
      </c>
      <c r="GO40" s="116">
        <v>0</v>
      </c>
      <c r="GP40" s="115">
        <v>0</v>
      </c>
      <c r="GQ40" s="118">
        <v>15444</v>
      </c>
      <c r="GR40" s="112">
        <v>0</v>
      </c>
      <c r="GS40" s="116">
        <v>0</v>
      </c>
      <c r="GT40" s="115">
        <v>0</v>
      </c>
      <c r="GU40" s="112">
        <v>0</v>
      </c>
      <c r="GV40" s="116">
        <v>0</v>
      </c>
      <c r="GW40" s="116">
        <v>0</v>
      </c>
      <c r="GX40" s="116">
        <v>0</v>
      </c>
      <c r="GY40" s="116">
        <v>0</v>
      </c>
      <c r="GZ40" s="116">
        <v>0</v>
      </c>
      <c r="HA40" s="114">
        <v>0</v>
      </c>
      <c r="HB40" s="118">
        <v>0</v>
      </c>
      <c r="HC40" s="112">
        <v>151779</v>
      </c>
      <c r="HD40" s="116">
        <v>89184</v>
      </c>
      <c r="HE40" s="114">
        <v>240963</v>
      </c>
      <c r="HF40" s="113">
        <v>0</v>
      </c>
      <c r="HG40" s="116">
        <v>695992</v>
      </c>
      <c r="HH40" s="116">
        <v>583831</v>
      </c>
      <c r="HI40" s="116">
        <v>349284</v>
      </c>
      <c r="HJ40" s="116">
        <v>335953</v>
      </c>
      <c r="HK40" s="116">
        <v>218808</v>
      </c>
      <c r="HL40" s="115">
        <v>2183868</v>
      </c>
      <c r="HM40" s="111">
        <v>2424831</v>
      </c>
      <c r="HN40" s="370"/>
      <c r="HO40" s="371"/>
      <c r="HP40" s="372"/>
      <c r="HQ40" s="373"/>
      <c r="HR40" s="371"/>
      <c r="HS40" s="371"/>
      <c r="HT40" s="371"/>
      <c r="HU40" s="371"/>
      <c r="HV40" s="371"/>
      <c r="HW40" s="374"/>
      <c r="HX40" s="375"/>
      <c r="HY40" s="167">
        <v>0</v>
      </c>
      <c r="HZ40" s="152">
        <v>0</v>
      </c>
      <c r="IA40" s="167">
        <v>0</v>
      </c>
      <c r="IB40" s="163">
        <v>0</v>
      </c>
      <c r="IC40" s="149">
        <v>118200</v>
      </c>
      <c r="ID40" s="164">
        <v>356328</v>
      </c>
      <c r="IE40" s="150">
        <v>0</v>
      </c>
      <c r="IF40" s="149">
        <v>0</v>
      </c>
      <c r="IG40" s="150">
        <v>0</v>
      </c>
      <c r="IH40" s="165">
        <v>474528</v>
      </c>
      <c r="II40" s="167">
        <v>474528</v>
      </c>
      <c r="IJ40" s="261">
        <v>0</v>
      </c>
      <c r="IK40" s="268">
        <v>0</v>
      </c>
      <c r="IL40" s="269">
        <v>0</v>
      </c>
      <c r="IM40" s="157"/>
      <c r="IN40" s="122">
        <v>0</v>
      </c>
      <c r="IO40" s="122">
        <v>68840</v>
      </c>
      <c r="IP40" s="122">
        <v>0</v>
      </c>
      <c r="IQ40" s="122">
        <v>0</v>
      </c>
      <c r="IR40" s="122">
        <v>0</v>
      </c>
      <c r="IS40" s="158">
        <v>68840</v>
      </c>
      <c r="IT40" s="357">
        <v>68840</v>
      </c>
      <c r="IU40" s="159">
        <v>0</v>
      </c>
      <c r="IV40" s="122">
        <v>0</v>
      </c>
      <c r="IW40" s="123">
        <v>0</v>
      </c>
      <c r="IX40" s="161"/>
      <c r="IY40" s="122">
        <v>0</v>
      </c>
      <c r="IZ40" s="122">
        <v>0</v>
      </c>
      <c r="JA40" s="122">
        <v>0</v>
      </c>
      <c r="JB40" s="122">
        <v>0</v>
      </c>
      <c r="JC40" s="122">
        <v>0</v>
      </c>
      <c r="JD40" s="123">
        <v>0</v>
      </c>
      <c r="JE40" s="124">
        <v>0</v>
      </c>
      <c r="JF40" s="159">
        <v>0</v>
      </c>
      <c r="JG40" s="122">
        <v>0</v>
      </c>
      <c r="JH40" s="158">
        <v>0</v>
      </c>
      <c r="JI40" s="121">
        <v>0</v>
      </c>
      <c r="JJ40" s="122">
        <v>0</v>
      </c>
      <c r="JK40" s="122">
        <v>72592</v>
      </c>
      <c r="JL40" s="122">
        <v>0</v>
      </c>
      <c r="JM40" s="122">
        <v>0</v>
      </c>
      <c r="JN40" s="122">
        <v>0</v>
      </c>
      <c r="JO40" s="123">
        <v>72592</v>
      </c>
      <c r="JP40" s="357">
        <v>72592</v>
      </c>
      <c r="JQ40" s="159">
        <v>0</v>
      </c>
      <c r="JR40" s="122">
        <v>0</v>
      </c>
      <c r="JS40" s="158">
        <v>0</v>
      </c>
      <c r="JT40" s="121">
        <v>0</v>
      </c>
      <c r="JU40" s="122">
        <v>0</v>
      </c>
      <c r="JV40" s="122">
        <v>0</v>
      </c>
      <c r="JW40" s="122">
        <v>0</v>
      </c>
      <c r="JX40" s="122">
        <v>0</v>
      </c>
      <c r="JY40" s="122">
        <v>0</v>
      </c>
      <c r="JZ40" s="123">
        <v>0</v>
      </c>
      <c r="KA40" s="357">
        <v>0</v>
      </c>
      <c r="KB40" s="264">
        <v>0</v>
      </c>
      <c r="KC40" s="258">
        <v>0</v>
      </c>
      <c r="KD40" s="123">
        <v>0</v>
      </c>
      <c r="KE40" s="121">
        <v>0</v>
      </c>
      <c r="KF40" s="122">
        <v>118200</v>
      </c>
      <c r="KG40" s="122">
        <v>0</v>
      </c>
      <c r="KH40" s="122">
        <v>0</v>
      </c>
      <c r="KI40" s="122">
        <v>0</v>
      </c>
      <c r="KJ40" s="122">
        <v>0</v>
      </c>
      <c r="KK40" s="123">
        <v>118200</v>
      </c>
      <c r="KL40" s="160">
        <v>118200</v>
      </c>
      <c r="KM40" s="261">
        <v>0</v>
      </c>
      <c r="KN40" s="268">
        <v>0</v>
      </c>
      <c r="KO40" s="269">
        <v>0</v>
      </c>
      <c r="KP40" s="157"/>
      <c r="KQ40" s="122">
        <v>0</v>
      </c>
      <c r="KR40" s="122">
        <v>214896</v>
      </c>
      <c r="KS40" s="122">
        <v>0</v>
      </c>
      <c r="KT40" s="122">
        <v>0</v>
      </c>
      <c r="KU40" s="122">
        <v>0</v>
      </c>
      <c r="KV40" s="123">
        <v>214896</v>
      </c>
      <c r="KW40" s="357">
        <v>214896</v>
      </c>
      <c r="KX40" s="159">
        <v>0</v>
      </c>
      <c r="KY40" s="122">
        <v>0</v>
      </c>
      <c r="KZ40" s="123">
        <v>0</v>
      </c>
      <c r="LA40" s="162"/>
      <c r="LB40" s="122">
        <v>0</v>
      </c>
      <c r="LC40" s="122">
        <v>0</v>
      </c>
      <c r="LD40" s="122">
        <v>0</v>
      </c>
      <c r="LE40" s="122">
        <v>0</v>
      </c>
      <c r="LF40" s="122">
        <v>0</v>
      </c>
      <c r="LG40" s="123">
        <v>0</v>
      </c>
      <c r="LH40" s="124">
        <v>0</v>
      </c>
      <c r="LI40" s="159">
        <v>0</v>
      </c>
      <c r="LJ40" s="122">
        <v>0</v>
      </c>
      <c r="LK40" s="123">
        <v>0</v>
      </c>
      <c r="LL40" s="162"/>
      <c r="LM40" s="122">
        <v>0</v>
      </c>
      <c r="LN40" s="122">
        <v>0</v>
      </c>
      <c r="LO40" s="122">
        <v>0</v>
      </c>
      <c r="LP40" s="122">
        <v>0</v>
      </c>
      <c r="LQ40" s="122">
        <v>0</v>
      </c>
      <c r="LR40" s="123">
        <v>0</v>
      </c>
      <c r="LS40" s="357">
        <v>0</v>
      </c>
      <c r="LT40" s="159">
        <v>0</v>
      </c>
      <c r="LU40" s="122">
        <v>0</v>
      </c>
      <c r="LV40" s="123">
        <v>0</v>
      </c>
      <c r="LW40" s="162"/>
      <c r="LX40" s="122">
        <v>0</v>
      </c>
      <c r="LY40" s="122">
        <v>0</v>
      </c>
      <c r="LZ40" s="122">
        <v>0</v>
      </c>
      <c r="MA40" s="122">
        <v>0</v>
      </c>
      <c r="MB40" s="122">
        <v>0</v>
      </c>
      <c r="MC40" s="123">
        <v>0</v>
      </c>
      <c r="MD40" s="124">
        <v>0</v>
      </c>
      <c r="ME40" s="159">
        <v>0</v>
      </c>
      <c r="MF40" s="122">
        <v>0</v>
      </c>
      <c r="MG40" s="123">
        <v>0</v>
      </c>
      <c r="MH40" s="162"/>
      <c r="MI40" s="122">
        <v>0</v>
      </c>
      <c r="MJ40" s="122">
        <v>0</v>
      </c>
      <c r="MK40" s="122">
        <v>244496</v>
      </c>
      <c r="ML40" s="122">
        <v>1191408</v>
      </c>
      <c r="MM40" s="122">
        <v>228000</v>
      </c>
      <c r="MN40" s="123">
        <v>1663904</v>
      </c>
      <c r="MO40" s="160">
        <v>1663904</v>
      </c>
      <c r="MP40" s="159">
        <v>0</v>
      </c>
      <c r="MQ40" s="122">
        <v>0</v>
      </c>
      <c r="MR40" s="123">
        <v>0</v>
      </c>
      <c r="MS40" s="162"/>
      <c r="MT40" s="122">
        <v>0</v>
      </c>
      <c r="MU40" s="122">
        <v>0</v>
      </c>
      <c r="MV40" s="122">
        <v>0</v>
      </c>
      <c r="MW40" s="122">
        <v>682272</v>
      </c>
      <c r="MX40" s="122">
        <v>228000</v>
      </c>
      <c r="MY40" s="123">
        <v>910272</v>
      </c>
      <c r="MZ40" s="160">
        <v>910272</v>
      </c>
      <c r="NA40" s="159">
        <v>0</v>
      </c>
      <c r="NB40" s="122">
        <v>0</v>
      </c>
      <c r="NC40" s="123">
        <v>0</v>
      </c>
      <c r="ND40" s="162"/>
      <c r="NE40" s="122">
        <v>0</v>
      </c>
      <c r="NF40" s="122">
        <v>0</v>
      </c>
      <c r="NG40" s="122">
        <v>244496</v>
      </c>
      <c r="NH40" s="122">
        <v>509136</v>
      </c>
      <c r="NI40" s="122">
        <v>0</v>
      </c>
      <c r="NJ40" s="123">
        <v>753632</v>
      </c>
      <c r="NK40" s="357">
        <v>753632</v>
      </c>
      <c r="NL40" s="159">
        <v>0</v>
      </c>
      <c r="NM40" s="122">
        <v>0</v>
      </c>
      <c r="NN40" s="123">
        <v>0</v>
      </c>
      <c r="NO40" s="162"/>
      <c r="NP40" s="122">
        <v>0</v>
      </c>
      <c r="NQ40" s="122">
        <v>0</v>
      </c>
      <c r="NR40" s="122">
        <v>0</v>
      </c>
      <c r="NS40" s="122">
        <v>0</v>
      </c>
      <c r="NT40" s="122">
        <v>0</v>
      </c>
      <c r="NU40" s="123">
        <v>0</v>
      </c>
      <c r="NV40" s="124">
        <v>0</v>
      </c>
      <c r="NW40" s="159">
        <v>0</v>
      </c>
      <c r="NX40" s="122">
        <v>0</v>
      </c>
      <c r="NY40" s="123">
        <v>0</v>
      </c>
      <c r="NZ40" s="162"/>
      <c r="OA40" s="122">
        <v>0</v>
      </c>
      <c r="OB40" s="122">
        <v>0</v>
      </c>
      <c r="OC40" s="122">
        <v>0</v>
      </c>
      <c r="OD40" s="122">
        <v>0</v>
      </c>
      <c r="OE40" s="122">
        <v>0</v>
      </c>
      <c r="OF40" s="123">
        <v>0</v>
      </c>
      <c r="OG40" s="124">
        <v>0</v>
      </c>
      <c r="OH40" s="159">
        <v>186587</v>
      </c>
      <c r="OI40" s="122">
        <v>146916</v>
      </c>
      <c r="OJ40" s="158">
        <v>333503</v>
      </c>
      <c r="OK40" s="121">
        <v>0</v>
      </c>
      <c r="OL40" s="122">
        <v>1253880</v>
      </c>
      <c r="OM40" s="122">
        <v>2118316</v>
      </c>
      <c r="ON40" s="122">
        <v>824124</v>
      </c>
      <c r="OO40" s="122">
        <v>1691441</v>
      </c>
      <c r="OP40" s="122">
        <v>727719</v>
      </c>
      <c r="OQ40" s="123">
        <v>6615480</v>
      </c>
      <c r="OR40" s="160">
        <v>6948983</v>
      </c>
    </row>
    <row r="41" spans="1:408" ht="20.25" customHeight="1" x14ac:dyDescent="0.2">
      <c r="A41" s="129" t="s">
        <v>36</v>
      </c>
      <c r="B41" s="112">
        <v>40510</v>
      </c>
      <c r="C41" s="116">
        <v>72408</v>
      </c>
      <c r="D41" s="115">
        <v>112918</v>
      </c>
      <c r="E41" s="111">
        <v>0</v>
      </c>
      <c r="F41" s="116">
        <v>435768</v>
      </c>
      <c r="G41" s="116">
        <v>393003</v>
      </c>
      <c r="H41" s="116">
        <v>342735</v>
      </c>
      <c r="I41" s="116">
        <v>240742</v>
      </c>
      <c r="J41" s="116">
        <v>35536</v>
      </c>
      <c r="K41" s="200">
        <v>1447784</v>
      </c>
      <c r="L41" s="118">
        <v>1560702</v>
      </c>
      <c r="M41" s="112">
        <v>6288</v>
      </c>
      <c r="N41" s="116">
        <v>4128</v>
      </c>
      <c r="O41" s="115">
        <v>10416</v>
      </c>
      <c r="P41" s="112">
        <v>0</v>
      </c>
      <c r="Q41" s="116">
        <v>196952</v>
      </c>
      <c r="R41" s="116">
        <v>44081</v>
      </c>
      <c r="S41" s="116">
        <v>88734</v>
      </c>
      <c r="T41" s="116">
        <v>158618</v>
      </c>
      <c r="U41" s="116">
        <v>0</v>
      </c>
      <c r="V41" s="115">
        <v>488385</v>
      </c>
      <c r="W41" s="118">
        <v>498801</v>
      </c>
      <c r="X41" s="112">
        <v>0</v>
      </c>
      <c r="Y41" s="116">
        <v>0</v>
      </c>
      <c r="Z41" s="115">
        <v>0</v>
      </c>
      <c r="AA41" s="112">
        <v>0</v>
      </c>
      <c r="AB41" s="116">
        <v>111346</v>
      </c>
      <c r="AC41" s="116">
        <v>9081</v>
      </c>
      <c r="AD41" s="116">
        <v>0</v>
      </c>
      <c r="AE41" s="116">
        <v>0</v>
      </c>
      <c r="AF41" s="116">
        <v>0</v>
      </c>
      <c r="AG41" s="115">
        <v>120427</v>
      </c>
      <c r="AH41" s="118">
        <v>120427</v>
      </c>
      <c r="AI41" s="112">
        <v>0</v>
      </c>
      <c r="AJ41" s="116">
        <v>0</v>
      </c>
      <c r="AK41" s="115">
        <v>0</v>
      </c>
      <c r="AL41" s="112">
        <v>0</v>
      </c>
      <c r="AM41" s="116">
        <v>0</v>
      </c>
      <c r="AN41" s="116">
        <v>0</v>
      </c>
      <c r="AO41" s="116">
        <v>0</v>
      </c>
      <c r="AP41" s="116">
        <v>34679</v>
      </c>
      <c r="AQ41" s="116">
        <v>0</v>
      </c>
      <c r="AR41" s="115">
        <v>34679</v>
      </c>
      <c r="AS41" s="118">
        <v>34679</v>
      </c>
      <c r="AT41" s="112">
        <v>0</v>
      </c>
      <c r="AU41" s="116">
        <v>0</v>
      </c>
      <c r="AV41" s="115">
        <v>0</v>
      </c>
      <c r="AW41" s="112">
        <v>0</v>
      </c>
      <c r="AX41" s="116">
        <v>64678</v>
      </c>
      <c r="AY41" s="116">
        <v>27472</v>
      </c>
      <c r="AZ41" s="116">
        <v>28478</v>
      </c>
      <c r="BA41" s="116">
        <v>123939</v>
      </c>
      <c r="BB41" s="116">
        <v>0</v>
      </c>
      <c r="BC41" s="115">
        <v>244567</v>
      </c>
      <c r="BD41" s="118">
        <v>244567</v>
      </c>
      <c r="BE41" s="112">
        <v>0</v>
      </c>
      <c r="BF41" s="116">
        <v>0</v>
      </c>
      <c r="BG41" s="114">
        <v>0</v>
      </c>
      <c r="BH41" s="113">
        <v>0</v>
      </c>
      <c r="BI41" s="116">
        <v>0</v>
      </c>
      <c r="BJ41" s="116">
        <v>0</v>
      </c>
      <c r="BK41" s="116">
        <v>0</v>
      </c>
      <c r="BL41" s="116">
        <v>0</v>
      </c>
      <c r="BM41" s="116">
        <v>0</v>
      </c>
      <c r="BN41" s="115">
        <v>0</v>
      </c>
      <c r="BO41" s="118">
        <v>0</v>
      </c>
      <c r="BP41" s="112">
        <v>6288</v>
      </c>
      <c r="BQ41" s="116">
        <v>4128</v>
      </c>
      <c r="BR41" s="115">
        <v>10416</v>
      </c>
      <c r="BS41" s="112">
        <v>0</v>
      </c>
      <c r="BT41" s="116">
        <v>20928</v>
      </c>
      <c r="BU41" s="116">
        <v>7528</v>
      </c>
      <c r="BV41" s="116">
        <v>60256</v>
      </c>
      <c r="BW41" s="116">
        <v>0</v>
      </c>
      <c r="BX41" s="116">
        <v>0</v>
      </c>
      <c r="BY41" s="115">
        <v>88712</v>
      </c>
      <c r="BZ41" s="118">
        <v>99128</v>
      </c>
      <c r="CA41" s="112">
        <v>0</v>
      </c>
      <c r="CB41" s="116">
        <v>37312</v>
      </c>
      <c r="CC41" s="115">
        <v>37312</v>
      </c>
      <c r="CD41" s="112">
        <v>0</v>
      </c>
      <c r="CE41" s="116">
        <v>43396</v>
      </c>
      <c r="CF41" s="116">
        <v>157165</v>
      </c>
      <c r="CG41" s="116">
        <v>44664</v>
      </c>
      <c r="CH41" s="116">
        <v>28364</v>
      </c>
      <c r="CI41" s="116">
        <v>0</v>
      </c>
      <c r="CJ41" s="115">
        <v>273589</v>
      </c>
      <c r="CK41" s="118">
        <v>310901</v>
      </c>
      <c r="CL41" s="112">
        <v>0</v>
      </c>
      <c r="CM41" s="116">
        <v>0</v>
      </c>
      <c r="CN41" s="115">
        <v>0</v>
      </c>
      <c r="CO41" s="113">
        <v>0</v>
      </c>
      <c r="CP41" s="116">
        <v>43396</v>
      </c>
      <c r="CQ41" s="116">
        <v>92186</v>
      </c>
      <c r="CR41" s="116">
        <v>0</v>
      </c>
      <c r="CS41" s="116">
        <v>28364</v>
      </c>
      <c r="CT41" s="116">
        <v>0</v>
      </c>
      <c r="CU41" s="115">
        <v>163946</v>
      </c>
      <c r="CV41" s="118">
        <v>163946</v>
      </c>
      <c r="CW41" s="112">
        <v>0</v>
      </c>
      <c r="CX41" s="116">
        <v>37312</v>
      </c>
      <c r="CY41" s="115">
        <v>37312</v>
      </c>
      <c r="CZ41" s="112">
        <v>0</v>
      </c>
      <c r="DA41" s="116">
        <v>0</v>
      </c>
      <c r="DB41" s="116">
        <v>64979</v>
      </c>
      <c r="DC41" s="116">
        <v>44664</v>
      </c>
      <c r="DD41" s="116">
        <v>0</v>
      </c>
      <c r="DE41" s="116">
        <v>0</v>
      </c>
      <c r="DF41" s="115">
        <v>109643</v>
      </c>
      <c r="DG41" s="118">
        <v>146955</v>
      </c>
      <c r="DH41" s="112">
        <v>0</v>
      </c>
      <c r="DI41" s="116">
        <v>0</v>
      </c>
      <c r="DJ41" s="114">
        <v>0</v>
      </c>
      <c r="DK41" s="113">
        <v>0</v>
      </c>
      <c r="DL41" s="116">
        <v>141740</v>
      </c>
      <c r="DM41" s="116">
        <v>0</v>
      </c>
      <c r="DN41" s="116">
        <v>0</v>
      </c>
      <c r="DO41" s="116">
        <v>0</v>
      </c>
      <c r="DP41" s="116">
        <v>0</v>
      </c>
      <c r="DQ41" s="115">
        <v>141740</v>
      </c>
      <c r="DR41" s="118">
        <v>141740</v>
      </c>
      <c r="DS41" s="112">
        <v>0</v>
      </c>
      <c r="DT41" s="116">
        <v>0</v>
      </c>
      <c r="DU41" s="115">
        <v>0</v>
      </c>
      <c r="DV41" s="112">
        <v>0</v>
      </c>
      <c r="DW41" s="116">
        <v>141740</v>
      </c>
      <c r="DX41" s="116">
        <v>0</v>
      </c>
      <c r="DY41" s="116">
        <v>0</v>
      </c>
      <c r="DZ41" s="116">
        <v>0</v>
      </c>
      <c r="EA41" s="116">
        <v>0</v>
      </c>
      <c r="EB41" s="115">
        <v>141740</v>
      </c>
      <c r="EC41" s="118">
        <v>141740</v>
      </c>
      <c r="ED41" s="112">
        <v>0</v>
      </c>
      <c r="EE41" s="114">
        <v>0</v>
      </c>
      <c r="EF41" s="115">
        <v>0</v>
      </c>
      <c r="EG41" s="112">
        <v>0</v>
      </c>
      <c r="EH41" s="116">
        <v>0</v>
      </c>
      <c r="EI41" s="116">
        <v>0</v>
      </c>
      <c r="EJ41" s="116">
        <v>0</v>
      </c>
      <c r="EK41" s="116">
        <v>0</v>
      </c>
      <c r="EL41" s="116">
        <v>0</v>
      </c>
      <c r="EM41" s="114">
        <v>0</v>
      </c>
      <c r="EN41" s="118">
        <v>0</v>
      </c>
      <c r="EO41" s="112">
        <v>0</v>
      </c>
      <c r="EP41" s="116">
        <v>0</v>
      </c>
      <c r="EQ41" s="114">
        <v>0</v>
      </c>
      <c r="ER41" s="113">
        <v>0</v>
      </c>
      <c r="ES41" s="116">
        <v>0</v>
      </c>
      <c r="ET41" s="116">
        <v>0</v>
      </c>
      <c r="EU41" s="116">
        <v>0</v>
      </c>
      <c r="EV41" s="116">
        <v>0</v>
      </c>
      <c r="EW41" s="116">
        <v>0</v>
      </c>
      <c r="EX41" s="115">
        <v>0</v>
      </c>
      <c r="EY41" s="118">
        <v>0</v>
      </c>
      <c r="EZ41" s="112">
        <v>0</v>
      </c>
      <c r="FA41" s="116">
        <v>0</v>
      </c>
      <c r="FB41" s="114">
        <v>0</v>
      </c>
      <c r="FC41" s="390"/>
      <c r="FD41" s="116">
        <v>0</v>
      </c>
      <c r="FE41" s="116">
        <v>0</v>
      </c>
      <c r="FF41" s="116">
        <v>0</v>
      </c>
      <c r="FG41" s="116">
        <v>0</v>
      </c>
      <c r="FH41" s="116">
        <v>0</v>
      </c>
      <c r="FI41" s="115">
        <v>0</v>
      </c>
      <c r="FJ41" s="118">
        <v>0</v>
      </c>
      <c r="FK41" s="112">
        <v>4424</v>
      </c>
      <c r="FL41" s="116">
        <v>30968</v>
      </c>
      <c r="FM41" s="115">
        <v>35392</v>
      </c>
      <c r="FN41" s="112">
        <v>0</v>
      </c>
      <c r="FO41" s="116">
        <v>53680</v>
      </c>
      <c r="FP41" s="116">
        <v>35744</v>
      </c>
      <c r="FQ41" s="116">
        <v>32800</v>
      </c>
      <c r="FR41" s="116">
        <v>53760</v>
      </c>
      <c r="FS41" s="116">
        <v>35536</v>
      </c>
      <c r="FT41" s="115">
        <v>211520</v>
      </c>
      <c r="FU41" s="118">
        <v>246912</v>
      </c>
      <c r="FV41" s="117">
        <v>4424</v>
      </c>
      <c r="FW41" s="116">
        <v>30968</v>
      </c>
      <c r="FX41" s="114">
        <v>35392</v>
      </c>
      <c r="FY41" s="113">
        <v>0</v>
      </c>
      <c r="FZ41" s="116">
        <v>53680</v>
      </c>
      <c r="GA41" s="116">
        <v>35744</v>
      </c>
      <c r="GB41" s="116">
        <v>32800</v>
      </c>
      <c r="GC41" s="116">
        <v>53760</v>
      </c>
      <c r="GD41" s="116">
        <v>35536</v>
      </c>
      <c r="GE41" s="115">
        <v>211520</v>
      </c>
      <c r="GF41" s="354">
        <v>246912</v>
      </c>
      <c r="GG41" s="117">
        <v>0</v>
      </c>
      <c r="GH41" s="116">
        <v>0</v>
      </c>
      <c r="GI41" s="114">
        <v>0</v>
      </c>
      <c r="GJ41" s="113">
        <v>0</v>
      </c>
      <c r="GK41" s="116">
        <v>0</v>
      </c>
      <c r="GL41" s="116">
        <v>0</v>
      </c>
      <c r="GM41" s="116">
        <v>0</v>
      </c>
      <c r="GN41" s="116">
        <v>0</v>
      </c>
      <c r="GO41" s="116">
        <v>0</v>
      </c>
      <c r="GP41" s="115">
        <v>0</v>
      </c>
      <c r="GQ41" s="118">
        <v>0</v>
      </c>
      <c r="GR41" s="112">
        <v>0</v>
      </c>
      <c r="GS41" s="116">
        <v>0</v>
      </c>
      <c r="GT41" s="115">
        <v>0</v>
      </c>
      <c r="GU41" s="112">
        <v>0</v>
      </c>
      <c r="GV41" s="116">
        <v>0</v>
      </c>
      <c r="GW41" s="116">
        <v>0</v>
      </c>
      <c r="GX41" s="116">
        <v>0</v>
      </c>
      <c r="GY41" s="116">
        <v>0</v>
      </c>
      <c r="GZ41" s="116">
        <v>0</v>
      </c>
      <c r="HA41" s="114">
        <v>0</v>
      </c>
      <c r="HB41" s="118">
        <v>0</v>
      </c>
      <c r="HC41" s="112">
        <v>29798</v>
      </c>
      <c r="HD41" s="116">
        <v>0</v>
      </c>
      <c r="HE41" s="114">
        <v>29798</v>
      </c>
      <c r="HF41" s="113">
        <v>0</v>
      </c>
      <c r="HG41" s="116">
        <v>0</v>
      </c>
      <c r="HH41" s="116">
        <v>156013</v>
      </c>
      <c r="HI41" s="116">
        <v>176537</v>
      </c>
      <c r="HJ41" s="116">
        <v>0</v>
      </c>
      <c r="HK41" s="116">
        <v>0</v>
      </c>
      <c r="HL41" s="115">
        <v>332550</v>
      </c>
      <c r="HM41" s="111">
        <v>362348</v>
      </c>
      <c r="HN41" s="370"/>
      <c r="HO41" s="371"/>
      <c r="HP41" s="372"/>
      <c r="HQ41" s="373"/>
      <c r="HR41" s="371"/>
      <c r="HS41" s="371"/>
      <c r="HT41" s="371"/>
      <c r="HU41" s="371"/>
      <c r="HV41" s="371"/>
      <c r="HW41" s="374"/>
      <c r="HX41" s="375"/>
      <c r="HY41" s="148">
        <v>0</v>
      </c>
      <c r="HZ41" s="149">
        <v>0</v>
      </c>
      <c r="IA41" s="150">
        <v>0</v>
      </c>
      <c r="IB41" s="163">
        <v>0</v>
      </c>
      <c r="IC41" s="149">
        <v>82360</v>
      </c>
      <c r="ID41" s="164">
        <v>19730</v>
      </c>
      <c r="IE41" s="150">
        <v>410366</v>
      </c>
      <c r="IF41" s="149">
        <v>240624</v>
      </c>
      <c r="IG41" s="150">
        <v>202944</v>
      </c>
      <c r="IH41" s="165">
        <v>956024</v>
      </c>
      <c r="II41" s="156">
        <v>956024</v>
      </c>
      <c r="IJ41" s="261">
        <v>0</v>
      </c>
      <c r="IK41" s="268">
        <v>0</v>
      </c>
      <c r="IL41" s="269">
        <v>0</v>
      </c>
      <c r="IM41" s="157"/>
      <c r="IN41" s="122">
        <v>0</v>
      </c>
      <c r="IO41" s="122">
        <v>0</v>
      </c>
      <c r="IP41" s="122">
        <v>0</v>
      </c>
      <c r="IQ41" s="122">
        <v>0</v>
      </c>
      <c r="IR41" s="122">
        <v>0</v>
      </c>
      <c r="IS41" s="158">
        <v>0</v>
      </c>
      <c r="IT41" s="357">
        <v>0</v>
      </c>
      <c r="IU41" s="159">
        <v>0</v>
      </c>
      <c r="IV41" s="122">
        <v>0</v>
      </c>
      <c r="IW41" s="123">
        <v>0</v>
      </c>
      <c r="IX41" s="161"/>
      <c r="IY41" s="122">
        <v>0</v>
      </c>
      <c r="IZ41" s="122">
        <v>0</v>
      </c>
      <c r="JA41" s="122">
        <v>0</v>
      </c>
      <c r="JB41" s="122">
        <v>0</v>
      </c>
      <c r="JC41" s="122">
        <v>0</v>
      </c>
      <c r="JD41" s="123">
        <v>0</v>
      </c>
      <c r="JE41" s="124">
        <v>0</v>
      </c>
      <c r="JF41" s="159">
        <v>0</v>
      </c>
      <c r="JG41" s="122">
        <v>0</v>
      </c>
      <c r="JH41" s="158">
        <v>0</v>
      </c>
      <c r="JI41" s="121">
        <v>0</v>
      </c>
      <c r="JJ41" s="122">
        <v>82360</v>
      </c>
      <c r="JK41" s="122">
        <v>19730</v>
      </c>
      <c r="JL41" s="122">
        <v>0</v>
      </c>
      <c r="JM41" s="122">
        <v>0</v>
      </c>
      <c r="JN41" s="122">
        <v>202944</v>
      </c>
      <c r="JO41" s="123">
        <v>305034</v>
      </c>
      <c r="JP41" s="357">
        <v>305034</v>
      </c>
      <c r="JQ41" s="159">
        <v>0</v>
      </c>
      <c r="JR41" s="122">
        <v>0</v>
      </c>
      <c r="JS41" s="158">
        <v>0</v>
      </c>
      <c r="JT41" s="121">
        <v>0</v>
      </c>
      <c r="JU41" s="122">
        <v>0</v>
      </c>
      <c r="JV41" s="122">
        <v>0</v>
      </c>
      <c r="JW41" s="122">
        <v>0</v>
      </c>
      <c r="JX41" s="122">
        <v>0</v>
      </c>
      <c r="JY41" s="122">
        <v>0</v>
      </c>
      <c r="JZ41" s="123">
        <v>0</v>
      </c>
      <c r="KA41" s="357">
        <v>0</v>
      </c>
      <c r="KB41" s="264">
        <v>0</v>
      </c>
      <c r="KC41" s="258">
        <v>0</v>
      </c>
      <c r="KD41" s="123">
        <v>0</v>
      </c>
      <c r="KE41" s="121">
        <v>0</v>
      </c>
      <c r="KF41" s="122">
        <v>0</v>
      </c>
      <c r="KG41" s="122">
        <v>0</v>
      </c>
      <c r="KH41" s="122">
        <v>0</v>
      </c>
      <c r="KI41" s="122">
        <v>240624</v>
      </c>
      <c r="KJ41" s="122">
        <v>0</v>
      </c>
      <c r="KK41" s="123">
        <v>240624</v>
      </c>
      <c r="KL41" s="160">
        <v>240624</v>
      </c>
      <c r="KM41" s="261">
        <v>0</v>
      </c>
      <c r="KN41" s="268">
        <v>0</v>
      </c>
      <c r="KO41" s="269">
        <v>0</v>
      </c>
      <c r="KP41" s="157"/>
      <c r="KQ41" s="122">
        <v>0</v>
      </c>
      <c r="KR41" s="122">
        <v>0</v>
      </c>
      <c r="KS41" s="122">
        <v>410366</v>
      </c>
      <c r="KT41" s="122">
        <v>0</v>
      </c>
      <c r="KU41" s="122">
        <v>0</v>
      </c>
      <c r="KV41" s="123">
        <v>410366</v>
      </c>
      <c r="KW41" s="357">
        <v>410366</v>
      </c>
      <c r="KX41" s="159">
        <v>0</v>
      </c>
      <c r="KY41" s="122">
        <v>0</v>
      </c>
      <c r="KZ41" s="123">
        <v>0</v>
      </c>
      <c r="LA41" s="162"/>
      <c r="LB41" s="122">
        <v>0</v>
      </c>
      <c r="LC41" s="122">
        <v>0</v>
      </c>
      <c r="LD41" s="122">
        <v>0</v>
      </c>
      <c r="LE41" s="122">
        <v>0</v>
      </c>
      <c r="LF41" s="122">
        <v>0</v>
      </c>
      <c r="LG41" s="123">
        <v>0</v>
      </c>
      <c r="LH41" s="124">
        <v>0</v>
      </c>
      <c r="LI41" s="159">
        <v>0</v>
      </c>
      <c r="LJ41" s="122">
        <v>0</v>
      </c>
      <c r="LK41" s="123">
        <v>0</v>
      </c>
      <c r="LL41" s="162"/>
      <c r="LM41" s="122">
        <v>0</v>
      </c>
      <c r="LN41" s="122">
        <v>0</v>
      </c>
      <c r="LO41" s="122">
        <v>0</v>
      </c>
      <c r="LP41" s="122">
        <v>0</v>
      </c>
      <c r="LQ41" s="122">
        <v>0</v>
      </c>
      <c r="LR41" s="123">
        <v>0</v>
      </c>
      <c r="LS41" s="357">
        <v>0</v>
      </c>
      <c r="LT41" s="159">
        <v>0</v>
      </c>
      <c r="LU41" s="122">
        <v>0</v>
      </c>
      <c r="LV41" s="123">
        <v>0</v>
      </c>
      <c r="LW41" s="162"/>
      <c r="LX41" s="122">
        <v>0</v>
      </c>
      <c r="LY41" s="122">
        <v>0</v>
      </c>
      <c r="LZ41" s="122">
        <v>0</v>
      </c>
      <c r="MA41" s="122">
        <v>0</v>
      </c>
      <c r="MB41" s="122">
        <v>0</v>
      </c>
      <c r="MC41" s="123">
        <v>0</v>
      </c>
      <c r="MD41" s="124">
        <v>0</v>
      </c>
      <c r="ME41" s="159">
        <v>0</v>
      </c>
      <c r="MF41" s="122">
        <v>0</v>
      </c>
      <c r="MG41" s="123">
        <v>0</v>
      </c>
      <c r="MH41" s="162"/>
      <c r="MI41" s="122">
        <v>0</v>
      </c>
      <c r="MJ41" s="122">
        <v>0</v>
      </c>
      <c r="MK41" s="122">
        <v>700903</v>
      </c>
      <c r="ML41" s="122">
        <v>718685</v>
      </c>
      <c r="MM41" s="122">
        <v>986336</v>
      </c>
      <c r="MN41" s="123">
        <v>2405924</v>
      </c>
      <c r="MO41" s="160">
        <v>2405924</v>
      </c>
      <c r="MP41" s="159">
        <v>0</v>
      </c>
      <c r="MQ41" s="122">
        <v>0</v>
      </c>
      <c r="MR41" s="123">
        <v>0</v>
      </c>
      <c r="MS41" s="162"/>
      <c r="MT41" s="122">
        <v>0</v>
      </c>
      <c r="MU41" s="122">
        <v>0</v>
      </c>
      <c r="MV41" s="122">
        <v>0</v>
      </c>
      <c r="MW41" s="122">
        <v>718685</v>
      </c>
      <c r="MX41" s="122">
        <v>986336</v>
      </c>
      <c r="MY41" s="123">
        <v>1705021</v>
      </c>
      <c r="MZ41" s="160">
        <v>1705021</v>
      </c>
      <c r="NA41" s="159">
        <v>0</v>
      </c>
      <c r="NB41" s="122">
        <v>0</v>
      </c>
      <c r="NC41" s="123">
        <v>0</v>
      </c>
      <c r="ND41" s="162"/>
      <c r="NE41" s="122">
        <v>0</v>
      </c>
      <c r="NF41" s="122">
        <v>0</v>
      </c>
      <c r="NG41" s="122">
        <v>700903</v>
      </c>
      <c r="NH41" s="122">
        <v>0</v>
      </c>
      <c r="NI41" s="122">
        <v>0</v>
      </c>
      <c r="NJ41" s="123">
        <v>700903</v>
      </c>
      <c r="NK41" s="357">
        <v>700903</v>
      </c>
      <c r="NL41" s="159">
        <v>0</v>
      </c>
      <c r="NM41" s="122">
        <v>0</v>
      </c>
      <c r="NN41" s="123">
        <v>0</v>
      </c>
      <c r="NO41" s="162"/>
      <c r="NP41" s="122">
        <v>0</v>
      </c>
      <c r="NQ41" s="122">
        <v>0</v>
      </c>
      <c r="NR41" s="122">
        <v>0</v>
      </c>
      <c r="NS41" s="122">
        <v>0</v>
      </c>
      <c r="NT41" s="122">
        <v>0</v>
      </c>
      <c r="NU41" s="123">
        <v>0</v>
      </c>
      <c r="NV41" s="124">
        <v>0</v>
      </c>
      <c r="NW41" s="159">
        <v>0</v>
      </c>
      <c r="NX41" s="122">
        <v>0</v>
      </c>
      <c r="NY41" s="123">
        <v>0</v>
      </c>
      <c r="NZ41" s="162"/>
      <c r="OA41" s="122">
        <v>0</v>
      </c>
      <c r="OB41" s="122">
        <v>0</v>
      </c>
      <c r="OC41" s="122">
        <v>0</v>
      </c>
      <c r="OD41" s="122">
        <v>0</v>
      </c>
      <c r="OE41" s="122">
        <v>0</v>
      </c>
      <c r="OF41" s="123">
        <v>0</v>
      </c>
      <c r="OG41" s="124">
        <v>0</v>
      </c>
      <c r="OH41" s="159">
        <v>40510</v>
      </c>
      <c r="OI41" s="122">
        <v>72408</v>
      </c>
      <c r="OJ41" s="158">
        <v>112918</v>
      </c>
      <c r="OK41" s="121">
        <v>0</v>
      </c>
      <c r="OL41" s="122">
        <v>518128</v>
      </c>
      <c r="OM41" s="122">
        <v>412733</v>
      </c>
      <c r="ON41" s="122">
        <v>1454004</v>
      </c>
      <c r="OO41" s="122">
        <v>1200051</v>
      </c>
      <c r="OP41" s="122">
        <v>1224816</v>
      </c>
      <c r="OQ41" s="123">
        <v>4809732</v>
      </c>
      <c r="OR41" s="160">
        <v>4922650</v>
      </c>
    </row>
    <row r="42" spans="1:408" ht="20.25" customHeight="1" thickBot="1" x14ac:dyDescent="0.25">
      <c r="A42" s="130" t="s">
        <v>37</v>
      </c>
      <c r="B42" s="119">
        <v>3200</v>
      </c>
      <c r="C42" s="205">
        <v>0</v>
      </c>
      <c r="D42" s="206">
        <v>3200</v>
      </c>
      <c r="E42" s="207">
        <v>0</v>
      </c>
      <c r="F42" s="205">
        <v>695477</v>
      </c>
      <c r="G42" s="205">
        <v>213636</v>
      </c>
      <c r="H42" s="205">
        <v>0</v>
      </c>
      <c r="I42" s="205">
        <v>0</v>
      </c>
      <c r="J42" s="205">
        <v>221913</v>
      </c>
      <c r="K42" s="207">
        <v>1131026</v>
      </c>
      <c r="L42" s="208">
        <v>1134226</v>
      </c>
      <c r="M42" s="119">
        <v>0</v>
      </c>
      <c r="N42" s="205">
        <v>0</v>
      </c>
      <c r="O42" s="206">
        <v>0</v>
      </c>
      <c r="P42" s="119">
        <v>0</v>
      </c>
      <c r="Q42" s="205">
        <v>668904</v>
      </c>
      <c r="R42" s="205">
        <v>0</v>
      </c>
      <c r="S42" s="205">
        <v>0</v>
      </c>
      <c r="T42" s="205">
        <v>0</v>
      </c>
      <c r="U42" s="205">
        <v>6240</v>
      </c>
      <c r="V42" s="206">
        <v>675144</v>
      </c>
      <c r="W42" s="208">
        <v>675144</v>
      </c>
      <c r="X42" s="119">
        <v>0</v>
      </c>
      <c r="Y42" s="205">
        <v>0</v>
      </c>
      <c r="Z42" s="206">
        <v>0</v>
      </c>
      <c r="AA42" s="119">
        <v>0</v>
      </c>
      <c r="AB42" s="205">
        <v>0</v>
      </c>
      <c r="AC42" s="205">
        <v>0</v>
      </c>
      <c r="AD42" s="205">
        <v>0</v>
      </c>
      <c r="AE42" s="205">
        <v>0</v>
      </c>
      <c r="AF42" s="205">
        <v>0</v>
      </c>
      <c r="AG42" s="206">
        <v>0</v>
      </c>
      <c r="AH42" s="208">
        <v>0</v>
      </c>
      <c r="AI42" s="119">
        <v>0</v>
      </c>
      <c r="AJ42" s="205">
        <v>0</v>
      </c>
      <c r="AK42" s="206">
        <v>0</v>
      </c>
      <c r="AL42" s="119">
        <v>0</v>
      </c>
      <c r="AM42" s="205">
        <v>0</v>
      </c>
      <c r="AN42" s="205">
        <v>0</v>
      </c>
      <c r="AO42" s="205">
        <v>0</v>
      </c>
      <c r="AP42" s="205">
        <v>0</v>
      </c>
      <c r="AQ42" s="205">
        <v>0</v>
      </c>
      <c r="AR42" s="206">
        <v>0</v>
      </c>
      <c r="AS42" s="208">
        <v>0</v>
      </c>
      <c r="AT42" s="119">
        <v>0</v>
      </c>
      <c r="AU42" s="205">
        <v>0</v>
      </c>
      <c r="AV42" s="206">
        <v>0</v>
      </c>
      <c r="AW42" s="119">
        <v>0</v>
      </c>
      <c r="AX42" s="205">
        <v>123834</v>
      </c>
      <c r="AY42" s="205">
        <v>0</v>
      </c>
      <c r="AZ42" s="205">
        <v>0</v>
      </c>
      <c r="BA42" s="205">
        <v>0</v>
      </c>
      <c r="BB42" s="205">
        <v>0</v>
      </c>
      <c r="BC42" s="206">
        <v>123834</v>
      </c>
      <c r="BD42" s="208">
        <v>123834</v>
      </c>
      <c r="BE42" s="119">
        <v>0</v>
      </c>
      <c r="BF42" s="205">
        <v>0</v>
      </c>
      <c r="BG42" s="210">
        <v>0</v>
      </c>
      <c r="BH42" s="209">
        <v>0</v>
      </c>
      <c r="BI42" s="205">
        <v>545070</v>
      </c>
      <c r="BJ42" s="205">
        <v>0</v>
      </c>
      <c r="BK42" s="205">
        <v>0</v>
      </c>
      <c r="BL42" s="205">
        <v>0</v>
      </c>
      <c r="BM42" s="205">
        <v>0</v>
      </c>
      <c r="BN42" s="206">
        <v>545070</v>
      </c>
      <c r="BO42" s="208">
        <v>545070</v>
      </c>
      <c r="BP42" s="119">
        <v>0</v>
      </c>
      <c r="BQ42" s="205">
        <v>0</v>
      </c>
      <c r="BR42" s="206">
        <v>0</v>
      </c>
      <c r="BS42" s="119">
        <v>0</v>
      </c>
      <c r="BT42" s="205">
        <v>0</v>
      </c>
      <c r="BU42" s="205">
        <v>0</v>
      </c>
      <c r="BV42" s="205">
        <v>0</v>
      </c>
      <c r="BW42" s="205">
        <v>0</v>
      </c>
      <c r="BX42" s="205">
        <v>6240</v>
      </c>
      <c r="BY42" s="206">
        <v>6240</v>
      </c>
      <c r="BZ42" s="208">
        <v>6240</v>
      </c>
      <c r="CA42" s="119">
        <v>0</v>
      </c>
      <c r="CB42" s="205">
        <v>0</v>
      </c>
      <c r="CC42" s="206">
        <v>0</v>
      </c>
      <c r="CD42" s="119">
        <v>0</v>
      </c>
      <c r="CE42" s="205">
        <v>22605</v>
      </c>
      <c r="CF42" s="205">
        <v>169476</v>
      </c>
      <c r="CG42" s="205">
        <v>0</v>
      </c>
      <c r="CH42" s="205">
        <v>0</v>
      </c>
      <c r="CI42" s="205">
        <v>0</v>
      </c>
      <c r="CJ42" s="206">
        <v>192081</v>
      </c>
      <c r="CK42" s="208">
        <v>192081</v>
      </c>
      <c r="CL42" s="119">
        <v>0</v>
      </c>
      <c r="CM42" s="205">
        <v>0</v>
      </c>
      <c r="CN42" s="206">
        <v>0</v>
      </c>
      <c r="CO42" s="209">
        <v>0</v>
      </c>
      <c r="CP42" s="205">
        <v>22605</v>
      </c>
      <c r="CQ42" s="205">
        <v>68147</v>
      </c>
      <c r="CR42" s="205">
        <v>0</v>
      </c>
      <c r="CS42" s="205">
        <v>0</v>
      </c>
      <c r="CT42" s="205">
        <v>0</v>
      </c>
      <c r="CU42" s="206">
        <v>90752</v>
      </c>
      <c r="CV42" s="208">
        <v>90752</v>
      </c>
      <c r="CW42" s="119">
        <v>0</v>
      </c>
      <c r="CX42" s="205">
        <v>0</v>
      </c>
      <c r="CY42" s="206">
        <v>0</v>
      </c>
      <c r="CZ42" s="119">
        <v>0</v>
      </c>
      <c r="DA42" s="205">
        <v>0</v>
      </c>
      <c r="DB42" s="205">
        <v>101329</v>
      </c>
      <c r="DC42" s="205">
        <v>0</v>
      </c>
      <c r="DD42" s="205">
        <v>0</v>
      </c>
      <c r="DE42" s="205">
        <v>0</v>
      </c>
      <c r="DF42" s="206">
        <v>101329</v>
      </c>
      <c r="DG42" s="208">
        <v>101329</v>
      </c>
      <c r="DH42" s="119">
        <v>0</v>
      </c>
      <c r="DI42" s="205">
        <v>0</v>
      </c>
      <c r="DJ42" s="210">
        <v>0</v>
      </c>
      <c r="DK42" s="209">
        <v>0</v>
      </c>
      <c r="DL42" s="205">
        <v>0</v>
      </c>
      <c r="DM42" s="205">
        <v>0</v>
      </c>
      <c r="DN42" s="205">
        <v>0</v>
      </c>
      <c r="DO42" s="205">
        <v>0</v>
      </c>
      <c r="DP42" s="205">
        <v>0</v>
      </c>
      <c r="DQ42" s="206">
        <v>0</v>
      </c>
      <c r="DR42" s="208">
        <v>0</v>
      </c>
      <c r="DS42" s="119">
        <v>0</v>
      </c>
      <c r="DT42" s="205">
        <v>0</v>
      </c>
      <c r="DU42" s="206">
        <v>0</v>
      </c>
      <c r="DV42" s="119">
        <v>0</v>
      </c>
      <c r="DW42" s="205">
        <v>0</v>
      </c>
      <c r="DX42" s="205">
        <v>0</v>
      </c>
      <c r="DY42" s="205">
        <v>0</v>
      </c>
      <c r="DZ42" s="205">
        <v>0</v>
      </c>
      <c r="EA42" s="205">
        <v>0</v>
      </c>
      <c r="EB42" s="206">
        <v>0</v>
      </c>
      <c r="EC42" s="208">
        <v>0</v>
      </c>
      <c r="ED42" s="119">
        <v>0</v>
      </c>
      <c r="EE42" s="210">
        <v>0</v>
      </c>
      <c r="EF42" s="206">
        <v>0</v>
      </c>
      <c r="EG42" s="119">
        <v>0</v>
      </c>
      <c r="EH42" s="205">
        <v>0</v>
      </c>
      <c r="EI42" s="205">
        <v>0</v>
      </c>
      <c r="EJ42" s="205">
        <v>0</v>
      </c>
      <c r="EK42" s="205">
        <v>0</v>
      </c>
      <c r="EL42" s="205">
        <v>0</v>
      </c>
      <c r="EM42" s="210">
        <v>0</v>
      </c>
      <c r="EN42" s="208">
        <v>0</v>
      </c>
      <c r="EO42" s="119">
        <v>0</v>
      </c>
      <c r="EP42" s="205">
        <v>0</v>
      </c>
      <c r="EQ42" s="210">
        <v>0</v>
      </c>
      <c r="ER42" s="209">
        <v>0</v>
      </c>
      <c r="ES42" s="205">
        <v>0</v>
      </c>
      <c r="ET42" s="205">
        <v>0</v>
      </c>
      <c r="EU42" s="205">
        <v>0</v>
      </c>
      <c r="EV42" s="205">
        <v>0</v>
      </c>
      <c r="EW42" s="205">
        <v>0</v>
      </c>
      <c r="EX42" s="206">
        <v>0</v>
      </c>
      <c r="EY42" s="208">
        <v>0</v>
      </c>
      <c r="EZ42" s="119">
        <v>0</v>
      </c>
      <c r="FA42" s="205">
        <v>0</v>
      </c>
      <c r="FB42" s="210">
        <v>0</v>
      </c>
      <c r="FC42" s="391"/>
      <c r="FD42" s="205">
        <v>0</v>
      </c>
      <c r="FE42" s="205">
        <v>0</v>
      </c>
      <c r="FF42" s="205">
        <v>0</v>
      </c>
      <c r="FG42" s="205">
        <v>0</v>
      </c>
      <c r="FH42" s="205">
        <v>0</v>
      </c>
      <c r="FI42" s="206">
        <v>0</v>
      </c>
      <c r="FJ42" s="208">
        <v>0</v>
      </c>
      <c r="FK42" s="119">
        <v>3200</v>
      </c>
      <c r="FL42" s="205">
        <v>0</v>
      </c>
      <c r="FM42" s="206">
        <v>3200</v>
      </c>
      <c r="FN42" s="119">
        <v>0</v>
      </c>
      <c r="FO42" s="205">
        <v>3968</v>
      </c>
      <c r="FP42" s="205">
        <v>44160</v>
      </c>
      <c r="FQ42" s="205">
        <v>0</v>
      </c>
      <c r="FR42" s="205">
        <v>0</v>
      </c>
      <c r="FS42" s="205">
        <v>0</v>
      </c>
      <c r="FT42" s="206">
        <v>48128</v>
      </c>
      <c r="FU42" s="208">
        <v>51328</v>
      </c>
      <c r="FV42" s="211">
        <v>3200</v>
      </c>
      <c r="FW42" s="205">
        <v>0</v>
      </c>
      <c r="FX42" s="210">
        <v>3200</v>
      </c>
      <c r="FY42" s="209">
        <v>0</v>
      </c>
      <c r="FZ42" s="205">
        <v>3968</v>
      </c>
      <c r="GA42" s="205">
        <v>44160</v>
      </c>
      <c r="GB42" s="205">
        <v>0</v>
      </c>
      <c r="GC42" s="205">
        <v>0</v>
      </c>
      <c r="GD42" s="205">
        <v>0</v>
      </c>
      <c r="GE42" s="206">
        <v>48128</v>
      </c>
      <c r="GF42" s="355">
        <v>51328</v>
      </c>
      <c r="GG42" s="211">
        <v>0</v>
      </c>
      <c r="GH42" s="205">
        <v>0</v>
      </c>
      <c r="GI42" s="210">
        <v>0</v>
      </c>
      <c r="GJ42" s="209">
        <v>0</v>
      </c>
      <c r="GK42" s="205">
        <v>0</v>
      </c>
      <c r="GL42" s="205">
        <v>0</v>
      </c>
      <c r="GM42" s="205">
        <v>0</v>
      </c>
      <c r="GN42" s="205">
        <v>0</v>
      </c>
      <c r="GO42" s="205">
        <v>0</v>
      </c>
      <c r="GP42" s="206">
        <v>0</v>
      </c>
      <c r="GQ42" s="208">
        <v>0</v>
      </c>
      <c r="GR42" s="119">
        <v>0</v>
      </c>
      <c r="GS42" s="205">
        <v>0</v>
      </c>
      <c r="GT42" s="206">
        <v>0</v>
      </c>
      <c r="GU42" s="119">
        <v>0</v>
      </c>
      <c r="GV42" s="205">
        <v>0</v>
      </c>
      <c r="GW42" s="205">
        <v>0</v>
      </c>
      <c r="GX42" s="205">
        <v>0</v>
      </c>
      <c r="GY42" s="205">
        <v>0</v>
      </c>
      <c r="GZ42" s="205">
        <v>0</v>
      </c>
      <c r="HA42" s="210">
        <v>0</v>
      </c>
      <c r="HB42" s="208">
        <v>0</v>
      </c>
      <c r="HC42" s="119">
        <v>0</v>
      </c>
      <c r="HD42" s="205">
        <v>0</v>
      </c>
      <c r="HE42" s="210">
        <v>0</v>
      </c>
      <c r="HF42" s="209">
        <v>0</v>
      </c>
      <c r="HG42" s="205">
        <v>0</v>
      </c>
      <c r="HH42" s="205">
        <v>0</v>
      </c>
      <c r="HI42" s="205">
        <v>0</v>
      </c>
      <c r="HJ42" s="205">
        <v>0</v>
      </c>
      <c r="HK42" s="205">
        <v>215673</v>
      </c>
      <c r="HL42" s="206">
        <v>215673</v>
      </c>
      <c r="HM42" s="207">
        <v>215673</v>
      </c>
      <c r="HN42" s="376"/>
      <c r="HO42" s="377"/>
      <c r="HP42" s="378"/>
      <c r="HQ42" s="379"/>
      <c r="HR42" s="377"/>
      <c r="HS42" s="377"/>
      <c r="HT42" s="377"/>
      <c r="HU42" s="377"/>
      <c r="HV42" s="377"/>
      <c r="HW42" s="380"/>
      <c r="HX42" s="381"/>
      <c r="HY42" s="168">
        <v>0</v>
      </c>
      <c r="HZ42" s="169">
        <v>0</v>
      </c>
      <c r="IA42" s="170">
        <v>0</v>
      </c>
      <c r="IB42" s="171">
        <v>0</v>
      </c>
      <c r="IC42" s="172">
        <v>0</v>
      </c>
      <c r="ID42" s="173">
        <v>0</v>
      </c>
      <c r="IE42" s="174">
        <v>0</v>
      </c>
      <c r="IF42" s="172">
        <v>0</v>
      </c>
      <c r="IG42" s="174">
        <v>0</v>
      </c>
      <c r="IH42" s="175">
        <v>0</v>
      </c>
      <c r="II42" s="176">
        <v>0</v>
      </c>
      <c r="IJ42" s="262">
        <v>0</v>
      </c>
      <c r="IK42" s="270">
        <v>0</v>
      </c>
      <c r="IL42" s="271">
        <v>0</v>
      </c>
      <c r="IM42" s="177"/>
      <c r="IN42" s="178">
        <v>0</v>
      </c>
      <c r="IO42" s="178">
        <v>0</v>
      </c>
      <c r="IP42" s="178">
        <v>0</v>
      </c>
      <c r="IQ42" s="178">
        <v>0</v>
      </c>
      <c r="IR42" s="178">
        <v>0</v>
      </c>
      <c r="IS42" s="179">
        <v>0</v>
      </c>
      <c r="IT42" s="358">
        <v>0</v>
      </c>
      <c r="IU42" s="180">
        <v>0</v>
      </c>
      <c r="IV42" s="178">
        <v>0</v>
      </c>
      <c r="IW42" s="182">
        <v>0</v>
      </c>
      <c r="IX42" s="185"/>
      <c r="IY42" s="178">
        <v>0</v>
      </c>
      <c r="IZ42" s="178">
        <v>0</v>
      </c>
      <c r="JA42" s="178">
        <v>0</v>
      </c>
      <c r="JB42" s="178">
        <v>0</v>
      </c>
      <c r="JC42" s="178">
        <v>0</v>
      </c>
      <c r="JD42" s="182">
        <v>0</v>
      </c>
      <c r="JE42" s="183">
        <v>0</v>
      </c>
      <c r="JF42" s="180">
        <v>0</v>
      </c>
      <c r="JG42" s="178">
        <v>0</v>
      </c>
      <c r="JH42" s="179">
        <v>0</v>
      </c>
      <c r="JI42" s="181">
        <v>0</v>
      </c>
      <c r="JJ42" s="178">
        <v>0</v>
      </c>
      <c r="JK42" s="178">
        <v>0</v>
      </c>
      <c r="JL42" s="178">
        <v>0</v>
      </c>
      <c r="JM42" s="178">
        <v>0</v>
      </c>
      <c r="JN42" s="178">
        <v>0</v>
      </c>
      <c r="JO42" s="182">
        <v>0</v>
      </c>
      <c r="JP42" s="358">
        <v>0</v>
      </c>
      <c r="JQ42" s="180">
        <v>0</v>
      </c>
      <c r="JR42" s="178">
        <v>0</v>
      </c>
      <c r="JS42" s="179">
        <v>0</v>
      </c>
      <c r="JT42" s="181">
        <v>0</v>
      </c>
      <c r="JU42" s="178">
        <v>0</v>
      </c>
      <c r="JV42" s="178">
        <v>0</v>
      </c>
      <c r="JW42" s="178">
        <v>0</v>
      </c>
      <c r="JX42" s="178">
        <v>0</v>
      </c>
      <c r="JY42" s="178">
        <v>0</v>
      </c>
      <c r="JZ42" s="182">
        <v>0</v>
      </c>
      <c r="KA42" s="358">
        <v>0</v>
      </c>
      <c r="KB42" s="265">
        <v>0</v>
      </c>
      <c r="KC42" s="259">
        <v>0</v>
      </c>
      <c r="KD42" s="182">
        <v>0</v>
      </c>
      <c r="KE42" s="181">
        <v>0</v>
      </c>
      <c r="KF42" s="178">
        <v>0</v>
      </c>
      <c r="KG42" s="178">
        <v>0</v>
      </c>
      <c r="KH42" s="178">
        <v>0</v>
      </c>
      <c r="KI42" s="178">
        <v>0</v>
      </c>
      <c r="KJ42" s="178">
        <v>0</v>
      </c>
      <c r="KK42" s="182">
        <v>0</v>
      </c>
      <c r="KL42" s="184">
        <v>0</v>
      </c>
      <c r="KM42" s="262">
        <v>0</v>
      </c>
      <c r="KN42" s="270">
        <v>0</v>
      </c>
      <c r="KO42" s="271">
        <v>0</v>
      </c>
      <c r="KP42" s="177"/>
      <c r="KQ42" s="178">
        <v>0</v>
      </c>
      <c r="KR42" s="178">
        <v>0</v>
      </c>
      <c r="KS42" s="178">
        <v>0</v>
      </c>
      <c r="KT42" s="178">
        <v>0</v>
      </c>
      <c r="KU42" s="178">
        <v>0</v>
      </c>
      <c r="KV42" s="182">
        <v>0</v>
      </c>
      <c r="KW42" s="358">
        <v>0</v>
      </c>
      <c r="KX42" s="180">
        <v>0</v>
      </c>
      <c r="KY42" s="178">
        <v>0</v>
      </c>
      <c r="KZ42" s="182">
        <v>0</v>
      </c>
      <c r="LA42" s="186"/>
      <c r="LB42" s="178">
        <v>0</v>
      </c>
      <c r="LC42" s="178">
        <v>0</v>
      </c>
      <c r="LD42" s="178">
        <v>0</v>
      </c>
      <c r="LE42" s="178">
        <v>0</v>
      </c>
      <c r="LF42" s="178">
        <v>0</v>
      </c>
      <c r="LG42" s="182">
        <v>0</v>
      </c>
      <c r="LH42" s="183">
        <v>0</v>
      </c>
      <c r="LI42" s="180">
        <v>0</v>
      </c>
      <c r="LJ42" s="178">
        <v>0</v>
      </c>
      <c r="LK42" s="182">
        <v>0</v>
      </c>
      <c r="LL42" s="186"/>
      <c r="LM42" s="178">
        <v>0</v>
      </c>
      <c r="LN42" s="178">
        <v>0</v>
      </c>
      <c r="LO42" s="178">
        <v>0</v>
      </c>
      <c r="LP42" s="178">
        <v>0</v>
      </c>
      <c r="LQ42" s="178">
        <v>0</v>
      </c>
      <c r="LR42" s="182">
        <v>0</v>
      </c>
      <c r="LS42" s="358">
        <v>0</v>
      </c>
      <c r="LT42" s="180">
        <v>0</v>
      </c>
      <c r="LU42" s="178">
        <v>0</v>
      </c>
      <c r="LV42" s="182">
        <v>0</v>
      </c>
      <c r="LW42" s="186"/>
      <c r="LX42" s="178">
        <v>0</v>
      </c>
      <c r="LY42" s="178">
        <v>0</v>
      </c>
      <c r="LZ42" s="178">
        <v>0</v>
      </c>
      <c r="MA42" s="178">
        <v>0</v>
      </c>
      <c r="MB42" s="178">
        <v>0</v>
      </c>
      <c r="MC42" s="182">
        <v>0</v>
      </c>
      <c r="MD42" s="183">
        <v>0</v>
      </c>
      <c r="ME42" s="180">
        <v>0</v>
      </c>
      <c r="MF42" s="178">
        <v>0</v>
      </c>
      <c r="MG42" s="182">
        <v>0</v>
      </c>
      <c r="MH42" s="186"/>
      <c r="MI42" s="178">
        <v>0</v>
      </c>
      <c r="MJ42" s="178">
        <v>0</v>
      </c>
      <c r="MK42" s="178">
        <v>208092</v>
      </c>
      <c r="ML42" s="178">
        <v>0</v>
      </c>
      <c r="MM42" s="178">
        <v>250067</v>
      </c>
      <c r="MN42" s="182">
        <v>458159</v>
      </c>
      <c r="MO42" s="184">
        <v>458159</v>
      </c>
      <c r="MP42" s="180">
        <v>0</v>
      </c>
      <c r="MQ42" s="178">
        <v>0</v>
      </c>
      <c r="MR42" s="182">
        <v>0</v>
      </c>
      <c r="MS42" s="186"/>
      <c r="MT42" s="178">
        <v>0</v>
      </c>
      <c r="MU42" s="178">
        <v>0</v>
      </c>
      <c r="MV42" s="178">
        <v>208092</v>
      </c>
      <c r="MW42" s="178">
        <v>0</v>
      </c>
      <c r="MX42" s="178">
        <v>250067</v>
      </c>
      <c r="MY42" s="182">
        <v>458159</v>
      </c>
      <c r="MZ42" s="184">
        <v>458159</v>
      </c>
      <c r="NA42" s="180">
        <v>0</v>
      </c>
      <c r="NB42" s="178">
        <v>0</v>
      </c>
      <c r="NC42" s="182">
        <v>0</v>
      </c>
      <c r="ND42" s="186"/>
      <c r="NE42" s="178">
        <v>0</v>
      </c>
      <c r="NF42" s="178">
        <v>0</v>
      </c>
      <c r="NG42" s="178">
        <v>0</v>
      </c>
      <c r="NH42" s="178">
        <v>0</v>
      </c>
      <c r="NI42" s="178">
        <v>0</v>
      </c>
      <c r="NJ42" s="182">
        <v>0</v>
      </c>
      <c r="NK42" s="358">
        <v>0</v>
      </c>
      <c r="NL42" s="180">
        <v>0</v>
      </c>
      <c r="NM42" s="178">
        <v>0</v>
      </c>
      <c r="NN42" s="182">
        <v>0</v>
      </c>
      <c r="NO42" s="186"/>
      <c r="NP42" s="178">
        <v>0</v>
      </c>
      <c r="NQ42" s="178">
        <v>0</v>
      </c>
      <c r="NR42" s="178">
        <v>0</v>
      </c>
      <c r="NS42" s="178">
        <v>0</v>
      </c>
      <c r="NT42" s="178">
        <v>0</v>
      </c>
      <c r="NU42" s="182">
        <v>0</v>
      </c>
      <c r="NV42" s="183">
        <v>0</v>
      </c>
      <c r="NW42" s="180">
        <v>0</v>
      </c>
      <c r="NX42" s="178">
        <v>0</v>
      </c>
      <c r="NY42" s="182">
        <v>0</v>
      </c>
      <c r="NZ42" s="186"/>
      <c r="OA42" s="178">
        <v>0</v>
      </c>
      <c r="OB42" s="178">
        <v>0</v>
      </c>
      <c r="OC42" s="178">
        <v>0</v>
      </c>
      <c r="OD42" s="178">
        <v>0</v>
      </c>
      <c r="OE42" s="178">
        <v>0</v>
      </c>
      <c r="OF42" s="182">
        <v>0</v>
      </c>
      <c r="OG42" s="183">
        <v>0</v>
      </c>
      <c r="OH42" s="180">
        <v>3200</v>
      </c>
      <c r="OI42" s="178">
        <v>0</v>
      </c>
      <c r="OJ42" s="179">
        <v>3200</v>
      </c>
      <c r="OK42" s="181">
        <v>0</v>
      </c>
      <c r="OL42" s="178">
        <v>695477</v>
      </c>
      <c r="OM42" s="178">
        <v>213636</v>
      </c>
      <c r="ON42" s="178">
        <v>208092</v>
      </c>
      <c r="OO42" s="178">
        <v>0</v>
      </c>
      <c r="OP42" s="178">
        <v>471980</v>
      </c>
      <c r="OQ42" s="182">
        <v>1589185</v>
      </c>
      <c r="OR42" s="184">
        <v>1592385</v>
      </c>
    </row>
    <row r="43" spans="1:408" x14ac:dyDescent="0.2">
      <c r="A43" s="44" t="s">
        <v>84</v>
      </c>
    </row>
  </sheetData>
  <mergeCells count="158">
    <mergeCell ref="F1:G1"/>
    <mergeCell ref="HX7:HX8"/>
    <mergeCell ref="HB7:HB8"/>
    <mergeCell ref="HC7:HE7"/>
    <mergeCell ref="HF7:HL7"/>
    <mergeCell ref="HM7:HM8"/>
    <mergeCell ref="HN7:HP7"/>
    <mergeCell ref="HQ7:HW7"/>
    <mergeCell ref="GU7:HA7"/>
    <mergeCell ref="EY7:EY8"/>
    <mergeCell ref="FK7:FM7"/>
    <mergeCell ref="FN7:FT7"/>
    <mergeCell ref="FU7:FU8"/>
    <mergeCell ref="FV7:FX7"/>
    <mergeCell ref="FY7:GE7"/>
    <mergeCell ref="GF7:GF8"/>
    <mergeCell ref="EG7:EM7"/>
    <mergeCell ref="EN7:EN8"/>
    <mergeCell ref="DS7:DU7"/>
    <mergeCell ref="GG7:GI7"/>
    <mergeCell ref="GJ7:GP7"/>
    <mergeCell ref="EO6:EY6"/>
    <mergeCell ref="FK6:FU6"/>
    <mergeCell ref="FV6:GF6"/>
    <mergeCell ref="GG6:GQ6"/>
    <mergeCell ref="GQ7:GQ8"/>
    <mergeCell ref="GR7:GT7"/>
    <mergeCell ref="ER7:EX7"/>
    <mergeCell ref="EZ7:FB7"/>
    <mergeCell ref="FC7:FI7"/>
    <mergeCell ref="FJ7:FJ8"/>
    <mergeCell ref="GR6:HB6"/>
    <mergeCell ref="EZ6:FJ6"/>
    <mergeCell ref="EO7:EQ7"/>
    <mergeCell ref="BD7:BD8"/>
    <mergeCell ref="BE7:BG7"/>
    <mergeCell ref="CZ7:DF7"/>
    <mergeCell ref="BO7:BO8"/>
    <mergeCell ref="BP7:BR7"/>
    <mergeCell ref="BS7:BY7"/>
    <mergeCell ref="BZ7:BZ8"/>
    <mergeCell ref="CA7:CC7"/>
    <mergeCell ref="CD7:CJ7"/>
    <mergeCell ref="CK7:CK8"/>
    <mergeCell ref="CL7:CN7"/>
    <mergeCell ref="CO7:CU7"/>
    <mergeCell ref="CV7:CV8"/>
    <mergeCell ref="CW7:CY7"/>
    <mergeCell ref="DV7:EB7"/>
    <mergeCell ref="EC7:EC8"/>
    <mergeCell ref="ED7:EF7"/>
    <mergeCell ref="DG7:DG8"/>
    <mergeCell ref="DH7:DJ7"/>
    <mergeCell ref="DK7:DQ7"/>
    <mergeCell ref="DR7:DR8"/>
    <mergeCell ref="M7:O7"/>
    <mergeCell ref="P7:V7"/>
    <mergeCell ref="BH7:BN7"/>
    <mergeCell ref="W7:W8"/>
    <mergeCell ref="X7:Z7"/>
    <mergeCell ref="AA7:AG7"/>
    <mergeCell ref="AH7:AH8"/>
    <mergeCell ref="AI7:AK7"/>
    <mergeCell ref="AL7:AR7"/>
    <mergeCell ref="AS7:AS8"/>
    <mergeCell ref="AT7:AV7"/>
    <mergeCell ref="AW7:BC7"/>
    <mergeCell ref="DH5:FJ5"/>
    <mergeCell ref="A4:A8"/>
    <mergeCell ref="B4:L6"/>
    <mergeCell ref="M4:HX4"/>
    <mergeCell ref="M5:BZ5"/>
    <mergeCell ref="CA5:DG5"/>
    <mergeCell ref="FK5:HB5"/>
    <mergeCell ref="HC5:HM6"/>
    <mergeCell ref="HN5:HX6"/>
    <mergeCell ref="ED6:EN6"/>
    <mergeCell ref="M6:W6"/>
    <mergeCell ref="X6:AH6"/>
    <mergeCell ref="AI6:AS6"/>
    <mergeCell ref="AT6:BD6"/>
    <mergeCell ref="BE6:BO6"/>
    <mergeCell ref="BP6:BZ6"/>
    <mergeCell ref="CA6:CK6"/>
    <mergeCell ref="CL6:CV6"/>
    <mergeCell ref="CW6:DG6"/>
    <mergeCell ref="DH6:DR6"/>
    <mergeCell ref="DS6:EC6"/>
    <mergeCell ref="B7:D7"/>
    <mergeCell ref="E7:K7"/>
    <mergeCell ref="L7:L8"/>
    <mergeCell ref="IC1:ID1"/>
    <mergeCell ref="HY4:MD4"/>
    <mergeCell ref="ME4:OG4"/>
    <mergeCell ref="OH4:OR6"/>
    <mergeCell ref="HY5:II6"/>
    <mergeCell ref="IJ5:IT6"/>
    <mergeCell ref="IU5:JE6"/>
    <mergeCell ref="JF5:JP6"/>
    <mergeCell ref="JQ5:KA6"/>
    <mergeCell ref="KB5:KL6"/>
    <mergeCell ref="KM5:KW6"/>
    <mergeCell ref="KX5:LH6"/>
    <mergeCell ref="LI5:LS6"/>
    <mergeCell ref="LT5:MD6"/>
    <mergeCell ref="ME5:MO6"/>
    <mergeCell ref="MP5:MZ6"/>
    <mergeCell ref="JT7:JZ7"/>
    <mergeCell ref="KA7:KA8"/>
    <mergeCell ref="KB7:KD7"/>
    <mergeCell ref="KE7:KK7"/>
    <mergeCell ref="KL7:KL8"/>
    <mergeCell ref="NA5:NK6"/>
    <mergeCell ref="NL5:NV6"/>
    <mergeCell ref="NW5:OG6"/>
    <mergeCell ref="HY7:IA7"/>
    <mergeCell ref="IB7:IH7"/>
    <mergeCell ref="II7:II8"/>
    <mergeCell ref="IJ7:IL7"/>
    <mergeCell ref="IM7:IS7"/>
    <mergeCell ref="IT7:IT8"/>
    <mergeCell ref="IU7:IW7"/>
    <mergeCell ref="IX7:JD7"/>
    <mergeCell ref="JE7:JE8"/>
    <mergeCell ref="JF7:JH7"/>
    <mergeCell ref="JI7:JO7"/>
    <mergeCell ref="JP7:JP8"/>
    <mergeCell ref="JQ7:JS7"/>
    <mergeCell ref="LH7:LH8"/>
    <mergeCell ref="LI7:LK7"/>
    <mergeCell ref="LL7:LR7"/>
    <mergeCell ref="LS7:LS8"/>
    <mergeCell ref="LT7:LV7"/>
    <mergeCell ref="KM7:KO7"/>
    <mergeCell ref="KP7:KV7"/>
    <mergeCell ref="KW7:KW8"/>
    <mergeCell ref="KX7:KZ7"/>
    <mergeCell ref="LA7:LG7"/>
    <mergeCell ref="MP7:MR7"/>
    <mergeCell ref="MS7:MY7"/>
    <mergeCell ref="MZ7:MZ8"/>
    <mergeCell ref="NA7:NC7"/>
    <mergeCell ref="ND7:NJ7"/>
    <mergeCell ref="LW7:MC7"/>
    <mergeCell ref="MD7:MD8"/>
    <mergeCell ref="ME7:MG7"/>
    <mergeCell ref="MH7:MN7"/>
    <mergeCell ref="MO7:MO8"/>
    <mergeCell ref="NZ7:OF7"/>
    <mergeCell ref="OG7:OG8"/>
    <mergeCell ref="OH7:OJ7"/>
    <mergeCell ref="OK7:OQ7"/>
    <mergeCell ref="OR7:OR8"/>
    <mergeCell ref="NK7:NK8"/>
    <mergeCell ref="NL7:NN7"/>
    <mergeCell ref="NO7:NU7"/>
    <mergeCell ref="NV7:NV8"/>
    <mergeCell ref="NW7:NY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3" max="1048575" man="1"/>
    <brk id="45" max="1048575" man="1"/>
    <brk id="67" max="1048575" man="1"/>
    <brk id="89" max="1048575" man="1"/>
    <brk id="111" max="1048575" man="1"/>
    <brk id="133" max="1048575" man="1"/>
    <brk id="166" max="1048575" man="1"/>
    <brk id="188" max="1048575" man="1"/>
    <brk id="210"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R43"/>
  <sheetViews>
    <sheetView zoomScaleNormal="100" workbookViewId="0">
      <pane xSplit="1" ySplit="9" topLeftCell="B10" activePane="bottomRight" state="frozen"/>
      <selection activeCell="F37" sqref="F37"/>
      <selection pane="topRight" activeCell="F37" sqref="F37"/>
      <selection pane="bottomLeft" activeCell="F37" sqref="F37"/>
      <selection pane="bottomRight"/>
    </sheetView>
  </sheetViews>
  <sheetFormatPr defaultColWidth="8.21875" defaultRowHeight="13.2" x14ac:dyDescent="0.2"/>
  <cols>
    <col min="1" max="1" width="9.21875" style="44" customWidth="1"/>
    <col min="2" max="2" width="8.21875" style="44" customWidth="1"/>
    <col min="3" max="4" width="10" style="44" customWidth="1"/>
    <col min="5" max="5" width="7.21875" style="44" customWidth="1"/>
    <col min="6" max="7" width="10" style="44" customWidth="1"/>
    <col min="8" max="8" width="9.88671875" style="44" customWidth="1"/>
    <col min="9" max="9" width="9.77734375" style="44" customWidth="1"/>
    <col min="10" max="10" width="9.88671875" style="44" customWidth="1"/>
    <col min="11" max="11" width="10.88671875" style="44" customWidth="1"/>
    <col min="12" max="12" width="11.109375" style="44" customWidth="1"/>
    <col min="13" max="15" width="8.21875" style="44" customWidth="1"/>
    <col min="16" max="16" width="7.21875" style="44" customWidth="1"/>
    <col min="17" max="17" width="8.21875" style="44" customWidth="1"/>
    <col min="18" max="18" width="10.109375" style="44" customWidth="1"/>
    <col min="19" max="19" width="9.109375" style="44" customWidth="1"/>
    <col min="20" max="20" width="9.77734375" style="44" customWidth="1"/>
    <col min="21" max="21" width="10.33203125" style="44" customWidth="1"/>
    <col min="22" max="22" width="10.44140625" style="44" customWidth="1"/>
    <col min="23" max="23" width="11" style="44" customWidth="1"/>
    <col min="24" max="26" width="8.21875" style="44" customWidth="1"/>
    <col min="27" max="27" width="7" style="44" customWidth="1"/>
    <col min="28" max="32" width="8.21875" style="44" customWidth="1"/>
    <col min="33" max="33" width="10.6640625" style="44" customWidth="1"/>
    <col min="34" max="34" width="10" style="44" customWidth="1"/>
    <col min="35" max="37" width="8.21875" style="44" customWidth="1"/>
    <col min="38" max="38" width="7" style="44" customWidth="1"/>
    <col min="39" max="48" width="8.21875" style="44" customWidth="1"/>
    <col min="49" max="49" width="7.21875" style="44" customWidth="1"/>
    <col min="50" max="54" width="8.21875" style="44" customWidth="1"/>
    <col min="55" max="56" width="9.33203125" style="44" customWidth="1"/>
    <col min="57" max="59" width="8.21875" style="44" customWidth="1"/>
    <col min="60" max="60" width="6.88671875" style="44" customWidth="1"/>
    <col min="61" max="70" width="8.21875" style="44" customWidth="1"/>
    <col min="71" max="71" width="7.21875" style="44" customWidth="1"/>
    <col min="72" max="78" width="8.21875" style="44" customWidth="1"/>
    <col min="79" max="81" width="8.21875" style="361" customWidth="1"/>
    <col min="82" max="82" width="7.6640625" style="361" customWidth="1"/>
    <col min="83" max="83" width="9.88671875" style="361" customWidth="1"/>
    <col min="84" max="84" width="10" style="361" customWidth="1"/>
    <col min="85" max="85" width="9.77734375" style="361" customWidth="1"/>
    <col min="86" max="86" width="9.21875" style="361" customWidth="1"/>
    <col min="87" max="87" width="8.77734375" style="361" customWidth="1"/>
    <col min="88" max="88" width="9.88671875" style="361" customWidth="1"/>
    <col min="89" max="89" width="9.77734375" style="361" customWidth="1"/>
    <col min="90" max="92" width="8.21875" style="44" customWidth="1"/>
    <col min="93" max="93" width="7.33203125" style="44" customWidth="1"/>
    <col min="94" max="94" width="9.88671875" style="44" bestFit="1" customWidth="1"/>
    <col min="95" max="95" width="10" style="44" customWidth="1"/>
    <col min="96" max="96" width="9.6640625" style="44" customWidth="1"/>
    <col min="97" max="98" width="8.21875" style="44" customWidth="1"/>
    <col min="99" max="100" width="9.88671875" style="44" customWidth="1"/>
    <col min="101" max="103" width="8.21875" style="44" customWidth="1"/>
    <col min="104" max="104" width="7.44140625" style="44" customWidth="1"/>
    <col min="105" max="109" width="8.21875" style="44" customWidth="1"/>
    <col min="110" max="110" width="10" style="44" customWidth="1"/>
    <col min="111" max="111" width="9.88671875" style="44" customWidth="1"/>
    <col min="112" max="114" width="8.21875" style="361" customWidth="1"/>
    <col min="115" max="115" width="7.21875" style="361" customWidth="1"/>
    <col min="116" max="120" width="8.21875" style="361" customWidth="1"/>
    <col min="121" max="121" width="10.109375" style="361" customWidth="1"/>
    <col min="122" max="122" width="9.77734375" style="361" customWidth="1"/>
    <col min="123" max="125" width="8.21875" style="44" customWidth="1"/>
    <col min="126" max="126" width="7.33203125" style="44" customWidth="1"/>
    <col min="127" max="131" width="8.21875" style="44" customWidth="1"/>
    <col min="132" max="132" width="10.33203125" style="44" customWidth="1"/>
    <col min="133" max="133" width="10.109375" style="44" customWidth="1"/>
    <col min="134" max="136" width="8.21875" style="44" customWidth="1"/>
    <col min="137" max="137" width="7.109375" style="44" customWidth="1"/>
    <col min="138" max="147" width="8.21875" style="44" customWidth="1"/>
    <col min="148" max="148" width="7.21875" style="44" customWidth="1"/>
    <col min="149" max="158" width="8.21875" style="44" customWidth="1"/>
    <col min="159" max="159" width="7.21875" style="44" customWidth="1"/>
    <col min="160" max="166" width="8.21875" style="44" customWidth="1"/>
    <col min="167" max="169" width="8.21875" style="361" customWidth="1"/>
    <col min="170" max="170" width="6.6640625" style="361" customWidth="1"/>
    <col min="171" max="175" width="8.21875" style="361" customWidth="1"/>
    <col min="176" max="176" width="10.109375" style="361" customWidth="1"/>
    <col min="177" max="177" width="9.88671875" style="361" customWidth="1"/>
    <col min="178" max="180" width="8.21875" style="44" customWidth="1"/>
    <col min="181" max="181" width="7.33203125" style="44" customWidth="1"/>
    <col min="182" max="186" width="8.21875" style="44" customWidth="1"/>
    <col min="187" max="187" width="10" style="44" customWidth="1"/>
    <col min="188" max="188" width="10.6640625" style="44" customWidth="1"/>
    <col min="189" max="191" width="8.21875" style="44" customWidth="1"/>
    <col min="192" max="192" width="7.21875" style="44" customWidth="1"/>
    <col min="193" max="202" width="8.21875" style="44" customWidth="1"/>
    <col min="203" max="203" width="7.109375" style="44" customWidth="1"/>
    <col min="204" max="213" width="8.21875" style="44" customWidth="1"/>
    <col min="214" max="214" width="7.109375" style="44" customWidth="1"/>
    <col min="215" max="219" width="8.21875" style="44" customWidth="1"/>
    <col min="220" max="221" width="9.77734375" style="44" customWidth="1"/>
    <col min="222" max="224" width="8.21875" style="44" customWidth="1"/>
    <col min="225" max="225" width="7.21875" style="44" customWidth="1"/>
    <col min="226" max="230" width="8.21875" style="44" customWidth="1"/>
    <col min="231" max="232" width="10" style="44" customWidth="1"/>
    <col min="233" max="234" width="7.44140625" style="39" customWidth="1"/>
    <col min="235" max="235" width="9.33203125" style="39" customWidth="1"/>
    <col min="236" max="236" width="7.44140625" style="39" customWidth="1"/>
    <col min="237" max="243" width="10.109375" style="39" customWidth="1"/>
    <col min="244" max="246" width="10.109375" style="1" customWidth="1"/>
    <col min="247" max="247" width="7.109375" style="1" customWidth="1"/>
    <col min="248" max="257" width="10.109375" style="1" customWidth="1"/>
    <col min="258" max="258" width="7.33203125" style="1" customWidth="1"/>
    <col min="259" max="268" width="10.109375" style="1" customWidth="1"/>
    <col min="269" max="269" width="7.21875" style="1" customWidth="1"/>
    <col min="270" max="279" width="10.109375" style="1" customWidth="1"/>
    <col min="280" max="280" width="7.6640625" style="1" customWidth="1"/>
    <col min="281" max="290" width="10.109375" style="1" customWidth="1"/>
    <col min="291" max="291" width="6.33203125" style="1" customWidth="1"/>
    <col min="292" max="301" width="10.109375" style="1" customWidth="1"/>
    <col min="302" max="302" width="7.44140625" style="1" customWidth="1"/>
    <col min="303" max="309" width="10.109375" style="1" customWidth="1"/>
    <col min="310" max="312" width="10.109375" style="39" customWidth="1"/>
    <col min="313" max="313" width="7.109375" style="39" customWidth="1"/>
    <col min="314" max="323" width="10.109375" style="39" customWidth="1"/>
    <col min="324" max="324" width="7.44140625" style="39" customWidth="1"/>
    <col min="325" max="334" width="10.109375" style="39" customWidth="1"/>
    <col min="335" max="335" width="6.88671875" style="39" customWidth="1"/>
    <col min="336" max="342" width="10.109375" style="39" customWidth="1"/>
    <col min="343" max="345" width="10.109375" style="1" customWidth="1"/>
    <col min="346" max="346" width="7.21875" style="1" customWidth="1"/>
    <col min="347" max="356" width="10.109375" style="1" customWidth="1"/>
    <col min="357" max="357" width="7.21875" style="1" customWidth="1"/>
    <col min="358" max="367" width="10.109375" style="1" customWidth="1"/>
    <col min="368" max="368" width="7" style="1" customWidth="1"/>
    <col min="369" max="378" width="10.109375" style="1" customWidth="1"/>
    <col min="379" max="379" width="6.88671875" style="1" customWidth="1"/>
    <col min="380" max="384" width="10.109375" style="1" customWidth="1"/>
    <col min="385" max="386" width="10.33203125" style="1" customWidth="1"/>
    <col min="387" max="389" width="10.109375" style="1" customWidth="1"/>
    <col min="390" max="390" width="6.88671875" style="1" customWidth="1"/>
    <col min="391" max="395" width="10.109375" style="1" customWidth="1"/>
    <col min="396" max="397" width="10.33203125" style="1" customWidth="1"/>
    <col min="398" max="400" width="9.21875" style="1" customWidth="1"/>
    <col min="401" max="401" width="7" style="1" customWidth="1"/>
    <col min="402" max="403" width="9.21875" style="1" customWidth="1"/>
    <col min="404" max="404" width="10.44140625" style="1" customWidth="1"/>
    <col min="405" max="405" width="12.109375" style="1" customWidth="1"/>
    <col min="406" max="406" width="10.109375" style="1" customWidth="1"/>
    <col min="407" max="408" width="10.33203125" style="1" customWidth="1"/>
    <col min="409" max="16384" width="8.21875" style="44"/>
  </cols>
  <sheetData>
    <row r="1" spans="1:408" ht="21.75" customHeight="1" x14ac:dyDescent="0.2">
      <c r="A1" s="20" t="s">
        <v>136</v>
      </c>
      <c r="D1" s="520">
        <f>第１表!F2</f>
        <v>4</v>
      </c>
      <c r="E1" s="280">
        <f>第１表!G2</f>
        <v>4</v>
      </c>
      <c r="F1" s="670">
        <f>IF(E1&lt;3,E1-2+12,E1-2)</f>
        <v>2</v>
      </c>
      <c r="G1" s="670"/>
      <c r="IA1" s="411"/>
      <c r="IB1" s="287"/>
      <c r="IC1" s="661"/>
      <c r="ID1" s="661"/>
    </row>
    <row r="2" spans="1:408" ht="21.75" customHeight="1" x14ac:dyDescent="0.2">
      <c r="A2" s="20" t="s">
        <v>147</v>
      </c>
      <c r="D2" s="284"/>
      <c r="E2" s="285"/>
      <c r="F2" s="397"/>
      <c r="G2" s="397"/>
      <c r="IA2" s="286"/>
      <c r="IB2" s="287"/>
      <c r="IC2" s="414"/>
      <c r="ID2" s="414"/>
    </row>
    <row r="3" spans="1:408" ht="24" customHeight="1" thickBot="1" x14ac:dyDescent="0.25">
      <c r="A3" s="20" t="s">
        <v>156</v>
      </c>
    </row>
    <row r="4" spans="1:408" ht="18" customHeight="1" thickBot="1" x14ac:dyDescent="0.25">
      <c r="A4" s="697" t="s">
        <v>42</v>
      </c>
      <c r="B4" s="700" t="s">
        <v>63</v>
      </c>
      <c r="C4" s="700"/>
      <c r="D4" s="700"/>
      <c r="E4" s="700"/>
      <c r="F4" s="700"/>
      <c r="G4" s="700"/>
      <c r="H4" s="700"/>
      <c r="I4" s="700"/>
      <c r="J4" s="700"/>
      <c r="K4" s="700"/>
      <c r="L4" s="700"/>
      <c r="M4" s="703"/>
      <c r="N4" s="703"/>
      <c r="O4" s="703"/>
      <c r="P4" s="703"/>
      <c r="Q4" s="703"/>
      <c r="R4" s="703"/>
      <c r="S4" s="703"/>
      <c r="T4" s="703"/>
      <c r="U4" s="703"/>
      <c r="V4" s="703"/>
      <c r="W4" s="703"/>
      <c r="X4" s="703"/>
      <c r="Y4" s="703"/>
      <c r="Z4" s="703"/>
      <c r="AA4" s="703"/>
      <c r="AB4" s="703"/>
      <c r="AC4" s="703"/>
      <c r="AD4" s="703"/>
      <c r="AE4" s="703"/>
      <c r="AF4" s="703"/>
      <c r="AG4" s="703"/>
      <c r="AH4" s="703"/>
      <c r="AI4" s="703"/>
      <c r="AJ4" s="703"/>
      <c r="AK4" s="703"/>
      <c r="AL4" s="703"/>
      <c r="AM4" s="703"/>
      <c r="AN4" s="703"/>
      <c r="AO4" s="703"/>
      <c r="AP4" s="703"/>
      <c r="AQ4" s="703"/>
      <c r="AR4" s="703"/>
      <c r="AS4" s="703"/>
      <c r="AT4" s="703"/>
      <c r="AU4" s="703"/>
      <c r="AV4" s="703"/>
      <c r="AW4" s="703"/>
      <c r="AX4" s="703"/>
      <c r="AY4" s="703"/>
      <c r="AZ4" s="703"/>
      <c r="BA4" s="703"/>
      <c r="BB4" s="703"/>
      <c r="BC4" s="703"/>
      <c r="BD4" s="703"/>
      <c r="BE4" s="703"/>
      <c r="BF4" s="703"/>
      <c r="BG4" s="703"/>
      <c r="BH4" s="703"/>
      <c r="BI4" s="703"/>
      <c r="BJ4" s="703"/>
      <c r="BK4" s="703"/>
      <c r="BL4" s="703"/>
      <c r="BM4" s="703"/>
      <c r="BN4" s="703"/>
      <c r="BO4" s="703"/>
      <c r="BP4" s="703"/>
      <c r="BQ4" s="703"/>
      <c r="BR4" s="703"/>
      <c r="BS4" s="703"/>
      <c r="BT4" s="703"/>
      <c r="BU4" s="703"/>
      <c r="BV4" s="703"/>
      <c r="BW4" s="703"/>
      <c r="BX4" s="703"/>
      <c r="BY4" s="703"/>
      <c r="BZ4" s="703"/>
      <c r="CA4" s="703"/>
      <c r="CB4" s="703"/>
      <c r="CC4" s="703"/>
      <c r="CD4" s="703"/>
      <c r="CE4" s="703"/>
      <c r="CF4" s="703"/>
      <c r="CG4" s="703"/>
      <c r="CH4" s="703"/>
      <c r="CI4" s="703"/>
      <c r="CJ4" s="703"/>
      <c r="CK4" s="703"/>
      <c r="CL4" s="703"/>
      <c r="CM4" s="703"/>
      <c r="CN4" s="703"/>
      <c r="CO4" s="703"/>
      <c r="CP4" s="703"/>
      <c r="CQ4" s="703"/>
      <c r="CR4" s="703"/>
      <c r="CS4" s="703"/>
      <c r="CT4" s="703"/>
      <c r="CU4" s="703"/>
      <c r="CV4" s="703"/>
      <c r="CW4" s="703"/>
      <c r="CX4" s="703"/>
      <c r="CY4" s="703"/>
      <c r="CZ4" s="703"/>
      <c r="DA4" s="703"/>
      <c r="DB4" s="703"/>
      <c r="DC4" s="703"/>
      <c r="DD4" s="703"/>
      <c r="DE4" s="703"/>
      <c r="DF4" s="703"/>
      <c r="DG4" s="703"/>
      <c r="DH4" s="703"/>
      <c r="DI4" s="703"/>
      <c r="DJ4" s="703"/>
      <c r="DK4" s="703"/>
      <c r="DL4" s="703"/>
      <c r="DM4" s="703"/>
      <c r="DN4" s="703"/>
      <c r="DO4" s="703"/>
      <c r="DP4" s="703"/>
      <c r="DQ4" s="703"/>
      <c r="DR4" s="703"/>
      <c r="DS4" s="703"/>
      <c r="DT4" s="703"/>
      <c r="DU4" s="703"/>
      <c r="DV4" s="703"/>
      <c r="DW4" s="703"/>
      <c r="DX4" s="703"/>
      <c r="DY4" s="703"/>
      <c r="DZ4" s="703"/>
      <c r="EA4" s="703"/>
      <c r="EB4" s="703"/>
      <c r="EC4" s="703"/>
      <c r="ED4" s="703"/>
      <c r="EE4" s="703"/>
      <c r="EF4" s="703"/>
      <c r="EG4" s="703"/>
      <c r="EH4" s="703"/>
      <c r="EI4" s="703"/>
      <c r="EJ4" s="703"/>
      <c r="EK4" s="703"/>
      <c r="EL4" s="703"/>
      <c r="EM4" s="703"/>
      <c r="EN4" s="703"/>
      <c r="EO4" s="703"/>
      <c r="EP4" s="703"/>
      <c r="EQ4" s="703"/>
      <c r="ER4" s="703"/>
      <c r="ES4" s="703"/>
      <c r="ET4" s="703"/>
      <c r="EU4" s="703"/>
      <c r="EV4" s="703"/>
      <c r="EW4" s="703"/>
      <c r="EX4" s="703"/>
      <c r="EY4" s="703"/>
      <c r="EZ4" s="703"/>
      <c r="FA4" s="703"/>
      <c r="FB4" s="703"/>
      <c r="FC4" s="703"/>
      <c r="FD4" s="703"/>
      <c r="FE4" s="703"/>
      <c r="FF4" s="703"/>
      <c r="FG4" s="703"/>
      <c r="FH4" s="703"/>
      <c r="FI4" s="703"/>
      <c r="FJ4" s="703"/>
      <c r="FK4" s="703"/>
      <c r="FL4" s="703"/>
      <c r="FM4" s="703"/>
      <c r="FN4" s="703"/>
      <c r="FO4" s="703"/>
      <c r="FP4" s="703"/>
      <c r="FQ4" s="703"/>
      <c r="FR4" s="703"/>
      <c r="FS4" s="703"/>
      <c r="FT4" s="703"/>
      <c r="FU4" s="703"/>
      <c r="FV4" s="703"/>
      <c r="FW4" s="703"/>
      <c r="FX4" s="703"/>
      <c r="FY4" s="703"/>
      <c r="FZ4" s="703"/>
      <c r="GA4" s="703"/>
      <c r="GB4" s="703"/>
      <c r="GC4" s="703"/>
      <c r="GD4" s="703"/>
      <c r="GE4" s="703"/>
      <c r="GF4" s="703"/>
      <c r="GG4" s="703"/>
      <c r="GH4" s="703"/>
      <c r="GI4" s="703"/>
      <c r="GJ4" s="703"/>
      <c r="GK4" s="703"/>
      <c r="GL4" s="703"/>
      <c r="GM4" s="703"/>
      <c r="GN4" s="703"/>
      <c r="GO4" s="703"/>
      <c r="GP4" s="703"/>
      <c r="GQ4" s="703"/>
      <c r="GR4" s="703"/>
      <c r="GS4" s="703"/>
      <c r="GT4" s="703"/>
      <c r="GU4" s="703"/>
      <c r="GV4" s="703"/>
      <c r="GW4" s="703"/>
      <c r="GX4" s="703"/>
      <c r="GY4" s="703"/>
      <c r="GZ4" s="703"/>
      <c r="HA4" s="703"/>
      <c r="HB4" s="703"/>
      <c r="HC4" s="703"/>
      <c r="HD4" s="703"/>
      <c r="HE4" s="703"/>
      <c r="HF4" s="703"/>
      <c r="HG4" s="703"/>
      <c r="HH4" s="703"/>
      <c r="HI4" s="703"/>
      <c r="HJ4" s="703"/>
      <c r="HK4" s="703"/>
      <c r="HL4" s="703"/>
      <c r="HM4" s="703"/>
      <c r="HN4" s="703"/>
      <c r="HO4" s="703"/>
      <c r="HP4" s="703"/>
      <c r="HQ4" s="703"/>
      <c r="HR4" s="703"/>
      <c r="HS4" s="703"/>
      <c r="HT4" s="703"/>
      <c r="HU4" s="703"/>
      <c r="HV4" s="703"/>
      <c r="HW4" s="703"/>
      <c r="HX4" s="704"/>
      <c r="HY4" s="658" t="s">
        <v>85</v>
      </c>
      <c r="HZ4" s="659"/>
      <c r="IA4" s="659"/>
      <c r="IB4" s="659"/>
      <c r="IC4" s="659"/>
      <c r="ID4" s="659"/>
      <c r="IE4" s="659"/>
      <c r="IF4" s="659"/>
      <c r="IG4" s="659"/>
      <c r="IH4" s="659"/>
      <c r="II4" s="659"/>
      <c r="IJ4" s="659"/>
      <c r="IK4" s="659"/>
      <c r="IL4" s="659"/>
      <c r="IM4" s="659"/>
      <c r="IN4" s="659"/>
      <c r="IO4" s="659"/>
      <c r="IP4" s="659"/>
      <c r="IQ4" s="659"/>
      <c r="IR4" s="659"/>
      <c r="IS4" s="659"/>
      <c r="IT4" s="659"/>
      <c r="IU4" s="659"/>
      <c r="IV4" s="659"/>
      <c r="IW4" s="659"/>
      <c r="IX4" s="659"/>
      <c r="IY4" s="659"/>
      <c r="IZ4" s="659"/>
      <c r="JA4" s="659"/>
      <c r="JB4" s="659"/>
      <c r="JC4" s="659"/>
      <c r="JD4" s="659"/>
      <c r="JE4" s="659"/>
      <c r="JF4" s="659"/>
      <c r="JG4" s="659"/>
      <c r="JH4" s="659"/>
      <c r="JI4" s="659"/>
      <c r="JJ4" s="659"/>
      <c r="JK4" s="659"/>
      <c r="JL4" s="659"/>
      <c r="JM4" s="659"/>
      <c r="JN4" s="659"/>
      <c r="JO4" s="659"/>
      <c r="JP4" s="659"/>
      <c r="JQ4" s="659"/>
      <c r="JR4" s="659"/>
      <c r="JS4" s="659"/>
      <c r="JT4" s="659"/>
      <c r="JU4" s="659"/>
      <c r="JV4" s="659"/>
      <c r="JW4" s="659"/>
      <c r="JX4" s="659"/>
      <c r="JY4" s="659"/>
      <c r="JZ4" s="659"/>
      <c r="KA4" s="659"/>
      <c r="KB4" s="659"/>
      <c r="KC4" s="659"/>
      <c r="KD4" s="659"/>
      <c r="KE4" s="659"/>
      <c r="KF4" s="659"/>
      <c r="KG4" s="659"/>
      <c r="KH4" s="659"/>
      <c r="KI4" s="659"/>
      <c r="KJ4" s="659"/>
      <c r="KK4" s="659"/>
      <c r="KL4" s="659"/>
      <c r="KM4" s="659"/>
      <c r="KN4" s="659"/>
      <c r="KO4" s="659"/>
      <c r="KP4" s="659"/>
      <c r="KQ4" s="659"/>
      <c r="KR4" s="659"/>
      <c r="KS4" s="659"/>
      <c r="KT4" s="659"/>
      <c r="KU4" s="659"/>
      <c r="KV4" s="659"/>
      <c r="KW4" s="659"/>
      <c r="KX4" s="659"/>
      <c r="KY4" s="659"/>
      <c r="KZ4" s="659"/>
      <c r="LA4" s="659"/>
      <c r="LB4" s="659"/>
      <c r="LC4" s="659"/>
      <c r="LD4" s="659"/>
      <c r="LE4" s="659"/>
      <c r="LF4" s="659"/>
      <c r="LG4" s="659"/>
      <c r="LH4" s="659"/>
      <c r="LI4" s="659"/>
      <c r="LJ4" s="659"/>
      <c r="LK4" s="659"/>
      <c r="LL4" s="659"/>
      <c r="LM4" s="659"/>
      <c r="LN4" s="659"/>
      <c r="LO4" s="659"/>
      <c r="LP4" s="659"/>
      <c r="LQ4" s="659"/>
      <c r="LR4" s="659"/>
      <c r="LS4" s="659"/>
      <c r="LT4" s="659"/>
      <c r="LU4" s="659"/>
      <c r="LV4" s="659"/>
      <c r="LW4" s="659"/>
      <c r="LX4" s="659"/>
      <c r="LY4" s="659"/>
      <c r="LZ4" s="659"/>
      <c r="MA4" s="659"/>
      <c r="MB4" s="659"/>
      <c r="MC4" s="659"/>
      <c r="MD4" s="660"/>
      <c r="ME4" s="658" t="s">
        <v>86</v>
      </c>
      <c r="MF4" s="659"/>
      <c r="MG4" s="659"/>
      <c r="MH4" s="659"/>
      <c r="MI4" s="659"/>
      <c r="MJ4" s="659"/>
      <c r="MK4" s="659"/>
      <c r="ML4" s="659"/>
      <c r="MM4" s="659"/>
      <c r="MN4" s="659"/>
      <c r="MO4" s="659"/>
      <c r="MP4" s="659"/>
      <c r="MQ4" s="659"/>
      <c r="MR4" s="659"/>
      <c r="MS4" s="659"/>
      <c r="MT4" s="659"/>
      <c r="MU4" s="659"/>
      <c r="MV4" s="659"/>
      <c r="MW4" s="659"/>
      <c r="MX4" s="659"/>
      <c r="MY4" s="659"/>
      <c r="MZ4" s="659"/>
      <c r="NA4" s="659"/>
      <c r="NB4" s="659"/>
      <c r="NC4" s="659"/>
      <c r="ND4" s="659"/>
      <c r="NE4" s="659"/>
      <c r="NF4" s="659"/>
      <c r="NG4" s="659"/>
      <c r="NH4" s="659"/>
      <c r="NI4" s="659"/>
      <c r="NJ4" s="659"/>
      <c r="NK4" s="659"/>
      <c r="NL4" s="659"/>
      <c r="NM4" s="659"/>
      <c r="NN4" s="659"/>
      <c r="NO4" s="659"/>
      <c r="NP4" s="659"/>
      <c r="NQ4" s="659"/>
      <c r="NR4" s="659"/>
      <c r="NS4" s="659"/>
      <c r="NT4" s="659"/>
      <c r="NU4" s="659"/>
      <c r="NV4" s="659"/>
      <c r="NW4" s="659"/>
      <c r="NX4" s="659"/>
      <c r="NY4" s="659"/>
      <c r="NZ4" s="659"/>
      <c r="OA4" s="659"/>
      <c r="OB4" s="659"/>
      <c r="OC4" s="659"/>
      <c r="OD4" s="659"/>
      <c r="OE4" s="659"/>
      <c r="OF4" s="659"/>
      <c r="OG4" s="660"/>
      <c r="OH4" s="614" t="s">
        <v>60</v>
      </c>
      <c r="OI4" s="524"/>
      <c r="OJ4" s="524"/>
      <c r="OK4" s="524"/>
      <c r="OL4" s="524"/>
      <c r="OM4" s="524"/>
      <c r="ON4" s="524"/>
      <c r="OO4" s="524"/>
      <c r="OP4" s="524"/>
      <c r="OQ4" s="524"/>
      <c r="OR4" s="525"/>
    </row>
    <row r="5" spans="1:408" ht="18" customHeight="1" thickBot="1" x14ac:dyDescent="0.25">
      <c r="A5" s="698"/>
      <c r="B5" s="701"/>
      <c r="C5" s="701"/>
      <c r="D5" s="701"/>
      <c r="E5" s="701"/>
      <c r="F5" s="701"/>
      <c r="G5" s="701"/>
      <c r="H5" s="701"/>
      <c r="I5" s="701"/>
      <c r="J5" s="701"/>
      <c r="K5" s="701"/>
      <c r="L5" s="701"/>
      <c r="M5" s="705" t="s">
        <v>64</v>
      </c>
      <c r="N5" s="706"/>
      <c r="O5" s="706"/>
      <c r="P5" s="706"/>
      <c r="Q5" s="706"/>
      <c r="R5" s="706"/>
      <c r="S5" s="706"/>
      <c r="T5" s="706"/>
      <c r="U5" s="706"/>
      <c r="V5" s="706"/>
      <c r="W5" s="706"/>
      <c r="X5" s="706"/>
      <c r="Y5" s="706"/>
      <c r="Z5" s="706"/>
      <c r="AA5" s="706"/>
      <c r="AB5" s="706"/>
      <c r="AC5" s="706"/>
      <c r="AD5" s="706"/>
      <c r="AE5" s="706"/>
      <c r="AF5" s="706"/>
      <c r="AG5" s="706"/>
      <c r="AH5" s="706"/>
      <c r="AI5" s="706"/>
      <c r="AJ5" s="706"/>
      <c r="AK5" s="706"/>
      <c r="AL5" s="706"/>
      <c r="AM5" s="706"/>
      <c r="AN5" s="706"/>
      <c r="AO5" s="706"/>
      <c r="AP5" s="706"/>
      <c r="AQ5" s="706"/>
      <c r="AR5" s="706"/>
      <c r="AS5" s="706"/>
      <c r="AT5" s="706"/>
      <c r="AU5" s="706"/>
      <c r="AV5" s="706"/>
      <c r="AW5" s="706"/>
      <c r="AX5" s="706"/>
      <c r="AY5" s="706"/>
      <c r="AZ5" s="706"/>
      <c r="BA5" s="706"/>
      <c r="BB5" s="706"/>
      <c r="BC5" s="706"/>
      <c r="BD5" s="706"/>
      <c r="BE5" s="706"/>
      <c r="BF5" s="706"/>
      <c r="BG5" s="706"/>
      <c r="BH5" s="706"/>
      <c r="BI5" s="706"/>
      <c r="BJ5" s="706"/>
      <c r="BK5" s="706"/>
      <c r="BL5" s="706"/>
      <c r="BM5" s="706"/>
      <c r="BN5" s="706"/>
      <c r="BO5" s="706"/>
      <c r="BP5" s="706"/>
      <c r="BQ5" s="706"/>
      <c r="BR5" s="706"/>
      <c r="BS5" s="706"/>
      <c r="BT5" s="706"/>
      <c r="BU5" s="706"/>
      <c r="BV5" s="706"/>
      <c r="BW5" s="706"/>
      <c r="BX5" s="706"/>
      <c r="BY5" s="706"/>
      <c r="BZ5" s="707"/>
      <c r="CA5" s="705" t="s">
        <v>65</v>
      </c>
      <c r="CB5" s="706"/>
      <c r="CC5" s="706"/>
      <c r="CD5" s="706"/>
      <c r="CE5" s="706"/>
      <c r="CF5" s="706"/>
      <c r="CG5" s="706"/>
      <c r="CH5" s="706"/>
      <c r="CI5" s="706"/>
      <c r="CJ5" s="706"/>
      <c r="CK5" s="706"/>
      <c r="CL5" s="706"/>
      <c r="CM5" s="706"/>
      <c r="CN5" s="706"/>
      <c r="CO5" s="706"/>
      <c r="CP5" s="706"/>
      <c r="CQ5" s="706"/>
      <c r="CR5" s="706"/>
      <c r="CS5" s="706"/>
      <c r="CT5" s="706"/>
      <c r="CU5" s="706"/>
      <c r="CV5" s="706"/>
      <c r="CW5" s="706"/>
      <c r="CX5" s="706"/>
      <c r="CY5" s="706"/>
      <c r="CZ5" s="706"/>
      <c r="DA5" s="706"/>
      <c r="DB5" s="706"/>
      <c r="DC5" s="706"/>
      <c r="DD5" s="706"/>
      <c r="DE5" s="706"/>
      <c r="DF5" s="706"/>
      <c r="DG5" s="707"/>
      <c r="DH5" s="528" t="s">
        <v>66</v>
      </c>
      <c r="DI5" s="529"/>
      <c r="DJ5" s="529"/>
      <c r="DK5" s="529"/>
      <c r="DL5" s="529"/>
      <c r="DM5" s="529"/>
      <c r="DN5" s="529"/>
      <c r="DO5" s="529"/>
      <c r="DP5" s="529"/>
      <c r="DQ5" s="529"/>
      <c r="DR5" s="529"/>
      <c r="DS5" s="529"/>
      <c r="DT5" s="529"/>
      <c r="DU5" s="529"/>
      <c r="DV5" s="529"/>
      <c r="DW5" s="529"/>
      <c r="DX5" s="529"/>
      <c r="DY5" s="529"/>
      <c r="DZ5" s="529"/>
      <c r="EA5" s="529"/>
      <c r="EB5" s="529"/>
      <c r="EC5" s="529"/>
      <c r="ED5" s="529"/>
      <c r="EE5" s="529"/>
      <c r="EF5" s="529"/>
      <c r="EG5" s="529"/>
      <c r="EH5" s="529"/>
      <c r="EI5" s="529"/>
      <c r="EJ5" s="529"/>
      <c r="EK5" s="529"/>
      <c r="EL5" s="529"/>
      <c r="EM5" s="529"/>
      <c r="EN5" s="529"/>
      <c r="EO5" s="529"/>
      <c r="EP5" s="529"/>
      <c r="EQ5" s="529"/>
      <c r="ER5" s="529"/>
      <c r="ES5" s="529"/>
      <c r="ET5" s="529"/>
      <c r="EU5" s="529"/>
      <c r="EV5" s="529"/>
      <c r="EW5" s="529"/>
      <c r="EX5" s="529"/>
      <c r="EY5" s="529"/>
      <c r="EZ5" s="529"/>
      <c r="FA5" s="529"/>
      <c r="FB5" s="529"/>
      <c r="FC5" s="529"/>
      <c r="FD5" s="529"/>
      <c r="FE5" s="529"/>
      <c r="FF5" s="529"/>
      <c r="FG5" s="529"/>
      <c r="FH5" s="529"/>
      <c r="FI5" s="529"/>
      <c r="FJ5" s="530"/>
      <c r="FK5" s="705" t="s">
        <v>67</v>
      </c>
      <c r="FL5" s="706"/>
      <c r="FM5" s="706"/>
      <c r="FN5" s="706"/>
      <c r="FO5" s="706"/>
      <c r="FP5" s="706"/>
      <c r="FQ5" s="706"/>
      <c r="FR5" s="706"/>
      <c r="FS5" s="706"/>
      <c r="FT5" s="706"/>
      <c r="FU5" s="706"/>
      <c r="FV5" s="706"/>
      <c r="FW5" s="706"/>
      <c r="FX5" s="706"/>
      <c r="FY5" s="706"/>
      <c r="FZ5" s="706"/>
      <c r="GA5" s="706"/>
      <c r="GB5" s="706"/>
      <c r="GC5" s="706"/>
      <c r="GD5" s="706"/>
      <c r="GE5" s="706"/>
      <c r="GF5" s="706"/>
      <c r="GG5" s="706"/>
      <c r="GH5" s="706"/>
      <c r="GI5" s="706"/>
      <c r="GJ5" s="706"/>
      <c r="GK5" s="706"/>
      <c r="GL5" s="706"/>
      <c r="GM5" s="706"/>
      <c r="GN5" s="706"/>
      <c r="GO5" s="706"/>
      <c r="GP5" s="706"/>
      <c r="GQ5" s="706"/>
      <c r="GR5" s="706"/>
      <c r="GS5" s="706"/>
      <c r="GT5" s="706"/>
      <c r="GU5" s="706"/>
      <c r="GV5" s="706"/>
      <c r="GW5" s="706"/>
      <c r="GX5" s="706"/>
      <c r="GY5" s="706"/>
      <c r="GZ5" s="706"/>
      <c r="HA5" s="706"/>
      <c r="HB5" s="707"/>
      <c r="HC5" s="708" t="s">
        <v>68</v>
      </c>
      <c r="HD5" s="709"/>
      <c r="HE5" s="709"/>
      <c r="HF5" s="709"/>
      <c r="HG5" s="709"/>
      <c r="HH5" s="709"/>
      <c r="HI5" s="709"/>
      <c r="HJ5" s="709"/>
      <c r="HK5" s="709"/>
      <c r="HL5" s="709"/>
      <c r="HM5" s="710"/>
      <c r="HN5" s="708" t="s">
        <v>69</v>
      </c>
      <c r="HO5" s="709"/>
      <c r="HP5" s="709"/>
      <c r="HQ5" s="709"/>
      <c r="HR5" s="709"/>
      <c r="HS5" s="709"/>
      <c r="HT5" s="709"/>
      <c r="HU5" s="709"/>
      <c r="HV5" s="709"/>
      <c r="HW5" s="709"/>
      <c r="HX5" s="710"/>
      <c r="HY5" s="637"/>
      <c r="HZ5" s="638"/>
      <c r="IA5" s="638"/>
      <c r="IB5" s="638"/>
      <c r="IC5" s="638"/>
      <c r="ID5" s="638"/>
      <c r="IE5" s="638"/>
      <c r="IF5" s="638"/>
      <c r="IG5" s="638"/>
      <c r="IH5" s="638"/>
      <c r="II5" s="639"/>
      <c r="IJ5" s="614" t="s">
        <v>94</v>
      </c>
      <c r="IK5" s="524"/>
      <c r="IL5" s="524"/>
      <c r="IM5" s="524"/>
      <c r="IN5" s="524"/>
      <c r="IO5" s="524"/>
      <c r="IP5" s="524"/>
      <c r="IQ5" s="524"/>
      <c r="IR5" s="524"/>
      <c r="IS5" s="524"/>
      <c r="IT5" s="525"/>
      <c r="IU5" s="614" t="s">
        <v>88</v>
      </c>
      <c r="IV5" s="524"/>
      <c r="IW5" s="524"/>
      <c r="IX5" s="524"/>
      <c r="IY5" s="524"/>
      <c r="IZ5" s="524"/>
      <c r="JA5" s="524"/>
      <c r="JB5" s="524"/>
      <c r="JC5" s="524"/>
      <c r="JD5" s="524"/>
      <c r="JE5" s="525"/>
      <c r="JF5" s="643" t="s">
        <v>144</v>
      </c>
      <c r="JG5" s="644"/>
      <c r="JH5" s="644"/>
      <c r="JI5" s="644"/>
      <c r="JJ5" s="644"/>
      <c r="JK5" s="644"/>
      <c r="JL5" s="644"/>
      <c r="JM5" s="644"/>
      <c r="JN5" s="644"/>
      <c r="JO5" s="644"/>
      <c r="JP5" s="645"/>
      <c r="JQ5" s="614" t="s">
        <v>90</v>
      </c>
      <c r="JR5" s="524"/>
      <c r="JS5" s="524"/>
      <c r="JT5" s="524"/>
      <c r="JU5" s="524"/>
      <c r="JV5" s="524"/>
      <c r="JW5" s="524"/>
      <c r="JX5" s="524"/>
      <c r="JY5" s="524"/>
      <c r="JZ5" s="524"/>
      <c r="KA5" s="525"/>
      <c r="KB5" s="614" t="s">
        <v>89</v>
      </c>
      <c r="KC5" s="524"/>
      <c r="KD5" s="524"/>
      <c r="KE5" s="524"/>
      <c r="KF5" s="524"/>
      <c r="KG5" s="524"/>
      <c r="KH5" s="524"/>
      <c r="KI5" s="524"/>
      <c r="KJ5" s="524"/>
      <c r="KK5" s="524"/>
      <c r="KL5" s="525"/>
      <c r="KM5" s="614" t="s">
        <v>91</v>
      </c>
      <c r="KN5" s="524"/>
      <c r="KO5" s="524"/>
      <c r="KP5" s="524"/>
      <c r="KQ5" s="524"/>
      <c r="KR5" s="524"/>
      <c r="KS5" s="524"/>
      <c r="KT5" s="524"/>
      <c r="KU5" s="524"/>
      <c r="KV5" s="524"/>
      <c r="KW5" s="525"/>
      <c r="KX5" s="614" t="s">
        <v>92</v>
      </c>
      <c r="KY5" s="524"/>
      <c r="KZ5" s="524"/>
      <c r="LA5" s="524"/>
      <c r="LB5" s="524"/>
      <c r="LC5" s="524"/>
      <c r="LD5" s="524"/>
      <c r="LE5" s="524"/>
      <c r="LF5" s="524"/>
      <c r="LG5" s="524"/>
      <c r="LH5" s="525"/>
      <c r="LI5" s="649" t="s">
        <v>93</v>
      </c>
      <c r="LJ5" s="650"/>
      <c r="LK5" s="650"/>
      <c r="LL5" s="650"/>
      <c r="LM5" s="650"/>
      <c r="LN5" s="650"/>
      <c r="LO5" s="650"/>
      <c r="LP5" s="650"/>
      <c r="LQ5" s="650"/>
      <c r="LR5" s="650"/>
      <c r="LS5" s="651"/>
      <c r="LT5" s="652" t="s">
        <v>145</v>
      </c>
      <c r="LU5" s="653"/>
      <c r="LV5" s="653"/>
      <c r="LW5" s="653"/>
      <c r="LX5" s="653"/>
      <c r="LY5" s="653"/>
      <c r="LZ5" s="653"/>
      <c r="MA5" s="653"/>
      <c r="MB5" s="653"/>
      <c r="MC5" s="653"/>
      <c r="MD5" s="654"/>
      <c r="ME5" s="637"/>
      <c r="MF5" s="638"/>
      <c r="MG5" s="638"/>
      <c r="MH5" s="638"/>
      <c r="MI5" s="638"/>
      <c r="MJ5" s="638"/>
      <c r="MK5" s="638"/>
      <c r="ML5" s="638"/>
      <c r="MM5" s="638"/>
      <c r="MN5" s="638"/>
      <c r="MO5" s="639"/>
      <c r="MP5" s="614" t="s">
        <v>57</v>
      </c>
      <c r="MQ5" s="524"/>
      <c r="MR5" s="524"/>
      <c r="MS5" s="524"/>
      <c r="MT5" s="524"/>
      <c r="MU5" s="524"/>
      <c r="MV5" s="524"/>
      <c r="MW5" s="524"/>
      <c r="MX5" s="524"/>
      <c r="MY5" s="524"/>
      <c r="MZ5" s="525"/>
      <c r="NA5" s="614" t="s">
        <v>58</v>
      </c>
      <c r="NB5" s="524"/>
      <c r="NC5" s="524"/>
      <c r="ND5" s="524"/>
      <c r="NE5" s="524"/>
      <c r="NF5" s="524"/>
      <c r="NG5" s="524"/>
      <c r="NH5" s="524"/>
      <c r="NI5" s="524"/>
      <c r="NJ5" s="524"/>
      <c r="NK5" s="525"/>
      <c r="NL5" s="614" t="s">
        <v>59</v>
      </c>
      <c r="NM5" s="524"/>
      <c r="NN5" s="524"/>
      <c r="NO5" s="524"/>
      <c r="NP5" s="524"/>
      <c r="NQ5" s="524"/>
      <c r="NR5" s="524"/>
      <c r="NS5" s="524"/>
      <c r="NT5" s="524"/>
      <c r="NU5" s="524"/>
      <c r="NV5" s="525"/>
      <c r="NW5" s="662" t="s">
        <v>151</v>
      </c>
      <c r="NX5" s="663"/>
      <c r="NY5" s="663"/>
      <c r="NZ5" s="663"/>
      <c r="OA5" s="663"/>
      <c r="OB5" s="663"/>
      <c r="OC5" s="663"/>
      <c r="OD5" s="663"/>
      <c r="OE5" s="663"/>
      <c r="OF5" s="663"/>
      <c r="OG5" s="664"/>
      <c r="OH5" s="634"/>
      <c r="OI5" s="635"/>
      <c r="OJ5" s="635"/>
      <c r="OK5" s="635"/>
      <c r="OL5" s="635"/>
      <c r="OM5" s="635"/>
      <c r="ON5" s="635"/>
      <c r="OO5" s="635"/>
      <c r="OP5" s="635"/>
      <c r="OQ5" s="635"/>
      <c r="OR5" s="636"/>
    </row>
    <row r="6" spans="1:408" ht="18" customHeight="1" thickBot="1" x14ac:dyDescent="0.25">
      <c r="A6" s="698"/>
      <c r="B6" s="702"/>
      <c r="C6" s="702"/>
      <c r="D6" s="702"/>
      <c r="E6" s="702"/>
      <c r="F6" s="702"/>
      <c r="G6" s="702"/>
      <c r="H6" s="702"/>
      <c r="I6" s="702"/>
      <c r="J6" s="702"/>
      <c r="K6" s="702"/>
      <c r="L6" s="702"/>
      <c r="M6" s="537"/>
      <c r="N6" s="538"/>
      <c r="O6" s="538"/>
      <c r="P6" s="538"/>
      <c r="Q6" s="538"/>
      <c r="R6" s="538"/>
      <c r="S6" s="538"/>
      <c r="T6" s="538"/>
      <c r="U6" s="538"/>
      <c r="V6" s="538"/>
      <c r="W6" s="539"/>
      <c r="X6" s="717" t="s">
        <v>70</v>
      </c>
      <c r="Y6" s="541"/>
      <c r="Z6" s="541"/>
      <c r="AA6" s="541"/>
      <c r="AB6" s="541"/>
      <c r="AC6" s="541"/>
      <c r="AD6" s="541"/>
      <c r="AE6" s="541"/>
      <c r="AF6" s="541"/>
      <c r="AG6" s="541"/>
      <c r="AH6" s="542"/>
      <c r="AI6" s="714" t="s">
        <v>71</v>
      </c>
      <c r="AJ6" s="715"/>
      <c r="AK6" s="715"/>
      <c r="AL6" s="715"/>
      <c r="AM6" s="715"/>
      <c r="AN6" s="715"/>
      <c r="AO6" s="715"/>
      <c r="AP6" s="715"/>
      <c r="AQ6" s="715"/>
      <c r="AR6" s="715"/>
      <c r="AS6" s="716"/>
      <c r="AT6" s="714" t="s">
        <v>72</v>
      </c>
      <c r="AU6" s="715"/>
      <c r="AV6" s="715"/>
      <c r="AW6" s="715"/>
      <c r="AX6" s="715"/>
      <c r="AY6" s="715"/>
      <c r="AZ6" s="715"/>
      <c r="BA6" s="715"/>
      <c r="BB6" s="715"/>
      <c r="BC6" s="715"/>
      <c r="BD6" s="716"/>
      <c r="BE6" s="714" t="s">
        <v>73</v>
      </c>
      <c r="BF6" s="715"/>
      <c r="BG6" s="715"/>
      <c r="BH6" s="715"/>
      <c r="BI6" s="715"/>
      <c r="BJ6" s="715"/>
      <c r="BK6" s="715"/>
      <c r="BL6" s="715"/>
      <c r="BM6" s="715"/>
      <c r="BN6" s="715"/>
      <c r="BO6" s="716"/>
      <c r="BP6" s="714" t="s">
        <v>74</v>
      </c>
      <c r="BQ6" s="715"/>
      <c r="BR6" s="715"/>
      <c r="BS6" s="715"/>
      <c r="BT6" s="715"/>
      <c r="BU6" s="715"/>
      <c r="BV6" s="715"/>
      <c r="BW6" s="715"/>
      <c r="BX6" s="715"/>
      <c r="BY6" s="715"/>
      <c r="BZ6" s="716"/>
      <c r="CA6" s="718"/>
      <c r="CB6" s="719"/>
      <c r="CC6" s="719"/>
      <c r="CD6" s="719"/>
      <c r="CE6" s="719"/>
      <c r="CF6" s="719"/>
      <c r="CG6" s="719"/>
      <c r="CH6" s="719"/>
      <c r="CI6" s="719"/>
      <c r="CJ6" s="719"/>
      <c r="CK6" s="720"/>
      <c r="CL6" s="714" t="s">
        <v>75</v>
      </c>
      <c r="CM6" s="715"/>
      <c r="CN6" s="715"/>
      <c r="CO6" s="715"/>
      <c r="CP6" s="715"/>
      <c r="CQ6" s="715"/>
      <c r="CR6" s="715"/>
      <c r="CS6" s="715"/>
      <c r="CT6" s="715"/>
      <c r="CU6" s="715"/>
      <c r="CV6" s="716"/>
      <c r="CW6" s="714" t="s">
        <v>76</v>
      </c>
      <c r="CX6" s="715"/>
      <c r="CY6" s="715"/>
      <c r="CZ6" s="715"/>
      <c r="DA6" s="715"/>
      <c r="DB6" s="715"/>
      <c r="DC6" s="715"/>
      <c r="DD6" s="715"/>
      <c r="DE6" s="715"/>
      <c r="DF6" s="715"/>
      <c r="DG6" s="716"/>
      <c r="DH6" s="718"/>
      <c r="DI6" s="719"/>
      <c r="DJ6" s="719"/>
      <c r="DK6" s="719"/>
      <c r="DL6" s="719"/>
      <c r="DM6" s="719"/>
      <c r="DN6" s="719"/>
      <c r="DO6" s="719"/>
      <c r="DP6" s="719"/>
      <c r="DQ6" s="719"/>
      <c r="DR6" s="719"/>
      <c r="DS6" s="714" t="s">
        <v>77</v>
      </c>
      <c r="DT6" s="715"/>
      <c r="DU6" s="715"/>
      <c r="DV6" s="715"/>
      <c r="DW6" s="715"/>
      <c r="DX6" s="715"/>
      <c r="DY6" s="715"/>
      <c r="DZ6" s="715"/>
      <c r="EA6" s="715"/>
      <c r="EB6" s="715"/>
      <c r="EC6" s="716"/>
      <c r="ED6" s="714" t="s">
        <v>78</v>
      </c>
      <c r="EE6" s="715"/>
      <c r="EF6" s="715"/>
      <c r="EG6" s="715"/>
      <c r="EH6" s="715"/>
      <c r="EI6" s="715"/>
      <c r="EJ6" s="715"/>
      <c r="EK6" s="715"/>
      <c r="EL6" s="715"/>
      <c r="EM6" s="715"/>
      <c r="EN6" s="716"/>
      <c r="EO6" s="714" t="s">
        <v>79</v>
      </c>
      <c r="EP6" s="715"/>
      <c r="EQ6" s="715"/>
      <c r="ER6" s="715"/>
      <c r="ES6" s="715"/>
      <c r="ET6" s="715"/>
      <c r="EU6" s="715"/>
      <c r="EV6" s="715"/>
      <c r="EW6" s="715"/>
      <c r="EX6" s="715"/>
      <c r="EY6" s="716"/>
      <c r="EZ6" s="696" t="s">
        <v>152</v>
      </c>
      <c r="FA6" s="715"/>
      <c r="FB6" s="715"/>
      <c r="FC6" s="715"/>
      <c r="FD6" s="715"/>
      <c r="FE6" s="715"/>
      <c r="FF6" s="715"/>
      <c r="FG6" s="715"/>
      <c r="FH6" s="715"/>
      <c r="FI6" s="715"/>
      <c r="FJ6" s="716"/>
      <c r="FK6" s="718"/>
      <c r="FL6" s="719"/>
      <c r="FM6" s="719"/>
      <c r="FN6" s="719"/>
      <c r="FO6" s="719"/>
      <c r="FP6" s="719"/>
      <c r="FQ6" s="719"/>
      <c r="FR6" s="719"/>
      <c r="FS6" s="719"/>
      <c r="FT6" s="719"/>
      <c r="FU6" s="719"/>
      <c r="FV6" s="714" t="s">
        <v>80</v>
      </c>
      <c r="FW6" s="715"/>
      <c r="FX6" s="715"/>
      <c r="FY6" s="715"/>
      <c r="FZ6" s="715"/>
      <c r="GA6" s="715"/>
      <c r="GB6" s="715"/>
      <c r="GC6" s="715"/>
      <c r="GD6" s="715"/>
      <c r="GE6" s="715"/>
      <c r="GF6" s="716"/>
      <c r="GG6" s="717" t="s">
        <v>81</v>
      </c>
      <c r="GH6" s="541"/>
      <c r="GI6" s="541"/>
      <c r="GJ6" s="541"/>
      <c r="GK6" s="541"/>
      <c r="GL6" s="541"/>
      <c r="GM6" s="541"/>
      <c r="GN6" s="541"/>
      <c r="GO6" s="541"/>
      <c r="GP6" s="541"/>
      <c r="GQ6" s="542"/>
      <c r="GR6" s="717" t="s">
        <v>82</v>
      </c>
      <c r="GS6" s="541"/>
      <c r="GT6" s="541"/>
      <c r="GU6" s="541"/>
      <c r="GV6" s="541"/>
      <c r="GW6" s="541"/>
      <c r="GX6" s="541"/>
      <c r="GY6" s="541"/>
      <c r="GZ6" s="541"/>
      <c r="HA6" s="541"/>
      <c r="HB6" s="542"/>
      <c r="HC6" s="711"/>
      <c r="HD6" s="712"/>
      <c r="HE6" s="712"/>
      <c r="HF6" s="712"/>
      <c r="HG6" s="712"/>
      <c r="HH6" s="712"/>
      <c r="HI6" s="712"/>
      <c r="HJ6" s="712"/>
      <c r="HK6" s="712"/>
      <c r="HL6" s="712"/>
      <c r="HM6" s="713"/>
      <c r="HN6" s="711"/>
      <c r="HO6" s="712"/>
      <c r="HP6" s="712"/>
      <c r="HQ6" s="712"/>
      <c r="HR6" s="712"/>
      <c r="HS6" s="712"/>
      <c r="HT6" s="712"/>
      <c r="HU6" s="712"/>
      <c r="HV6" s="712"/>
      <c r="HW6" s="712"/>
      <c r="HX6" s="713"/>
      <c r="HY6" s="640"/>
      <c r="HZ6" s="641"/>
      <c r="IA6" s="641"/>
      <c r="IB6" s="641"/>
      <c r="IC6" s="641"/>
      <c r="ID6" s="641"/>
      <c r="IE6" s="641"/>
      <c r="IF6" s="641"/>
      <c r="IG6" s="641"/>
      <c r="IH6" s="641"/>
      <c r="II6" s="642"/>
      <c r="IJ6" s="615"/>
      <c r="IK6" s="606"/>
      <c r="IL6" s="606"/>
      <c r="IM6" s="606"/>
      <c r="IN6" s="606"/>
      <c r="IO6" s="606"/>
      <c r="IP6" s="606"/>
      <c r="IQ6" s="606"/>
      <c r="IR6" s="606"/>
      <c r="IS6" s="606"/>
      <c r="IT6" s="616"/>
      <c r="IU6" s="615"/>
      <c r="IV6" s="606"/>
      <c r="IW6" s="606"/>
      <c r="IX6" s="606"/>
      <c r="IY6" s="606"/>
      <c r="IZ6" s="606"/>
      <c r="JA6" s="606"/>
      <c r="JB6" s="606"/>
      <c r="JC6" s="606"/>
      <c r="JD6" s="606"/>
      <c r="JE6" s="616"/>
      <c r="JF6" s="646"/>
      <c r="JG6" s="647"/>
      <c r="JH6" s="647"/>
      <c r="JI6" s="647"/>
      <c r="JJ6" s="647"/>
      <c r="JK6" s="647"/>
      <c r="JL6" s="647"/>
      <c r="JM6" s="647"/>
      <c r="JN6" s="647"/>
      <c r="JO6" s="647"/>
      <c r="JP6" s="648"/>
      <c r="JQ6" s="615"/>
      <c r="JR6" s="606"/>
      <c r="JS6" s="606"/>
      <c r="JT6" s="606"/>
      <c r="JU6" s="606"/>
      <c r="JV6" s="606"/>
      <c r="JW6" s="606"/>
      <c r="JX6" s="606"/>
      <c r="JY6" s="606"/>
      <c r="JZ6" s="606"/>
      <c r="KA6" s="616"/>
      <c r="KB6" s="615"/>
      <c r="KC6" s="606"/>
      <c r="KD6" s="606"/>
      <c r="KE6" s="606"/>
      <c r="KF6" s="606"/>
      <c r="KG6" s="606"/>
      <c r="KH6" s="606"/>
      <c r="KI6" s="606"/>
      <c r="KJ6" s="606"/>
      <c r="KK6" s="606"/>
      <c r="KL6" s="616"/>
      <c r="KM6" s="615"/>
      <c r="KN6" s="606"/>
      <c r="KO6" s="606"/>
      <c r="KP6" s="606"/>
      <c r="KQ6" s="606"/>
      <c r="KR6" s="606"/>
      <c r="KS6" s="606"/>
      <c r="KT6" s="606"/>
      <c r="KU6" s="606"/>
      <c r="KV6" s="606"/>
      <c r="KW6" s="616"/>
      <c r="KX6" s="615"/>
      <c r="KY6" s="606"/>
      <c r="KZ6" s="606"/>
      <c r="LA6" s="606"/>
      <c r="LB6" s="606"/>
      <c r="LC6" s="606"/>
      <c r="LD6" s="606"/>
      <c r="LE6" s="606"/>
      <c r="LF6" s="606"/>
      <c r="LG6" s="606"/>
      <c r="LH6" s="616"/>
      <c r="LI6" s="640"/>
      <c r="LJ6" s="641"/>
      <c r="LK6" s="641"/>
      <c r="LL6" s="641"/>
      <c r="LM6" s="641"/>
      <c r="LN6" s="641"/>
      <c r="LO6" s="641"/>
      <c r="LP6" s="641"/>
      <c r="LQ6" s="641"/>
      <c r="LR6" s="641"/>
      <c r="LS6" s="642"/>
      <c r="LT6" s="655"/>
      <c r="LU6" s="656"/>
      <c r="LV6" s="656"/>
      <c r="LW6" s="656"/>
      <c r="LX6" s="656"/>
      <c r="LY6" s="656"/>
      <c r="LZ6" s="656"/>
      <c r="MA6" s="656"/>
      <c r="MB6" s="656"/>
      <c r="MC6" s="656"/>
      <c r="MD6" s="657"/>
      <c r="ME6" s="640"/>
      <c r="MF6" s="641"/>
      <c r="MG6" s="641"/>
      <c r="MH6" s="641"/>
      <c r="MI6" s="641"/>
      <c r="MJ6" s="641"/>
      <c r="MK6" s="641"/>
      <c r="ML6" s="641"/>
      <c r="MM6" s="641"/>
      <c r="MN6" s="641"/>
      <c r="MO6" s="642"/>
      <c r="MP6" s="615"/>
      <c r="MQ6" s="606"/>
      <c r="MR6" s="606"/>
      <c r="MS6" s="606"/>
      <c r="MT6" s="606"/>
      <c r="MU6" s="606"/>
      <c r="MV6" s="606"/>
      <c r="MW6" s="606"/>
      <c r="MX6" s="606"/>
      <c r="MY6" s="606"/>
      <c r="MZ6" s="616"/>
      <c r="NA6" s="615"/>
      <c r="NB6" s="606"/>
      <c r="NC6" s="606"/>
      <c r="ND6" s="606"/>
      <c r="NE6" s="606"/>
      <c r="NF6" s="606"/>
      <c r="NG6" s="606"/>
      <c r="NH6" s="606"/>
      <c r="NI6" s="606"/>
      <c r="NJ6" s="606"/>
      <c r="NK6" s="616"/>
      <c r="NL6" s="615"/>
      <c r="NM6" s="606"/>
      <c r="NN6" s="606"/>
      <c r="NO6" s="606"/>
      <c r="NP6" s="606"/>
      <c r="NQ6" s="606"/>
      <c r="NR6" s="606"/>
      <c r="NS6" s="606"/>
      <c r="NT6" s="606"/>
      <c r="NU6" s="606"/>
      <c r="NV6" s="616"/>
      <c r="NW6" s="665"/>
      <c r="NX6" s="666"/>
      <c r="NY6" s="666"/>
      <c r="NZ6" s="666"/>
      <c r="OA6" s="666"/>
      <c r="OB6" s="666"/>
      <c r="OC6" s="666"/>
      <c r="OD6" s="666"/>
      <c r="OE6" s="666"/>
      <c r="OF6" s="666"/>
      <c r="OG6" s="667"/>
      <c r="OH6" s="615"/>
      <c r="OI6" s="606"/>
      <c r="OJ6" s="606"/>
      <c r="OK6" s="606"/>
      <c r="OL6" s="606"/>
      <c r="OM6" s="606"/>
      <c r="ON6" s="606"/>
      <c r="OO6" s="606"/>
      <c r="OP6" s="606"/>
      <c r="OQ6" s="606"/>
      <c r="OR6" s="616"/>
    </row>
    <row r="7" spans="1:408" ht="23.25" customHeight="1" x14ac:dyDescent="0.2">
      <c r="A7" s="698"/>
      <c r="B7" s="721" t="s">
        <v>61</v>
      </c>
      <c r="C7" s="721"/>
      <c r="D7" s="721"/>
      <c r="E7" s="722" t="s">
        <v>62</v>
      </c>
      <c r="F7" s="721"/>
      <c r="G7" s="721"/>
      <c r="H7" s="721"/>
      <c r="I7" s="721"/>
      <c r="J7" s="721"/>
      <c r="K7" s="721"/>
      <c r="L7" s="722" t="s">
        <v>52</v>
      </c>
      <c r="M7" s="724" t="s">
        <v>61</v>
      </c>
      <c r="N7" s="721"/>
      <c r="O7" s="721"/>
      <c r="P7" s="722" t="s">
        <v>62</v>
      </c>
      <c r="Q7" s="721"/>
      <c r="R7" s="721"/>
      <c r="S7" s="721"/>
      <c r="T7" s="721"/>
      <c r="U7" s="721"/>
      <c r="V7" s="725"/>
      <c r="W7" s="729" t="s">
        <v>52</v>
      </c>
      <c r="X7" s="537" t="s">
        <v>61</v>
      </c>
      <c r="Y7" s="538"/>
      <c r="Z7" s="731"/>
      <c r="AA7" s="732" t="s">
        <v>62</v>
      </c>
      <c r="AB7" s="538"/>
      <c r="AC7" s="538"/>
      <c r="AD7" s="538"/>
      <c r="AE7" s="538"/>
      <c r="AF7" s="538"/>
      <c r="AG7" s="731"/>
      <c r="AH7" s="539" t="s">
        <v>52</v>
      </c>
      <c r="AI7" s="734" t="s">
        <v>61</v>
      </c>
      <c r="AJ7" s="727"/>
      <c r="AK7" s="735"/>
      <c r="AL7" s="726" t="s">
        <v>62</v>
      </c>
      <c r="AM7" s="727"/>
      <c r="AN7" s="727"/>
      <c r="AO7" s="727"/>
      <c r="AP7" s="727"/>
      <c r="AQ7" s="727"/>
      <c r="AR7" s="728"/>
      <c r="AS7" s="539" t="s">
        <v>52</v>
      </c>
      <c r="AT7" s="734" t="s">
        <v>61</v>
      </c>
      <c r="AU7" s="727"/>
      <c r="AV7" s="735"/>
      <c r="AW7" s="726" t="s">
        <v>62</v>
      </c>
      <c r="AX7" s="727"/>
      <c r="AY7" s="727"/>
      <c r="AZ7" s="727"/>
      <c r="BA7" s="727"/>
      <c r="BB7" s="727"/>
      <c r="BC7" s="728"/>
      <c r="BD7" s="539" t="s">
        <v>52</v>
      </c>
      <c r="BE7" s="734" t="s">
        <v>61</v>
      </c>
      <c r="BF7" s="727"/>
      <c r="BG7" s="735"/>
      <c r="BH7" s="726" t="s">
        <v>62</v>
      </c>
      <c r="BI7" s="727"/>
      <c r="BJ7" s="727"/>
      <c r="BK7" s="727"/>
      <c r="BL7" s="727"/>
      <c r="BM7" s="727"/>
      <c r="BN7" s="728"/>
      <c r="BO7" s="539" t="s">
        <v>52</v>
      </c>
      <c r="BP7" s="734" t="s">
        <v>61</v>
      </c>
      <c r="BQ7" s="727"/>
      <c r="BR7" s="735"/>
      <c r="BS7" s="726" t="s">
        <v>62</v>
      </c>
      <c r="BT7" s="727"/>
      <c r="BU7" s="727"/>
      <c r="BV7" s="727"/>
      <c r="BW7" s="727"/>
      <c r="BX7" s="727"/>
      <c r="BY7" s="728"/>
      <c r="BZ7" s="539" t="s">
        <v>52</v>
      </c>
      <c r="CA7" s="736" t="s">
        <v>61</v>
      </c>
      <c r="CB7" s="737"/>
      <c r="CC7" s="738"/>
      <c r="CD7" s="739" t="s">
        <v>62</v>
      </c>
      <c r="CE7" s="737"/>
      <c r="CF7" s="737"/>
      <c r="CG7" s="737"/>
      <c r="CH7" s="737"/>
      <c r="CI7" s="737"/>
      <c r="CJ7" s="740"/>
      <c r="CK7" s="729" t="s">
        <v>52</v>
      </c>
      <c r="CL7" s="734" t="s">
        <v>61</v>
      </c>
      <c r="CM7" s="727"/>
      <c r="CN7" s="728"/>
      <c r="CO7" s="726" t="s">
        <v>62</v>
      </c>
      <c r="CP7" s="727"/>
      <c r="CQ7" s="727"/>
      <c r="CR7" s="727"/>
      <c r="CS7" s="727"/>
      <c r="CT7" s="727"/>
      <c r="CU7" s="728"/>
      <c r="CV7" s="741" t="s">
        <v>52</v>
      </c>
      <c r="CW7" s="734" t="s">
        <v>61</v>
      </c>
      <c r="CX7" s="727"/>
      <c r="CY7" s="728"/>
      <c r="CZ7" s="726" t="s">
        <v>62</v>
      </c>
      <c r="DA7" s="727"/>
      <c r="DB7" s="727"/>
      <c r="DC7" s="727"/>
      <c r="DD7" s="727"/>
      <c r="DE7" s="727"/>
      <c r="DF7" s="728"/>
      <c r="DG7" s="741" t="s">
        <v>52</v>
      </c>
      <c r="DH7" s="736" t="s">
        <v>61</v>
      </c>
      <c r="DI7" s="737"/>
      <c r="DJ7" s="740"/>
      <c r="DK7" s="739" t="s">
        <v>62</v>
      </c>
      <c r="DL7" s="737"/>
      <c r="DM7" s="737"/>
      <c r="DN7" s="737"/>
      <c r="DO7" s="737"/>
      <c r="DP7" s="737"/>
      <c r="DQ7" s="740"/>
      <c r="DR7" s="729" t="s">
        <v>52</v>
      </c>
      <c r="DS7" s="734" t="s">
        <v>61</v>
      </c>
      <c r="DT7" s="727"/>
      <c r="DU7" s="735"/>
      <c r="DV7" s="726" t="s">
        <v>62</v>
      </c>
      <c r="DW7" s="727"/>
      <c r="DX7" s="727"/>
      <c r="DY7" s="727"/>
      <c r="DZ7" s="727"/>
      <c r="EA7" s="727"/>
      <c r="EB7" s="728"/>
      <c r="EC7" s="539" t="s">
        <v>52</v>
      </c>
      <c r="ED7" s="734" t="s">
        <v>61</v>
      </c>
      <c r="EE7" s="727"/>
      <c r="EF7" s="735"/>
      <c r="EG7" s="726" t="s">
        <v>62</v>
      </c>
      <c r="EH7" s="727"/>
      <c r="EI7" s="727"/>
      <c r="EJ7" s="727"/>
      <c r="EK7" s="727"/>
      <c r="EL7" s="727"/>
      <c r="EM7" s="728"/>
      <c r="EN7" s="539" t="s">
        <v>52</v>
      </c>
      <c r="EO7" s="734" t="s">
        <v>61</v>
      </c>
      <c r="EP7" s="727"/>
      <c r="EQ7" s="735"/>
      <c r="ER7" s="726" t="s">
        <v>62</v>
      </c>
      <c r="ES7" s="727"/>
      <c r="ET7" s="727"/>
      <c r="EU7" s="727"/>
      <c r="EV7" s="727"/>
      <c r="EW7" s="727"/>
      <c r="EX7" s="728"/>
      <c r="EY7" s="539" t="s">
        <v>52</v>
      </c>
      <c r="EZ7" s="734" t="s">
        <v>61</v>
      </c>
      <c r="FA7" s="727"/>
      <c r="FB7" s="735"/>
      <c r="FC7" s="726" t="s">
        <v>62</v>
      </c>
      <c r="FD7" s="727"/>
      <c r="FE7" s="727"/>
      <c r="FF7" s="727"/>
      <c r="FG7" s="727"/>
      <c r="FH7" s="727"/>
      <c r="FI7" s="728"/>
      <c r="FJ7" s="539" t="s">
        <v>52</v>
      </c>
      <c r="FK7" s="736" t="s">
        <v>61</v>
      </c>
      <c r="FL7" s="737"/>
      <c r="FM7" s="738"/>
      <c r="FN7" s="739" t="s">
        <v>62</v>
      </c>
      <c r="FO7" s="737"/>
      <c r="FP7" s="737"/>
      <c r="FQ7" s="737"/>
      <c r="FR7" s="737"/>
      <c r="FS7" s="737"/>
      <c r="FT7" s="740"/>
      <c r="FU7" s="721" t="s">
        <v>52</v>
      </c>
      <c r="FV7" s="734" t="s">
        <v>61</v>
      </c>
      <c r="FW7" s="727"/>
      <c r="FX7" s="735"/>
      <c r="FY7" s="726" t="s">
        <v>62</v>
      </c>
      <c r="FZ7" s="727"/>
      <c r="GA7" s="727"/>
      <c r="GB7" s="727"/>
      <c r="GC7" s="727"/>
      <c r="GD7" s="727"/>
      <c r="GE7" s="728"/>
      <c r="GF7" s="539" t="s">
        <v>52</v>
      </c>
      <c r="GG7" s="537" t="s">
        <v>61</v>
      </c>
      <c r="GH7" s="538"/>
      <c r="GI7" s="538"/>
      <c r="GJ7" s="732" t="s">
        <v>62</v>
      </c>
      <c r="GK7" s="538"/>
      <c r="GL7" s="538"/>
      <c r="GM7" s="538"/>
      <c r="GN7" s="538"/>
      <c r="GO7" s="538"/>
      <c r="GP7" s="731"/>
      <c r="GQ7" s="742" t="s">
        <v>52</v>
      </c>
      <c r="GR7" s="537" t="s">
        <v>61</v>
      </c>
      <c r="GS7" s="538"/>
      <c r="GT7" s="731"/>
      <c r="GU7" s="732" t="s">
        <v>62</v>
      </c>
      <c r="GV7" s="538"/>
      <c r="GW7" s="538"/>
      <c r="GX7" s="538"/>
      <c r="GY7" s="538"/>
      <c r="GZ7" s="538"/>
      <c r="HA7" s="731"/>
      <c r="HB7" s="742" t="s">
        <v>52</v>
      </c>
      <c r="HC7" s="734" t="s">
        <v>61</v>
      </c>
      <c r="HD7" s="727"/>
      <c r="HE7" s="735"/>
      <c r="HF7" s="726" t="s">
        <v>62</v>
      </c>
      <c r="HG7" s="727"/>
      <c r="HH7" s="727"/>
      <c r="HI7" s="727"/>
      <c r="HJ7" s="727"/>
      <c r="HK7" s="727"/>
      <c r="HL7" s="728"/>
      <c r="HM7" s="539" t="s">
        <v>52</v>
      </c>
      <c r="HN7" s="734" t="s">
        <v>61</v>
      </c>
      <c r="HO7" s="727"/>
      <c r="HP7" s="735"/>
      <c r="HQ7" s="726" t="s">
        <v>62</v>
      </c>
      <c r="HR7" s="727"/>
      <c r="HS7" s="727"/>
      <c r="HT7" s="727"/>
      <c r="HU7" s="727"/>
      <c r="HV7" s="727"/>
      <c r="HW7" s="728"/>
      <c r="HX7" s="539" t="s">
        <v>52</v>
      </c>
      <c r="HY7" s="593" t="s">
        <v>61</v>
      </c>
      <c r="HZ7" s="594"/>
      <c r="IA7" s="595"/>
      <c r="IB7" s="629" t="s">
        <v>62</v>
      </c>
      <c r="IC7" s="594"/>
      <c r="ID7" s="594"/>
      <c r="IE7" s="594"/>
      <c r="IF7" s="594"/>
      <c r="IG7" s="594"/>
      <c r="IH7" s="630"/>
      <c r="II7" s="597" t="s">
        <v>52</v>
      </c>
      <c r="IJ7" s="610" t="s">
        <v>61</v>
      </c>
      <c r="IK7" s="603"/>
      <c r="IL7" s="604"/>
      <c r="IM7" s="632" t="s">
        <v>62</v>
      </c>
      <c r="IN7" s="603"/>
      <c r="IO7" s="603"/>
      <c r="IP7" s="603"/>
      <c r="IQ7" s="603"/>
      <c r="IR7" s="603"/>
      <c r="IS7" s="633"/>
      <c r="IT7" s="616" t="s">
        <v>52</v>
      </c>
      <c r="IU7" s="610" t="s">
        <v>61</v>
      </c>
      <c r="IV7" s="603"/>
      <c r="IW7" s="633"/>
      <c r="IX7" s="632" t="s">
        <v>62</v>
      </c>
      <c r="IY7" s="603"/>
      <c r="IZ7" s="603"/>
      <c r="JA7" s="603"/>
      <c r="JB7" s="603"/>
      <c r="JC7" s="603"/>
      <c r="JD7" s="633"/>
      <c r="JE7" s="616" t="s">
        <v>52</v>
      </c>
      <c r="JF7" s="610" t="s">
        <v>61</v>
      </c>
      <c r="JG7" s="603"/>
      <c r="JH7" s="604"/>
      <c r="JI7" s="632" t="s">
        <v>62</v>
      </c>
      <c r="JJ7" s="603"/>
      <c r="JK7" s="603"/>
      <c r="JL7" s="603"/>
      <c r="JM7" s="603"/>
      <c r="JN7" s="603"/>
      <c r="JO7" s="633"/>
      <c r="JP7" s="627" t="s">
        <v>52</v>
      </c>
      <c r="JQ7" s="610" t="s">
        <v>61</v>
      </c>
      <c r="JR7" s="603"/>
      <c r="JS7" s="604"/>
      <c r="JT7" s="632" t="s">
        <v>62</v>
      </c>
      <c r="JU7" s="603"/>
      <c r="JV7" s="603"/>
      <c r="JW7" s="603"/>
      <c r="JX7" s="603"/>
      <c r="JY7" s="603"/>
      <c r="JZ7" s="633"/>
      <c r="KA7" s="627" t="s">
        <v>52</v>
      </c>
      <c r="KB7" s="610" t="s">
        <v>61</v>
      </c>
      <c r="KC7" s="603"/>
      <c r="KD7" s="604"/>
      <c r="KE7" s="632" t="s">
        <v>62</v>
      </c>
      <c r="KF7" s="603"/>
      <c r="KG7" s="603"/>
      <c r="KH7" s="603"/>
      <c r="KI7" s="603"/>
      <c r="KJ7" s="603"/>
      <c r="KK7" s="633"/>
      <c r="KL7" s="627" t="s">
        <v>52</v>
      </c>
      <c r="KM7" s="610" t="s">
        <v>61</v>
      </c>
      <c r="KN7" s="603"/>
      <c r="KO7" s="604"/>
      <c r="KP7" s="632" t="s">
        <v>62</v>
      </c>
      <c r="KQ7" s="603"/>
      <c r="KR7" s="603"/>
      <c r="KS7" s="603"/>
      <c r="KT7" s="603"/>
      <c r="KU7" s="603"/>
      <c r="KV7" s="633"/>
      <c r="KW7" s="627" t="s">
        <v>52</v>
      </c>
      <c r="KX7" s="610" t="s">
        <v>61</v>
      </c>
      <c r="KY7" s="603"/>
      <c r="KZ7" s="604"/>
      <c r="LA7" s="632" t="s">
        <v>62</v>
      </c>
      <c r="LB7" s="603"/>
      <c r="LC7" s="603"/>
      <c r="LD7" s="603"/>
      <c r="LE7" s="603"/>
      <c r="LF7" s="603"/>
      <c r="LG7" s="633"/>
      <c r="LH7" s="627" t="s">
        <v>52</v>
      </c>
      <c r="LI7" s="610" t="s">
        <v>61</v>
      </c>
      <c r="LJ7" s="603"/>
      <c r="LK7" s="604"/>
      <c r="LL7" s="632" t="s">
        <v>62</v>
      </c>
      <c r="LM7" s="603"/>
      <c r="LN7" s="603"/>
      <c r="LO7" s="603"/>
      <c r="LP7" s="603"/>
      <c r="LQ7" s="603"/>
      <c r="LR7" s="633"/>
      <c r="LS7" s="627" t="s">
        <v>52</v>
      </c>
      <c r="LT7" s="610" t="s">
        <v>61</v>
      </c>
      <c r="LU7" s="603"/>
      <c r="LV7" s="604"/>
      <c r="LW7" s="632" t="s">
        <v>62</v>
      </c>
      <c r="LX7" s="603"/>
      <c r="LY7" s="603"/>
      <c r="LZ7" s="603"/>
      <c r="MA7" s="603"/>
      <c r="MB7" s="603"/>
      <c r="MC7" s="633"/>
      <c r="MD7" s="627" t="s">
        <v>52</v>
      </c>
      <c r="ME7" s="593" t="s">
        <v>61</v>
      </c>
      <c r="MF7" s="594"/>
      <c r="MG7" s="595"/>
      <c r="MH7" s="629" t="s">
        <v>62</v>
      </c>
      <c r="MI7" s="594"/>
      <c r="MJ7" s="594"/>
      <c r="MK7" s="594"/>
      <c r="ML7" s="594"/>
      <c r="MM7" s="594"/>
      <c r="MN7" s="630"/>
      <c r="MO7" s="631" t="s">
        <v>52</v>
      </c>
      <c r="MP7" s="610" t="s">
        <v>61</v>
      </c>
      <c r="MQ7" s="603"/>
      <c r="MR7" s="604"/>
      <c r="MS7" s="632" t="s">
        <v>62</v>
      </c>
      <c r="MT7" s="603"/>
      <c r="MU7" s="603"/>
      <c r="MV7" s="603"/>
      <c r="MW7" s="603"/>
      <c r="MX7" s="603"/>
      <c r="MY7" s="633"/>
      <c r="MZ7" s="627" t="s">
        <v>52</v>
      </c>
      <c r="NA7" s="610" t="s">
        <v>61</v>
      </c>
      <c r="NB7" s="603"/>
      <c r="NC7" s="604"/>
      <c r="ND7" s="632" t="s">
        <v>62</v>
      </c>
      <c r="NE7" s="603"/>
      <c r="NF7" s="603"/>
      <c r="NG7" s="603"/>
      <c r="NH7" s="603"/>
      <c r="NI7" s="603"/>
      <c r="NJ7" s="633"/>
      <c r="NK7" s="627" t="s">
        <v>52</v>
      </c>
      <c r="NL7" s="610" t="s">
        <v>61</v>
      </c>
      <c r="NM7" s="603"/>
      <c r="NN7" s="604"/>
      <c r="NO7" s="632" t="s">
        <v>62</v>
      </c>
      <c r="NP7" s="603"/>
      <c r="NQ7" s="603"/>
      <c r="NR7" s="603"/>
      <c r="NS7" s="603"/>
      <c r="NT7" s="603"/>
      <c r="NU7" s="633"/>
      <c r="NV7" s="627" t="s">
        <v>52</v>
      </c>
      <c r="NW7" s="610" t="s">
        <v>61</v>
      </c>
      <c r="NX7" s="603"/>
      <c r="NY7" s="604"/>
      <c r="NZ7" s="632" t="s">
        <v>62</v>
      </c>
      <c r="OA7" s="603"/>
      <c r="OB7" s="603"/>
      <c r="OC7" s="603"/>
      <c r="OD7" s="603"/>
      <c r="OE7" s="603"/>
      <c r="OF7" s="633"/>
      <c r="OG7" s="627" t="s">
        <v>52</v>
      </c>
      <c r="OH7" s="593" t="s">
        <v>61</v>
      </c>
      <c r="OI7" s="594"/>
      <c r="OJ7" s="595"/>
      <c r="OK7" s="629" t="s">
        <v>62</v>
      </c>
      <c r="OL7" s="594"/>
      <c r="OM7" s="594"/>
      <c r="ON7" s="594"/>
      <c r="OO7" s="594"/>
      <c r="OP7" s="594"/>
      <c r="OQ7" s="630"/>
      <c r="OR7" s="631" t="s">
        <v>52</v>
      </c>
    </row>
    <row r="8" spans="1:408" ht="28.5" customHeight="1" thickBot="1" x14ac:dyDescent="0.25">
      <c r="A8" s="699"/>
      <c r="B8" s="362" t="s">
        <v>43</v>
      </c>
      <c r="C8" s="47" t="s">
        <v>44</v>
      </c>
      <c r="D8" s="363" t="s">
        <v>45</v>
      </c>
      <c r="E8" s="52" t="s">
        <v>83</v>
      </c>
      <c r="F8" s="47" t="s">
        <v>47</v>
      </c>
      <c r="G8" s="47" t="s">
        <v>48</v>
      </c>
      <c r="H8" s="47" t="s">
        <v>49</v>
      </c>
      <c r="I8" s="47" t="s">
        <v>50</v>
      </c>
      <c r="J8" s="47" t="s">
        <v>51</v>
      </c>
      <c r="K8" s="48" t="s">
        <v>45</v>
      </c>
      <c r="L8" s="723"/>
      <c r="M8" s="51" t="s">
        <v>43</v>
      </c>
      <c r="N8" s="47" t="s">
        <v>44</v>
      </c>
      <c r="O8" s="48" t="s">
        <v>45</v>
      </c>
      <c r="P8" s="52" t="s">
        <v>83</v>
      </c>
      <c r="Q8" s="47" t="s">
        <v>47</v>
      </c>
      <c r="R8" s="47" t="s">
        <v>48</v>
      </c>
      <c r="S8" s="47" t="s">
        <v>49</v>
      </c>
      <c r="T8" s="47" t="s">
        <v>50</v>
      </c>
      <c r="U8" s="47" t="s">
        <v>51</v>
      </c>
      <c r="V8" s="48" t="s">
        <v>45</v>
      </c>
      <c r="W8" s="730"/>
      <c r="X8" s="51" t="s">
        <v>43</v>
      </c>
      <c r="Y8" s="47" t="s">
        <v>44</v>
      </c>
      <c r="Z8" s="48" t="s">
        <v>45</v>
      </c>
      <c r="AA8" s="52" t="s">
        <v>83</v>
      </c>
      <c r="AB8" s="47" t="s">
        <v>47</v>
      </c>
      <c r="AC8" s="47" t="s">
        <v>48</v>
      </c>
      <c r="AD8" s="47" t="s">
        <v>49</v>
      </c>
      <c r="AE8" s="47" t="s">
        <v>50</v>
      </c>
      <c r="AF8" s="47" t="s">
        <v>51</v>
      </c>
      <c r="AG8" s="48" t="s">
        <v>45</v>
      </c>
      <c r="AH8" s="733"/>
      <c r="AI8" s="51" t="s">
        <v>43</v>
      </c>
      <c r="AJ8" s="47" t="s">
        <v>44</v>
      </c>
      <c r="AK8" s="363" t="s">
        <v>45</v>
      </c>
      <c r="AL8" s="52" t="s">
        <v>83</v>
      </c>
      <c r="AM8" s="47" t="s">
        <v>47</v>
      </c>
      <c r="AN8" s="47" t="s">
        <v>48</v>
      </c>
      <c r="AO8" s="47" t="s">
        <v>49</v>
      </c>
      <c r="AP8" s="47" t="s">
        <v>50</v>
      </c>
      <c r="AQ8" s="47" t="s">
        <v>51</v>
      </c>
      <c r="AR8" s="48" t="s">
        <v>45</v>
      </c>
      <c r="AS8" s="733"/>
      <c r="AT8" s="51" t="s">
        <v>43</v>
      </c>
      <c r="AU8" s="47" t="s">
        <v>44</v>
      </c>
      <c r="AV8" s="363" t="s">
        <v>45</v>
      </c>
      <c r="AW8" s="52" t="s">
        <v>83</v>
      </c>
      <c r="AX8" s="47" t="s">
        <v>47</v>
      </c>
      <c r="AY8" s="47" t="s">
        <v>48</v>
      </c>
      <c r="AZ8" s="47" t="s">
        <v>49</v>
      </c>
      <c r="BA8" s="47" t="s">
        <v>50</v>
      </c>
      <c r="BB8" s="47" t="s">
        <v>51</v>
      </c>
      <c r="BC8" s="48" t="s">
        <v>45</v>
      </c>
      <c r="BD8" s="733"/>
      <c r="BE8" s="364" t="s">
        <v>43</v>
      </c>
      <c r="BF8" s="47" t="s">
        <v>44</v>
      </c>
      <c r="BG8" s="363" t="s">
        <v>45</v>
      </c>
      <c r="BH8" s="52" t="s">
        <v>83</v>
      </c>
      <c r="BI8" s="47" t="s">
        <v>47</v>
      </c>
      <c r="BJ8" s="47" t="s">
        <v>48</v>
      </c>
      <c r="BK8" s="47" t="s">
        <v>49</v>
      </c>
      <c r="BL8" s="47" t="s">
        <v>50</v>
      </c>
      <c r="BM8" s="47" t="s">
        <v>51</v>
      </c>
      <c r="BN8" s="48" t="s">
        <v>45</v>
      </c>
      <c r="BO8" s="733"/>
      <c r="BP8" s="51" t="s">
        <v>43</v>
      </c>
      <c r="BQ8" s="47" t="s">
        <v>44</v>
      </c>
      <c r="BR8" s="363" t="s">
        <v>45</v>
      </c>
      <c r="BS8" s="52" t="s">
        <v>83</v>
      </c>
      <c r="BT8" s="47" t="s">
        <v>47</v>
      </c>
      <c r="BU8" s="47" t="s">
        <v>48</v>
      </c>
      <c r="BV8" s="47" t="s">
        <v>49</v>
      </c>
      <c r="BW8" s="47" t="s">
        <v>50</v>
      </c>
      <c r="BX8" s="47" t="s">
        <v>51</v>
      </c>
      <c r="BY8" s="48" t="s">
        <v>45</v>
      </c>
      <c r="BZ8" s="733"/>
      <c r="CA8" s="51" t="s">
        <v>43</v>
      </c>
      <c r="CB8" s="47" t="s">
        <v>44</v>
      </c>
      <c r="CC8" s="363" t="s">
        <v>45</v>
      </c>
      <c r="CD8" s="52" t="s">
        <v>83</v>
      </c>
      <c r="CE8" s="47" t="s">
        <v>47</v>
      </c>
      <c r="CF8" s="47" t="s">
        <v>48</v>
      </c>
      <c r="CG8" s="47" t="s">
        <v>49</v>
      </c>
      <c r="CH8" s="47" t="s">
        <v>50</v>
      </c>
      <c r="CI8" s="47" t="s">
        <v>51</v>
      </c>
      <c r="CJ8" s="48" t="s">
        <v>45</v>
      </c>
      <c r="CK8" s="730"/>
      <c r="CL8" s="51" t="s">
        <v>43</v>
      </c>
      <c r="CM8" s="47" t="s">
        <v>44</v>
      </c>
      <c r="CN8" s="48" t="s">
        <v>45</v>
      </c>
      <c r="CO8" s="52" t="s">
        <v>83</v>
      </c>
      <c r="CP8" s="47" t="s">
        <v>47</v>
      </c>
      <c r="CQ8" s="47" t="s">
        <v>48</v>
      </c>
      <c r="CR8" s="47" t="s">
        <v>49</v>
      </c>
      <c r="CS8" s="47" t="s">
        <v>50</v>
      </c>
      <c r="CT8" s="47" t="s">
        <v>51</v>
      </c>
      <c r="CU8" s="48" t="s">
        <v>45</v>
      </c>
      <c r="CV8" s="730"/>
      <c r="CW8" s="51" t="s">
        <v>43</v>
      </c>
      <c r="CX8" s="47" t="s">
        <v>44</v>
      </c>
      <c r="CY8" s="48" t="s">
        <v>45</v>
      </c>
      <c r="CZ8" s="52" t="s">
        <v>83</v>
      </c>
      <c r="DA8" s="47" t="s">
        <v>47</v>
      </c>
      <c r="DB8" s="47" t="s">
        <v>48</v>
      </c>
      <c r="DC8" s="47" t="s">
        <v>49</v>
      </c>
      <c r="DD8" s="47" t="s">
        <v>50</v>
      </c>
      <c r="DE8" s="47" t="s">
        <v>51</v>
      </c>
      <c r="DF8" s="48" t="s">
        <v>45</v>
      </c>
      <c r="DG8" s="730"/>
      <c r="DH8" s="51" t="s">
        <v>43</v>
      </c>
      <c r="DI8" s="47" t="s">
        <v>44</v>
      </c>
      <c r="DJ8" s="48" t="s">
        <v>45</v>
      </c>
      <c r="DK8" s="52" t="s">
        <v>83</v>
      </c>
      <c r="DL8" s="47" t="s">
        <v>47</v>
      </c>
      <c r="DM8" s="47" t="s">
        <v>48</v>
      </c>
      <c r="DN8" s="47" t="s">
        <v>49</v>
      </c>
      <c r="DO8" s="47" t="s">
        <v>50</v>
      </c>
      <c r="DP8" s="47" t="s">
        <v>51</v>
      </c>
      <c r="DQ8" s="48" t="s">
        <v>45</v>
      </c>
      <c r="DR8" s="730"/>
      <c r="DS8" s="51" t="s">
        <v>43</v>
      </c>
      <c r="DT8" s="47" t="s">
        <v>44</v>
      </c>
      <c r="DU8" s="363" t="s">
        <v>45</v>
      </c>
      <c r="DV8" s="52" t="s">
        <v>83</v>
      </c>
      <c r="DW8" s="47" t="s">
        <v>47</v>
      </c>
      <c r="DX8" s="47" t="s">
        <v>48</v>
      </c>
      <c r="DY8" s="47" t="s">
        <v>49</v>
      </c>
      <c r="DZ8" s="47" t="s">
        <v>50</v>
      </c>
      <c r="EA8" s="47" t="s">
        <v>51</v>
      </c>
      <c r="EB8" s="48" t="s">
        <v>45</v>
      </c>
      <c r="EC8" s="733"/>
      <c r="ED8" s="51" t="s">
        <v>43</v>
      </c>
      <c r="EE8" s="47" t="s">
        <v>44</v>
      </c>
      <c r="EF8" s="363" t="s">
        <v>45</v>
      </c>
      <c r="EG8" s="52" t="s">
        <v>83</v>
      </c>
      <c r="EH8" s="47" t="s">
        <v>47</v>
      </c>
      <c r="EI8" s="47" t="s">
        <v>48</v>
      </c>
      <c r="EJ8" s="47" t="s">
        <v>49</v>
      </c>
      <c r="EK8" s="47" t="s">
        <v>50</v>
      </c>
      <c r="EL8" s="47" t="s">
        <v>51</v>
      </c>
      <c r="EM8" s="48" t="s">
        <v>45</v>
      </c>
      <c r="EN8" s="733"/>
      <c r="EO8" s="51" t="s">
        <v>43</v>
      </c>
      <c r="EP8" s="47" t="s">
        <v>44</v>
      </c>
      <c r="EQ8" s="363" t="s">
        <v>45</v>
      </c>
      <c r="ER8" s="52" t="s">
        <v>83</v>
      </c>
      <c r="ES8" s="47" t="s">
        <v>47</v>
      </c>
      <c r="ET8" s="47" t="s">
        <v>48</v>
      </c>
      <c r="EU8" s="47" t="s">
        <v>49</v>
      </c>
      <c r="EV8" s="47" t="s">
        <v>50</v>
      </c>
      <c r="EW8" s="47" t="s">
        <v>51</v>
      </c>
      <c r="EX8" s="48" t="s">
        <v>45</v>
      </c>
      <c r="EY8" s="733"/>
      <c r="EZ8" s="51" t="s">
        <v>43</v>
      </c>
      <c r="FA8" s="47" t="s">
        <v>44</v>
      </c>
      <c r="FB8" s="363" t="s">
        <v>45</v>
      </c>
      <c r="FC8" s="52" t="s">
        <v>83</v>
      </c>
      <c r="FD8" s="47" t="s">
        <v>47</v>
      </c>
      <c r="FE8" s="47" t="s">
        <v>48</v>
      </c>
      <c r="FF8" s="47" t="s">
        <v>49</v>
      </c>
      <c r="FG8" s="47" t="s">
        <v>50</v>
      </c>
      <c r="FH8" s="47" t="s">
        <v>51</v>
      </c>
      <c r="FI8" s="48" t="s">
        <v>45</v>
      </c>
      <c r="FJ8" s="733"/>
      <c r="FK8" s="51" t="s">
        <v>43</v>
      </c>
      <c r="FL8" s="47" t="s">
        <v>44</v>
      </c>
      <c r="FM8" s="363" t="s">
        <v>45</v>
      </c>
      <c r="FN8" s="52" t="s">
        <v>83</v>
      </c>
      <c r="FO8" s="47" t="s">
        <v>47</v>
      </c>
      <c r="FP8" s="47" t="s">
        <v>48</v>
      </c>
      <c r="FQ8" s="47" t="s">
        <v>49</v>
      </c>
      <c r="FR8" s="47" t="s">
        <v>50</v>
      </c>
      <c r="FS8" s="47" t="s">
        <v>51</v>
      </c>
      <c r="FT8" s="48" t="s">
        <v>45</v>
      </c>
      <c r="FU8" s="744"/>
      <c r="FV8" s="51" t="s">
        <v>43</v>
      </c>
      <c r="FW8" s="47" t="s">
        <v>44</v>
      </c>
      <c r="FX8" s="363" t="s">
        <v>45</v>
      </c>
      <c r="FY8" s="52" t="s">
        <v>83</v>
      </c>
      <c r="FZ8" s="47" t="s">
        <v>47</v>
      </c>
      <c r="GA8" s="47" t="s">
        <v>48</v>
      </c>
      <c r="GB8" s="47" t="s">
        <v>49</v>
      </c>
      <c r="GC8" s="47" t="s">
        <v>50</v>
      </c>
      <c r="GD8" s="47" t="s">
        <v>51</v>
      </c>
      <c r="GE8" s="48" t="s">
        <v>45</v>
      </c>
      <c r="GF8" s="733"/>
      <c r="GG8" s="51" t="s">
        <v>43</v>
      </c>
      <c r="GH8" s="47" t="s">
        <v>44</v>
      </c>
      <c r="GI8" s="363" t="s">
        <v>45</v>
      </c>
      <c r="GJ8" s="52" t="s">
        <v>83</v>
      </c>
      <c r="GK8" s="47" t="s">
        <v>47</v>
      </c>
      <c r="GL8" s="47" t="s">
        <v>48</v>
      </c>
      <c r="GM8" s="47" t="s">
        <v>49</v>
      </c>
      <c r="GN8" s="47" t="s">
        <v>50</v>
      </c>
      <c r="GO8" s="47" t="s">
        <v>51</v>
      </c>
      <c r="GP8" s="48" t="s">
        <v>45</v>
      </c>
      <c r="GQ8" s="743"/>
      <c r="GR8" s="51" t="s">
        <v>43</v>
      </c>
      <c r="GS8" s="47" t="s">
        <v>44</v>
      </c>
      <c r="GT8" s="363" t="s">
        <v>45</v>
      </c>
      <c r="GU8" s="52" t="s">
        <v>83</v>
      </c>
      <c r="GV8" s="47" t="s">
        <v>47</v>
      </c>
      <c r="GW8" s="47" t="s">
        <v>48</v>
      </c>
      <c r="GX8" s="47" t="s">
        <v>49</v>
      </c>
      <c r="GY8" s="47" t="s">
        <v>50</v>
      </c>
      <c r="GZ8" s="47" t="s">
        <v>51</v>
      </c>
      <c r="HA8" s="48" t="s">
        <v>45</v>
      </c>
      <c r="HB8" s="743"/>
      <c r="HC8" s="51" t="s">
        <v>43</v>
      </c>
      <c r="HD8" s="47" t="s">
        <v>44</v>
      </c>
      <c r="HE8" s="363" t="s">
        <v>45</v>
      </c>
      <c r="HF8" s="52" t="s">
        <v>83</v>
      </c>
      <c r="HG8" s="47" t="s">
        <v>47</v>
      </c>
      <c r="HH8" s="47" t="s">
        <v>48</v>
      </c>
      <c r="HI8" s="47" t="s">
        <v>49</v>
      </c>
      <c r="HJ8" s="47" t="s">
        <v>50</v>
      </c>
      <c r="HK8" s="47" t="s">
        <v>51</v>
      </c>
      <c r="HL8" s="48" t="s">
        <v>45</v>
      </c>
      <c r="HM8" s="733"/>
      <c r="HN8" s="51" t="s">
        <v>43</v>
      </c>
      <c r="HO8" s="47" t="s">
        <v>44</v>
      </c>
      <c r="HP8" s="363" t="s">
        <v>45</v>
      </c>
      <c r="HQ8" s="52" t="s">
        <v>83</v>
      </c>
      <c r="HR8" s="47" t="s">
        <v>47</v>
      </c>
      <c r="HS8" s="47" t="s">
        <v>48</v>
      </c>
      <c r="HT8" s="47" t="s">
        <v>49</v>
      </c>
      <c r="HU8" s="47" t="s">
        <v>50</v>
      </c>
      <c r="HV8" s="47" t="s">
        <v>51</v>
      </c>
      <c r="HW8" s="48" t="s">
        <v>45</v>
      </c>
      <c r="HX8" s="733"/>
      <c r="HY8" s="412" t="s">
        <v>43</v>
      </c>
      <c r="HZ8" s="413" t="s">
        <v>44</v>
      </c>
      <c r="IA8" s="41" t="s">
        <v>45</v>
      </c>
      <c r="IB8" s="42" t="s">
        <v>83</v>
      </c>
      <c r="IC8" s="413" t="s">
        <v>47</v>
      </c>
      <c r="ID8" s="413" t="s">
        <v>48</v>
      </c>
      <c r="IE8" s="413" t="s">
        <v>49</v>
      </c>
      <c r="IF8" s="413" t="s">
        <v>50</v>
      </c>
      <c r="IG8" s="413" t="s">
        <v>51</v>
      </c>
      <c r="IH8" s="17" t="s">
        <v>45</v>
      </c>
      <c r="II8" s="669"/>
      <c r="IJ8" s="412" t="s">
        <v>43</v>
      </c>
      <c r="IK8" s="413" t="s">
        <v>44</v>
      </c>
      <c r="IL8" s="41" t="s">
        <v>45</v>
      </c>
      <c r="IM8" s="42" t="s">
        <v>83</v>
      </c>
      <c r="IN8" s="59" t="s">
        <v>47</v>
      </c>
      <c r="IO8" s="59" t="s">
        <v>48</v>
      </c>
      <c r="IP8" s="59" t="s">
        <v>49</v>
      </c>
      <c r="IQ8" s="59" t="s">
        <v>50</v>
      </c>
      <c r="IR8" s="59" t="s">
        <v>51</v>
      </c>
      <c r="IS8" s="64" t="s">
        <v>45</v>
      </c>
      <c r="IT8" s="668"/>
      <c r="IU8" s="61" t="s">
        <v>43</v>
      </c>
      <c r="IV8" s="59" t="s">
        <v>44</v>
      </c>
      <c r="IW8" s="64" t="s">
        <v>45</v>
      </c>
      <c r="IX8" s="33" t="s">
        <v>83</v>
      </c>
      <c r="IY8" s="59" t="s">
        <v>47</v>
      </c>
      <c r="IZ8" s="59" t="s">
        <v>48</v>
      </c>
      <c r="JA8" s="59" t="s">
        <v>49</v>
      </c>
      <c r="JB8" s="59" t="s">
        <v>50</v>
      </c>
      <c r="JC8" s="59" t="s">
        <v>51</v>
      </c>
      <c r="JD8" s="64" t="s">
        <v>45</v>
      </c>
      <c r="JE8" s="668"/>
      <c r="JF8" s="61" t="s">
        <v>43</v>
      </c>
      <c r="JG8" s="59" t="s">
        <v>44</v>
      </c>
      <c r="JH8" s="60" t="s">
        <v>45</v>
      </c>
      <c r="JI8" s="33" t="s">
        <v>83</v>
      </c>
      <c r="JJ8" s="59" t="s">
        <v>47</v>
      </c>
      <c r="JK8" s="59" t="s">
        <v>48</v>
      </c>
      <c r="JL8" s="59" t="s">
        <v>49</v>
      </c>
      <c r="JM8" s="59" t="s">
        <v>50</v>
      </c>
      <c r="JN8" s="59" t="s">
        <v>51</v>
      </c>
      <c r="JO8" s="64" t="s">
        <v>45</v>
      </c>
      <c r="JP8" s="628"/>
      <c r="JQ8" s="61" t="s">
        <v>43</v>
      </c>
      <c r="JR8" s="59" t="s">
        <v>44</v>
      </c>
      <c r="JS8" s="60" t="s">
        <v>45</v>
      </c>
      <c r="JT8" s="33" t="s">
        <v>83</v>
      </c>
      <c r="JU8" s="59" t="s">
        <v>47</v>
      </c>
      <c r="JV8" s="59" t="s">
        <v>48</v>
      </c>
      <c r="JW8" s="59" t="s">
        <v>49</v>
      </c>
      <c r="JX8" s="59" t="s">
        <v>50</v>
      </c>
      <c r="JY8" s="59" t="s">
        <v>51</v>
      </c>
      <c r="JZ8" s="64" t="s">
        <v>45</v>
      </c>
      <c r="KA8" s="628"/>
      <c r="KB8" s="61" t="s">
        <v>43</v>
      </c>
      <c r="KC8" s="59" t="s">
        <v>44</v>
      </c>
      <c r="KD8" s="60" t="s">
        <v>45</v>
      </c>
      <c r="KE8" s="33" t="s">
        <v>83</v>
      </c>
      <c r="KF8" s="59" t="s">
        <v>47</v>
      </c>
      <c r="KG8" s="59" t="s">
        <v>48</v>
      </c>
      <c r="KH8" s="59" t="s">
        <v>49</v>
      </c>
      <c r="KI8" s="59" t="s">
        <v>50</v>
      </c>
      <c r="KJ8" s="59" t="s">
        <v>51</v>
      </c>
      <c r="KK8" s="64" t="s">
        <v>45</v>
      </c>
      <c r="KL8" s="628"/>
      <c r="KM8" s="61" t="s">
        <v>43</v>
      </c>
      <c r="KN8" s="59" t="s">
        <v>44</v>
      </c>
      <c r="KO8" s="60" t="s">
        <v>45</v>
      </c>
      <c r="KP8" s="42" t="s">
        <v>83</v>
      </c>
      <c r="KQ8" s="59" t="s">
        <v>47</v>
      </c>
      <c r="KR8" s="59" t="s">
        <v>48</v>
      </c>
      <c r="KS8" s="59" t="s">
        <v>49</v>
      </c>
      <c r="KT8" s="59" t="s">
        <v>50</v>
      </c>
      <c r="KU8" s="59" t="s">
        <v>51</v>
      </c>
      <c r="KV8" s="64" t="s">
        <v>45</v>
      </c>
      <c r="KW8" s="628"/>
      <c r="KX8" s="61" t="s">
        <v>43</v>
      </c>
      <c r="KY8" s="59" t="s">
        <v>44</v>
      </c>
      <c r="KZ8" s="60" t="s">
        <v>45</v>
      </c>
      <c r="LA8" s="42" t="s">
        <v>83</v>
      </c>
      <c r="LB8" s="59" t="s">
        <v>47</v>
      </c>
      <c r="LC8" s="59" t="s">
        <v>48</v>
      </c>
      <c r="LD8" s="59" t="s">
        <v>49</v>
      </c>
      <c r="LE8" s="59" t="s">
        <v>50</v>
      </c>
      <c r="LF8" s="59" t="s">
        <v>51</v>
      </c>
      <c r="LG8" s="64" t="s">
        <v>45</v>
      </c>
      <c r="LH8" s="628"/>
      <c r="LI8" s="61" t="s">
        <v>43</v>
      </c>
      <c r="LJ8" s="59" t="s">
        <v>44</v>
      </c>
      <c r="LK8" s="60" t="s">
        <v>45</v>
      </c>
      <c r="LL8" s="42" t="s">
        <v>83</v>
      </c>
      <c r="LM8" s="59" t="s">
        <v>47</v>
      </c>
      <c r="LN8" s="59" t="s">
        <v>48</v>
      </c>
      <c r="LO8" s="59" t="s">
        <v>49</v>
      </c>
      <c r="LP8" s="59" t="s">
        <v>50</v>
      </c>
      <c r="LQ8" s="59" t="s">
        <v>51</v>
      </c>
      <c r="LR8" s="64" t="s">
        <v>45</v>
      </c>
      <c r="LS8" s="628"/>
      <c r="LT8" s="61" t="s">
        <v>43</v>
      </c>
      <c r="LU8" s="59" t="s">
        <v>44</v>
      </c>
      <c r="LV8" s="60" t="s">
        <v>45</v>
      </c>
      <c r="LW8" s="42" t="s">
        <v>83</v>
      </c>
      <c r="LX8" s="59" t="s">
        <v>47</v>
      </c>
      <c r="LY8" s="59" t="s">
        <v>48</v>
      </c>
      <c r="LZ8" s="59" t="s">
        <v>49</v>
      </c>
      <c r="MA8" s="59" t="s">
        <v>50</v>
      </c>
      <c r="MB8" s="59" t="s">
        <v>51</v>
      </c>
      <c r="MC8" s="64" t="s">
        <v>45</v>
      </c>
      <c r="MD8" s="628"/>
      <c r="ME8" s="61" t="s">
        <v>43</v>
      </c>
      <c r="MF8" s="59" t="s">
        <v>44</v>
      </c>
      <c r="MG8" s="60" t="s">
        <v>45</v>
      </c>
      <c r="MH8" s="42" t="s">
        <v>83</v>
      </c>
      <c r="MI8" s="59" t="s">
        <v>47</v>
      </c>
      <c r="MJ8" s="59" t="s">
        <v>48</v>
      </c>
      <c r="MK8" s="59" t="s">
        <v>49</v>
      </c>
      <c r="ML8" s="59" t="s">
        <v>50</v>
      </c>
      <c r="MM8" s="59" t="s">
        <v>51</v>
      </c>
      <c r="MN8" s="64" t="s">
        <v>45</v>
      </c>
      <c r="MO8" s="628"/>
      <c r="MP8" s="61" t="s">
        <v>43</v>
      </c>
      <c r="MQ8" s="59" t="s">
        <v>44</v>
      </c>
      <c r="MR8" s="60" t="s">
        <v>45</v>
      </c>
      <c r="MS8" s="42" t="s">
        <v>83</v>
      </c>
      <c r="MT8" s="59" t="s">
        <v>47</v>
      </c>
      <c r="MU8" s="59" t="s">
        <v>48</v>
      </c>
      <c r="MV8" s="59" t="s">
        <v>49</v>
      </c>
      <c r="MW8" s="59" t="s">
        <v>50</v>
      </c>
      <c r="MX8" s="59" t="s">
        <v>51</v>
      </c>
      <c r="MY8" s="64" t="s">
        <v>45</v>
      </c>
      <c r="MZ8" s="628"/>
      <c r="NA8" s="61" t="s">
        <v>43</v>
      </c>
      <c r="NB8" s="59" t="s">
        <v>44</v>
      </c>
      <c r="NC8" s="60" t="s">
        <v>45</v>
      </c>
      <c r="ND8" s="42" t="s">
        <v>83</v>
      </c>
      <c r="NE8" s="59" t="s">
        <v>47</v>
      </c>
      <c r="NF8" s="59" t="s">
        <v>48</v>
      </c>
      <c r="NG8" s="59" t="s">
        <v>49</v>
      </c>
      <c r="NH8" s="59" t="s">
        <v>50</v>
      </c>
      <c r="NI8" s="59" t="s">
        <v>51</v>
      </c>
      <c r="NJ8" s="64" t="s">
        <v>45</v>
      </c>
      <c r="NK8" s="628"/>
      <c r="NL8" s="61" t="s">
        <v>43</v>
      </c>
      <c r="NM8" s="59" t="s">
        <v>44</v>
      </c>
      <c r="NN8" s="60" t="s">
        <v>45</v>
      </c>
      <c r="NO8" s="42" t="s">
        <v>83</v>
      </c>
      <c r="NP8" s="59" t="s">
        <v>47</v>
      </c>
      <c r="NQ8" s="59" t="s">
        <v>48</v>
      </c>
      <c r="NR8" s="59" t="s">
        <v>49</v>
      </c>
      <c r="NS8" s="59" t="s">
        <v>50</v>
      </c>
      <c r="NT8" s="59" t="s">
        <v>51</v>
      </c>
      <c r="NU8" s="64" t="s">
        <v>45</v>
      </c>
      <c r="NV8" s="628"/>
      <c r="NW8" s="61" t="s">
        <v>43</v>
      </c>
      <c r="NX8" s="59" t="s">
        <v>44</v>
      </c>
      <c r="NY8" s="60" t="s">
        <v>45</v>
      </c>
      <c r="NZ8" s="42" t="s">
        <v>83</v>
      </c>
      <c r="OA8" s="59" t="s">
        <v>47</v>
      </c>
      <c r="OB8" s="59" t="s">
        <v>48</v>
      </c>
      <c r="OC8" s="59" t="s">
        <v>49</v>
      </c>
      <c r="OD8" s="59" t="s">
        <v>50</v>
      </c>
      <c r="OE8" s="59" t="s">
        <v>51</v>
      </c>
      <c r="OF8" s="64" t="s">
        <v>45</v>
      </c>
      <c r="OG8" s="628"/>
      <c r="OH8" s="61" t="s">
        <v>43</v>
      </c>
      <c r="OI8" s="59" t="s">
        <v>44</v>
      </c>
      <c r="OJ8" s="60" t="s">
        <v>45</v>
      </c>
      <c r="OK8" s="33" t="s">
        <v>83</v>
      </c>
      <c r="OL8" s="59" t="s">
        <v>47</v>
      </c>
      <c r="OM8" s="59" t="s">
        <v>48</v>
      </c>
      <c r="ON8" s="59" t="s">
        <v>49</v>
      </c>
      <c r="OO8" s="59" t="s">
        <v>50</v>
      </c>
      <c r="OP8" s="59" t="s">
        <v>51</v>
      </c>
      <c r="OQ8" s="64" t="s">
        <v>45</v>
      </c>
      <c r="OR8" s="628"/>
    </row>
    <row r="9" spans="1:408" ht="20.25" customHeight="1" x14ac:dyDescent="0.2">
      <c r="A9" s="398" t="s">
        <v>4</v>
      </c>
      <c r="B9" s="109">
        <v>21384254</v>
      </c>
      <c r="C9" s="187">
        <v>38124013</v>
      </c>
      <c r="D9" s="188">
        <v>59508267</v>
      </c>
      <c r="E9" s="189">
        <v>0</v>
      </c>
      <c r="F9" s="187">
        <v>210494121</v>
      </c>
      <c r="G9" s="187">
        <v>295503781</v>
      </c>
      <c r="H9" s="187">
        <v>242432644</v>
      </c>
      <c r="I9" s="187">
        <v>268921767</v>
      </c>
      <c r="J9" s="187">
        <v>203275577</v>
      </c>
      <c r="K9" s="190">
        <v>1220627890</v>
      </c>
      <c r="L9" s="191">
        <v>1280136157</v>
      </c>
      <c r="M9" s="109">
        <v>6207946</v>
      </c>
      <c r="N9" s="187">
        <v>13115434</v>
      </c>
      <c r="O9" s="192">
        <v>19323380</v>
      </c>
      <c r="P9" s="109">
        <v>0</v>
      </c>
      <c r="Q9" s="187">
        <v>68613897</v>
      </c>
      <c r="R9" s="187">
        <v>102149310</v>
      </c>
      <c r="S9" s="187">
        <v>82073256</v>
      </c>
      <c r="T9" s="187">
        <v>95404568</v>
      </c>
      <c r="U9" s="187">
        <v>94843297</v>
      </c>
      <c r="V9" s="192">
        <v>443084328</v>
      </c>
      <c r="W9" s="191">
        <v>462407708</v>
      </c>
      <c r="X9" s="109">
        <v>0</v>
      </c>
      <c r="Y9" s="187">
        <v>0</v>
      </c>
      <c r="Z9" s="192">
        <v>0</v>
      </c>
      <c r="AA9" s="110">
        <v>0</v>
      </c>
      <c r="AB9" s="193">
        <v>28884647</v>
      </c>
      <c r="AC9" s="193">
        <v>45184626</v>
      </c>
      <c r="AD9" s="193">
        <v>40786035</v>
      </c>
      <c r="AE9" s="193">
        <v>48530822</v>
      </c>
      <c r="AF9" s="193">
        <v>50723195</v>
      </c>
      <c r="AG9" s="192">
        <v>214109325</v>
      </c>
      <c r="AH9" s="191">
        <v>214109325</v>
      </c>
      <c r="AI9" s="194">
        <v>7527</v>
      </c>
      <c r="AJ9" s="193">
        <v>71160</v>
      </c>
      <c r="AK9" s="192">
        <v>78687</v>
      </c>
      <c r="AL9" s="110">
        <v>0</v>
      </c>
      <c r="AM9" s="193">
        <v>519858</v>
      </c>
      <c r="AN9" s="190">
        <v>1525215</v>
      </c>
      <c r="AO9" s="193">
        <v>1997870</v>
      </c>
      <c r="AP9" s="193">
        <v>5752302</v>
      </c>
      <c r="AQ9" s="193">
        <v>11304275</v>
      </c>
      <c r="AR9" s="192">
        <v>21099520</v>
      </c>
      <c r="AS9" s="191">
        <v>21178207</v>
      </c>
      <c r="AT9" s="194">
        <v>3073310</v>
      </c>
      <c r="AU9" s="193">
        <v>8739863</v>
      </c>
      <c r="AV9" s="192">
        <v>11813173</v>
      </c>
      <c r="AW9" s="110">
        <v>0</v>
      </c>
      <c r="AX9" s="193">
        <v>25035045</v>
      </c>
      <c r="AY9" s="193">
        <v>36547529</v>
      </c>
      <c r="AZ9" s="193">
        <v>23560966</v>
      </c>
      <c r="BA9" s="193">
        <v>23682754</v>
      </c>
      <c r="BB9" s="193">
        <v>20279475</v>
      </c>
      <c r="BC9" s="192">
        <v>129105769</v>
      </c>
      <c r="BD9" s="195">
        <v>140918942</v>
      </c>
      <c r="BE9" s="194">
        <v>300782</v>
      </c>
      <c r="BF9" s="190">
        <v>1232020</v>
      </c>
      <c r="BG9" s="278">
        <v>1532802</v>
      </c>
      <c r="BH9" s="110">
        <v>0</v>
      </c>
      <c r="BI9" s="193">
        <v>1987256</v>
      </c>
      <c r="BJ9" s="193">
        <v>3746211</v>
      </c>
      <c r="BK9" s="193">
        <v>2372343</v>
      </c>
      <c r="BL9" s="193">
        <v>2681515</v>
      </c>
      <c r="BM9" s="193">
        <v>1336352</v>
      </c>
      <c r="BN9" s="192">
        <v>12123677</v>
      </c>
      <c r="BO9" s="191">
        <v>13656479</v>
      </c>
      <c r="BP9" s="194">
        <v>2826327</v>
      </c>
      <c r="BQ9" s="193">
        <v>3072391</v>
      </c>
      <c r="BR9" s="192">
        <v>5898718</v>
      </c>
      <c r="BS9" s="110">
        <v>0</v>
      </c>
      <c r="BT9" s="193">
        <v>12187091</v>
      </c>
      <c r="BU9" s="193">
        <v>15145729</v>
      </c>
      <c r="BV9" s="193">
        <v>13356042</v>
      </c>
      <c r="BW9" s="193">
        <v>14757175</v>
      </c>
      <c r="BX9" s="193">
        <v>11200000</v>
      </c>
      <c r="BY9" s="192">
        <v>66646037</v>
      </c>
      <c r="BZ9" s="191">
        <v>72544755</v>
      </c>
      <c r="CA9" s="194">
        <v>1950751</v>
      </c>
      <c r="CB9" s="193">
        <v>4473463</v>
      </c>
      <c r="CC9" s="192">
        <v>6424214</v>
      </c>
      <c r="CD9" s="110">
        <v>0</v>
      </c>
      <c r="CE9" s="193">
        <v>53243832</v>
      </c>
      <c r="CF9" s="193">
        <v>68411540</v>
      </c>
      <c r="CG9" s="196">
        <v>43538240</v>
      </c>
      <c r="CH9" s="193">
        <v>32684304</v>
      </c>
      <c r="CI9" s="193">
        <v>14233727</v>
      </c>
      <c r="CJ9" s="192">
        <v>212111643</v>
      </c>
      <c r="CK9" s="191">
        <v>218535857</v>
      </c>
      <c r="CL9" s="109">
        <v>0</v>
      </c>
      <c r="CM9" s="187">
        <v>0</v>
      </c>
      <c r="CN9" s="192">
        <v>0</v>
      </c>
      <c r="CO9" s="110">
        <v>0</v>
      </c>
      <c r="CP9" s="193">
        <v>43692273</v>
      </c>
      <c r="CQ9" s="193">
        <v>49520189</v>
      </c>
      <c r="CR9" s="193">
        <v>30103725</v>
      </c>
      <c r="CS9" s="193">
        <v>22059267</v>
      </c>
      <c r="CT9" s="193">
        <v>9999835</v>
      </c>
      <c r="CU9" s="197">
        <v>155375289</v>
      </c>
      <c r="CV9" s="191">
        <v>155375289</v>
      </c>
      <c r="CW9" s="194">
        <v>1950751</v>
      </c>
      <c r="CX9" s="193">
        <v>4473463</v>
      </c>
      <c r="CY9" s="192">
        <v>6424214</v>
      </c>
      <c r="CZ9" s="110">
        <v>0</v>
      </c>
      <c r="DA9" s="193">
        <v>9551559</v>
      </c>
      <c r="DB9" s="193">
        <v>18891351</v>
      </c>
      <c r="DC9" s="193">
        <v>13434515</v>
      </c>
      <c r="DD9" s="193">
        <v>10625037</v>
      </c>
      <c r="DE9" s="193">
        <v>4233892</v>
      </c>
      <c r="DF9" s="192">
        <v>56736354</v>
      </c>
      <c r="DG9" s="191">
        <v>63160568</v>
      </c>
      <c r="DH9" s="194">
        <v>92551</v>
      </c>
      <c r="DI9" s="193">
        <v>670309</v>
      </c>
      <c r="DJ9" s="278">
        <v>762860</v>
      </c>
      <c r="DK9" s="110">
        <v>0</v>
      </c>
      <c r="DL9" s="193">
        <v>5447907</v>
      </c>
      <c r="DM9" s="193">
        <v>11528999</v>
      </c>
      <c r="DN9" s="193">
        <v>16705534</v>
      </c>
      <c r="DO9" s="193">
        <v>17934004</v>
      </c>
      <c r="DP9" s="193">
        <v>8003311</v>
      </c>
      <c r="DQ9" s="279">
        <v>59619755</v>
      </c>
      <c r="DR9" s="191">
        <v>60382615</v>
      </c>
      <c r="DS9" s="194">
        <v>92551</v>
      </c>
      <c r="DT9" s="193">
        <v>455601</v>
      </c>
      <c r="DU9" s="192">
        <v>548152</v>
      </c>
      <c r="DV9" s="110">
        <v>0</v>
      </c>
      <c r="DW9" s="193">
        <v>4907231</v>
      </c>
      <c r="DX9" s="193">
        <v>10007019</v>
      </c>
      <c r="DY9" s="193">
        <v>14411804</v>
      </c>
      <c r="DZ9" s="193">
        <v>15057760</v>
      </c>
      <c r="EA9" s="193">
        <v>6004905</v>
      </c>
      <c r="EB9" s="192">
        <v>50388719</v>
      </c>
      <c r="EC9" s="191">
        <v>50936871</v>
      </c>
      <c r="ED9" s="194">
        <v>0</v>
      </c>
      <c r="EE9" s="190">
        <v>214708</v>
      </c>
      <c r="EF9" s="192">
        <v>214708</v>
      </c>
      <c r="EG9" s="195">
        <v>0</v>
      </c>
      <c r="EH9" s="193">
        <v>540676</v>
      </c>
      <c r="EI9" s="193">
        <v>1521980</v>
      </c>
      <c r="EJ9" s="193">
        <v>2293730</v>
      </c>
      <c r="EK9" s="193">
        <v>2876244</v>
      </c>
      <c r="EL9" s="196">
        <v>1998406</v>
      </c>
      <c r="EM9" s="190">
        <v>9231036</v>
      </c>
      <c r="EN9" s="191">
        <v>9445744</v>
      </c>
      <c r="EO9" s="194">
        <v>0</v>
      </c>
      <c r="EP9" s="193">
        <v>0</v>
      </c>
      <c r="EQ9" s="190">
        <v>0</v>
      </c>
      <c r="ER9" s="110">
        <v>0</v>
      </c>
      <c r="ES9" s="193">
        <v>0</v>
      </c>
      <c r="ET9" s="193">
        <v>0</v>
      </c>
      <c r="EU9" s="193">
        <v>0</v>
      </c>
      <c r="EV9" s="193">
        <v>0</v>
      </c>
      <c r="EW9" s="193">
        <v>0</v>
      </c>
      <c r="EX9" s="197">
        <v>0</v>
      </c>
      <c r="EY9" s="191">
        <v>0</v>
      </c>
      <c r="EZ9" s="194">
        <v>0</v>
      </c>
      <c r="FA9" s="193">
        <v>0</v>
      </c>
      <c r="FB9" s="190">
        <v>0</v>
      </c>
      <c r="FC9" s="389"/>
      <c r="FD9" s="193">
        <v>0</v>
      </c>
      <c r="FE9" s="193">
        <v>0</v>
      </c>
      <c r="FF9" s="193">
        <v>0</v>
      </c>
      <c r="FG9" s="193">
        <v>0</v>
      </c>
      <c r="FH9" s="193">
        <v>0</v>
      </c>
      <c r="FI9" s="197">
        <v>0</v>
      </c>
      <c r="FJ9" s="191">
        <v>0</v>
      </c>
      <c r="FK9" s="194">
        <v>3340020</v>
      </c>
      <c r="FL9" s="193">
        <v>7036545</v>
      </c>
      <c r="FM9" s="192">
        <v>10376565</v>
      </c>
      <c r="FN9" s="110">
        <v>0</v>
      </c>
      <c r="FO9" s="193">
        <v>10632370</v>
      </c>
      <c r="FP9" s="193">
        <v>28359837</v>
      </c>
      <c r="FQ9" s="193">
        <v>20089271</v>
      </c>
      <c r="FR9" s="193">
        <v>21345226</v>
      </c>
      <c r="FS9" s="193">
        <v>15382006</v>
      </c>
      <c r="FT9" s="192">
        <v>95808710</v>
      </c>
      <c r="FU9" s="191">
        <v>106185275</v>
      </c>
      <c r="FV9" s="194">
        <v>2169027</v>
      </c>
      <c r="FW9" s="193">
        <v>5319566</v>
      </c>
      <c r="FX9" s="190">
        <v>7488593</v>
      </c>
      <c r="FY9" s="195">
        <v>0</v>
      </c>
      <c r="FZ9" s="193">
        <v>8488459</v>
      </c>
      <c r="GA9" s="198">
        <v>25863968</v>
      </c>
      <c r="GB9" s="193">
        <v>18653948</v>
      </c>
      <c r="GC9" s="198">
        <v>19829737</v>
      </c>
      <c r="GD9" s="193">
        <v>14596687</v>
      </c>
      <c r="GE9" s="197">
        <v>87432799</v>
      </c>
      <c r="GF9" s="353">
        <v>94921392</v>
      </c>
      <c r="GG9" s="199">
        <v>136656</v>
      </c>
      <c r="GH9" s="193">
        <v>455908</v>
      </c>
      <c r="GI9" s="198">
        <v>592564</v>
      </c>
      <c r="GJ9" s="189">
        <v>0</v>
      </c>
      <c r="GK9" s="193">
        <v>451398</v>
      </c>
      <c r="GL9" s="190">
        <v>674231</v>
      </c>
      <c r="GM9" s="193">
        <v>549177</v>
      </c>
      <c r="GN9" s="190">
        <v>503149</v>
      </c>
      <c r="GO9" s="193">
        <v>260137</v>
      </c>
      <c r="GP9" s="279">
        <v>2438092</v>
      </c>
      <c r="GQ9" s="191">
        <v>3030656</v>
      </c>
      <c r="GR9" s="190">
        <v>1034337</v>
      </c>
      <c r="GS9" s="193">
        <v>1261071</v>
      </c>
      <c r="GT9" s="192">
        <v>2295408</v>
      </c>
      <c r="GU9" s="190">
        <v>0</v>
      </c>
      <c r="GV9" s="193">
        <v>1692513</v>
      </c>
      <c r="GW9" s="190">
        <v>1821638</v>
      </c>
      <c r="GX9" s="193">
        <v>886146</v>
      </c>
      <c r="GY9" s="190">
        <v>1012340</v>
      </c>
      <c r="GZ9" s="193">
        <v>525182</v>
      </c>
      <c r="HA9" s="190">
        <v>5937819</v>
      </c>
      <c r="HB9" s="191">
        <v>8233227</v>
      </c>
      <c r="HC9" s="190">
        <v>9792986</v>
      </c>
      <c r="HD9" s="193">
        <v>12828262</v>
      </c>
      <c r="HE9" s="190">
        <v>22621248</v>
      </c>
      <c r="HF9" s="195">
        <v>0</v>
      </c>
      <c r="HG9" s="193">
        <v>72556115</v>
      </c>
      <c r="HH9" s="198">
        <v>85054095</v>
      </c>
      <c r="HI9" s="193">
        <v>80026343</v>
      </c>
      <c r="HJ9" s="198">
        <v>101553665</v>
      </c>
      <c r="HK9" s="193">
        <v>70813236</v>
      </c>
      <c r="HL9" s="197">
        <v>410003454</v>
      </c>
      <c r="HM9" s="190">
        <v>432624702</v>
      </c>
      <c r="HN9" s="365"/>
      <c r="HO9" s="366"/>
      <c r="HP9" s="367"/>
      <c r="HQ9" s="368"/>
      <c r="HR9" s="366"/>
      <c r="HS9" s="368"/>
      <c r="HT9" s="366"/>
      <c r="HU9" s="368"/>
      <c r="HV9" s="366"/>
      <c r="HW9" s="368"/>
      <c r="HX9" s="369"/>
      <c r="HY9" s="131">
        <v>551937</v>
      </c>
      <c r="HZ9" s="132">
        <v>720652</v>
      </c>
      <c r="IA9" s="133">
        <v>1272589</v>
      </c>
      <c r="IB9" s="120">
        <v>0</v>
      </c>
      <c r="IC9" s="132">
        <v>46227975</v>
      </c>
      <c r="ID9" s="134">
        <v>63415103</v>
      </c>
      <c r="IE9" s="135">
        <v>68616597</v>
      </c>
      <c r="IF9" s="132">
        <v>53960009</v>
      </c>
      <c r="IG9" s="135">
        <v>41350642</v>
      </c>
      <c r="IH9" s="136">
        <v>273570326</v>
      </c>
      <c r="II9" s="137">
        <v>274842915</v>
      </c>
      <c r="IJ9" s="260">
        <v>0</v>
      </c>
      <c r="IK9" s="266">
        <v>0</v>
      </c>
      <c r="IL9" s="267">
        <v>0</v>
      </c>
      <c r="IM9" s="138"/>
      <c r="IN9" s="139">
        <v>1720946</v>
      </c>
      <c r="IO9" s="139">
        <v>3899127</v>
      </c>
      <c r="IP9" s="139">
        <v>2521762</v>
      </c>
      <c r="IQ9" s="139">
        <v>4994471</v>
      </c>
      <c r="IR9" s="139">
        <v>4067044</v>
      </c>
      <c r="IS9" s="140">
        <v>17203350</v>
      </c>
      <c r="IT9" s="356">
        <v>17203350</v>
      </c>
      <c r="IU9" s="141">
        <v>0</v>
      </c>
      <c r="IV9" s="139">
        <v>0</v>
      </c>
      <c r="IW9" s="143">
        <v>0</v>
      </c>
      <c r="IX9" s="146"/>
      <c r="IY9" s="139">
        <v>168583</v>
      </c>
      <c r="IZ9" s="139">
        <v>343189</v>
      </c>
      <c r="JA9" s="139">
        <v>806775</v>
      </c>
      <c r="JB9" s="139">
        <v>1205593</v>
      </c>
      <c r="JC9" s="139">
        <v>1097831</v>
      </c>
      <c r="JD9" s="143">
        <v>3621971</v>
      </c>
      <c r="JE9" s="144">
        <v>3621971</v>
      </c>
      <c r="JF9" s="141">
        <v>0</v>
      </c>
      <c r="JG9" s="139">
        <v>0</v>
      </c>
      <c r="JH9" s="140">
        <v>0</v>
      </c>
      <c r="JI9" s="142">
        <v>0</v>
      </c>
      <c r="JJ9" s="139">
        <v>20979167</v>
      </c>
      <c r="JK9" s="139">
        <v>20568494</v>
      </c>
      <c r="JL9" s="139">
        <v>15960866</v>
      </c>
      <c r="JM9" s="139">
        <v>9039245</v>
      </c>
      <c r="JN9" s="139">
        <v>3417667</v>
      </c>
      <c r="JO9" s="143">
        <v>69965439</v>
      </c>
      <c r="JP9" s="356">
        <v>69965439</v>
      </c>
      <c r="JQ9" s="141">
        <v>0</v>
      </c>
      <c r="JR9" s="139">
        <v>0</v>
      </c>
      <c r="JS9" s="140">
        <v>0</v>
      </c>
      <c r="JT9" s="142">
        <v>0</v>
      </c>
      <c r="JU9" s="139">
        <v>2100645</v>
      </c>
      <c r="JV9" s="139">
        <v>5194480</v>
      </c>
      <c r="JW9" s="139">
        <v>5353211</v>
      </c>
      <c r="JX9" s="139">
        <v>1902066</v>
      </c>
      <c r="JY9" s="139">
        <v>3524080</v>
      </c>
      <c r="JZ9" s="143">
        <v>18074482</v>
      </c>
      <c r="KA9" s="356">
        <v>18074482</v>
      </c>
      <c r="KB9" s="263">
        <v>551937</v>
      </c>
      <c r="KC9" s="257">
        <v>720652</v>
      </c>
      <c r="KD9" s="143">
        <v>1272589</v>
      </c>
      <c r="KE9" s="142">
        <v>0</v>
      </c>
      <c r="KF9" s="139">
        <v>8000632</v>
      </c>
      <c r="KG9" s="139">
        <v>7684988</v>
      </c>
      <c r="KH9" s="139">
        <v>11167517</v>
      </c>
      <c r="KI9" s="139">
        <v>7315333</v>
      </c>
      <c r="KJ9" s="139">
        <v>6617402</v>
      </c>
      <c r="KK9" s="143">
        <v>40785872</v>
      </c>
      <c r="KL9" s="145">
        <v>42058461</v>
      </c>
      <c r="KM9" s="260">
        <v>0</v>
      </c>
      <c r="KN9" s="266">
        <v>0</v>
      </c>
      <c r="KO9" s="267">
        <v>0</v>
      </c>
      <c r="KP9" s="138"/>
      <c r="KQ9" s="139">
        <v>12367961</v>
      </c>
      <c r="KR9" s="139">
        <v>20996596</v>
      </c>
      <c r="KS9" s="139">
        <v>26766329</v>
      </c>
      <c r="KT9" s="139">
        <v>18175670</v>
      </c>
      <c r="KU9" s="139">
        <v>11596719</v>
      </c>
      <c r="KV9" s="143">
        <v>89903275</v>
      </c>
      <c r="KW9" s="356">
        <v>89903275</v>
      </c>
      <c r="KX9" s="141">
        <v>0</v>
      </c>
      <c r="KY9" s="139">
        <v>0</v>
      </c>
      <c r="KZ9" s="143">
        <v>0</v>
      </c>
      <c r="LA9" s="147"/>
      <c r="LB9" s="139">
        <v>123374</v>
      </c>
      <c r="LC9" s="139">
        <v>1259830</v>
      </c>
      <c r="LD9" s="139">
        <v>1231019</v>
      </c>
      <c r="LE9" s="139">
        <v>1112801</v>
      </c>
      <c r="LF9" s="139">
        <v>1526767</v>
      </c>
      <c r="LG9" s="143">
        <v>5253791</v>
      </c>
      <c r="LH9" s="144">
        <v>5253791</v>
      </c>
      <c r="LI9" s="141">
        <v>0</v>
      </c>
      <c r="LJ9" s="139">
        <v>0</v>
      </c>
      <c r="LK9" s="143">
        <v>0</v>
      </c>
      <c r="LL9" s="147"/>
      <c r="LM9" s="139">
        <v>170055</v>
      </c>
      <c r="LN9" s="139">
        <v>306862</v>
      </c>
      <c r="LO9" s="139">
        <v>1729639</v>
      </c>
      <c r="LP9" s="139">
        <v>3342126</v>
      </c>
      <c r="LQ9" s="139">
        <v>1842888</v>
      </c>
      <c r="LR9" s="143">
        <v>7391570</v>
      </c>
      <c r="LS9" s="356">
        <v>7391570</v>
      </c>
      <c r="LT9" s="141">
        <v>0</v>
      </c>
      <c r="LU9" s="139">
        <v>0</v>
      </c>
      <c r="LV9" s="143">
        <v>0</v>
      </c>
      <c r="LW9" s="147"/>
      <c r="LX9" s="139">
        <v>596612</v>
      </c>
      <c r="LY9" s="139">
        <v>3161537</v>
      </c>
      <c r="LZ9" s="139">
        <v>3079479</v>
      </c>
      <c r="MA9" s="139">
        <v>6872704</v>
      </c>
      <c r="MB9" s="139">
        <v>7660244</v>
      </c>
      <c r="MC9" s="143">
        <v>21370576</v>
      </c>
      <c r="MD9" s="144">
        <v>21370576</v>
      </c>
      <c r="ME9" s="141">
        <v>0</v>
      </c>
      <c r="MF9" s="139">
        <v>0</v>
      </c>
      <c r="MG9" s="143">
        <v>0</v>
      </c>
      <c r="MH9" s="147"/>
      <c r="MI9" s="139">
        <v>11441128</v>
      </c>
      <c r="MJ9" s="139">
        <v>36947642</v>
      </c>
      <c r="MK9" s="139">
        <v>88466933</v>
      </c>
      <c r="ML9" s="139">
        <v>145499077</v>
      </c>
      <c r="MM9" s="139">
        <v>98566926</v>
      </c>
      <c r="MN9" s="143">
        <v>380921706</v>
      </c>
      <c r="MO9" s="145">
        <v>380921706</v>
      </c>
      <c r="MP9" s="141">
        <v>0</v>
      </c>
      <c r="MQ9" s="139">
        <v>0</v>
      </c>
      <c r="MR9" s="143">
        <v>0</v>
      </c>
      <c r="MS9" s="147"/>
      <c r="MT9" s="139">
        <v>616554</v>
      </c>
      <c r="MU9" s="139">
        <v>6166321</v>
      </c>
      <c r="MV9" s="139">
        <v>43902419</v>
      </c>
      <c r="MW9" s="139">
        <v>83455024</v>
      </c>
      <c r="MX9" s="139">
        <v>61584147</v>
      </c>
      <c r="MY9" s="143">
        <v>195724465</v>
      </c>
      <c r="MZ9" s="145">
        <v>195724465</v>
      </c>
      <c r="NA9" s="141">
        <v>0</v>
      </c>
      <c r="NB9" s="139">
        <v>0</v>
      </c>
      <c r="NC9" s="143">
        <v>0</v>
      </c>
      <c r="ND9" s="147"/>
      <c r="NE9" s="139">
        <v>10824574</v>
      </c>
      <c r="NF9" s="139">
        <v>30181270</v>
      </c>
      <c r="NG9" s="139">
        <v>44450126</v>
      </c>
      <c r="NH9" s="139">
        <v>56777794</v>
      </c>
      <c r="NI9" s="139">
        <v>28257569</v>
      </c>
      <c r="NJ9" s="143">
        <v>170491333</v>
      </c>
      <c r="NK9" s="356">
        <v>170491333</v>
      </c>
      <c r="NL9" s="141">
        <v>0</v>
      </c>
      <c r="NM9" s="139">
        <v>0</v>
      </c>
      <c r="NN9" s="143">
        <v>0</v>
      </c>
      <c r="NO9" s="147"/>
      <c r="NP9" s="139">
        <v>0</v>
      </c>
      <c r="NQ9" s="139">
        <v>0</v>
      </c>
      <c r="NR9" s="139">
        <v>114388</v>
      </c>
      <c r="NS9" s="139">
        <v>2991922</v>
      </c>
      <c r="NT9" s="139">
        <v>4923441</v>
      </c>
      <c r="NU9" s="143">
        <v>8029751</v>
      </c>
      <c r="NV9" s="144">
        <v>8029751</v>
      </c>
      <c r="NW9" s="141">
        <v>0</v>
      </c>
      <c r="NX9" s="139">
        <v>0</v>
      </c>
      <c r="NY9" s="143">
        <v>0</v>
      </c>
      <c r="NZ9" s="147"/>
      <c r="OA9" s="139">
        <v>0</v>
      </c>
      <c r="OB9" s="139">
        <v>600051</v>
      </c>
      <c r="OC9" s="139">
        <v>0</v>
      </c>
      <c r="OD9" s="139">
        <v>2274337</v>
      </c>
      <c r="OE9" s="139">
        <v>3801769</v>
      </c>
      <c r="OF9" s="143">
        <v>6676157</v>
      </c>
      <c r="OG9" s="144">
        <v>6676157</v>
      </c>
      <c r="OH9" s="141">
        <v>21936191</v>
      </c>
      <c r="OI9" s="139">
        <v>38844665</v>
      </c>
      <c r="OJ9" s="140">
        <v>60780856</v>
      </c>
      <c r="OK9" s="142">
        <v>0</v>
      </c>
      <c r="OL9" s="139">
        <v>268163224</v>
      </c>
      <c r="OM9" s="139">
        <v>395866526</v>
      </c>
      <c r="ON9" s="139">
        <v>399516174</v>
      </c>
      <c r="OO9" s="139">
        <v>468380853</v>
      </c>
      <c r="OP9" s="139">
        <v>343193145</v>
      </c>
      <c r="OQ9" s="143">
        <v>1875119922</v>
      </c>
      <c r="OR9" s="145">
        <v>1935900778</v>
      </c>
    </row>
    <row r="10" spans="1:408" ht="20.25" customHeight="1" x14ac:dyDescent="0.2">
      <c r="A10" s="129" t="s">
        <v>5</v>
      </c>
      <c r="B10" s="112">
        <v>9559214</v>
      </c>
      <c r="C10" s="116">
        <v>18592290</v>
      </c>
      <c r="D10" s="115">
        <v>28151504</v>
      </c>
      <c r="E10" s="111">
        <v>0</v>
      </c>
      <c r="F10" s="116">
        <v>82430069</v>
      </c>
      <c r="G10" s="116">
        <v>149845077</v>
      </c>
      <c r="H10" s="116">
        <v>111128852</v>
      </c>
      <c r="I10" s="116">
        <v>115852112</v>
      </c>
      <c r="J10" s="116">
        <v>89195710</v>
      </c>
      <c r="K10" s="111">
        <v>548451820</v>
      </c>
      <c r="L10" s="118">
        <v>576603324</v>
      </c>
      <c r="M10" s="112">
        <v>2974526</v>
      </c>
      <c r="N10" s="116">
        <v>7379014</v>
      </c>
      <c r="O10" s="115">
        <v>10353540</v>
      </c>
      <c r="P10" s="112">
        <v>0</v>
      </c>
      <c r="Q10" s="116">
        <v>27009779</v>
      </c>
      <c r="R10" s="116">
        <v>53837504</v>
      </c>
      <c r="S10" s="116">
        <v>35040207</v>
      </c>
      <c r="T10" s="116">
        <v>42196230</v>
      </c>
      <c r="U10" s="116">
        <v>41106013</v>
      </c>
      <c r="V10" s="115">
        <v>199189733</v>
      </c>
      <c r="W10" s="118">
        <v>209543273</v>
      </c>
      <c r="X10" s="112">
        <v>0</v>
      </c>
      <c r="Y10" s="116">
        <v>0</v>
      </c>
      <c r="Z10" s="115">
        <v>0</v>
      </c>
      <c r="AA10" s="112">
        <v>0</v>
      </c>
      <c r="AB10" s="116">
        <v>11437845</v>
      </c>
      <c r="AC10" s="116">
        <v>22707737</v>
      </c>
      <c r="AD10" s="116">
        <v>15801343</v>
      </c>
      <c r="AE10" s="116">
        <v>19616797</v>
      </c>
      <c r="AF10" s="116">
        <v>21906207</v>
      </c>
      <c r="AG10" s="115">
        <v>91469929</v>
      </c>
      <c r="AH10" s="118">
        <v>91469929</v>
      </c>
      <c r="AI10" s="112">
        <v>7527</v>
      </c>
      <c r="AJ10" s="116">
        <v>28465</v>
      </c>
      <c r="AK10" s="115">
        <v>35992</v>
      </c>
      <c r="AL10" s="112">
        <v>0</v>
      </c>
      <c r="AM10" s="116">
        <v>87530</v>
      </c>
      <c r="AN10" s="116">
        <v>562448</v>
      </c>
      <c r="AO10" s="116">
        <v>878242</v>
      </c>
      <c r="AP10" s="116">
        <v>2780828</v>
      </c>
      <c r="AQ10" s="116">
        <v>4536398</v>
      </c>
      <c r="AR10" s="115">
        <v>8845446</v>
      </c>
      <c r="AS10" s="118">
        <v>8881438</v>
      </c>
      <c r="AT10" s="112">
        <v>1577591</v>
      </c>
      <c r="AU10" s="116">
        <v>4939160</v>
      </c>
      <c r="AV10" s="115">
        <v>6516751</v>
      </c>
      <c r="AW10" s="112">
        <v>0</v>
      </c>
      <c r="AX10" s="116">
        <v>9892803</v>
      </c>
      <c r="AY10" s="116">
        <v>21032299</v>
      </c>
      <c r="AZ10" s="116">
        <v>11245821</v>
      </c>
      <c r="BA10" s="116">
        <v>11951764</v>
      </c>
      <c r="BB10" s="116">
        <v>9332412</v>
      </c>
      <c r="BC10" s="115">
        <v>63455099</v>
      </c>
      <c r="BD10" s="118">
        <v>69971850</v>
      </c>
      <c r="BE10" s="112">
        <v>193941</v>
      </c>
      <c r="BF10" s="116">
        <v>816411</v>
      </c>
      <c r="BG10" s="114">
        <v>1010352</v>
      </c>
      <c r="BH10" s="113">
        <v>0</v>
      </c>
      <c r="BI10" s="116">
        <v>507977</v>
      </c>
      <c r="BJ10" s="116">
        <v>2013195</v>
      </c>
      <c r="BK10" s="116">
        <v>971874</v>
      </c>
      <c r="BL10" s="116">
        <v>1467622</v>
      </c>
      <c r="BM10" s="116">
        <v>529465</v>
      </c>
      <c r="BN10" s="115">
        <v>5490133</v>
      </c>
      <c r="BO10" s="118">
        <v>6500485</v>
      </c>
      <c r="BP10" s="112">
        <v>1195467</v>
      </c>
      <c r="BQ10" s="116">
        <v>1594978</v>
      </c>
      <c r="BR10" s="115">
        <v>2790445</v>
      </c>
      <c r="BS10" s="112">
        <v>0</v>
      </c>
      <c r="BT10" s="116">
        <v>5083624</v>
      </c>
      <c r="BU10" s="116">
        <v>7521825</v>
      </c>
      <c r="BV10" s="116">
        <v>6142927</v>
      </c>
      <c r="BW10" s="116">
        <v>6379219</v>
      </c>
      <c r="BX10" s="116">
        <v>4801531</v>
      </c>
      <c r="BY10" s="115">
        <v>29929126</v>
      </c>
      <c r="BZ10" s="118">
        <v>32719571</v>
      </c>
      <c r="CA10" s="112">
        <v>1083760</v>
      </c>
      <c r="CB10" s="116">
        <v>2170242</v>
      </c>
      <c r="CC10" s="115">
        <v>3254002</v>
      </c>
      <c r="CD10" s="112">
        <v>0</v>
      </c>
      <c r="CE10" s="116">
        <v>18306589</v>
      </c>
      <c r="CF10" s="116">
        <v>32241013</v>
      </c>
      <c r="CG10" s="116">
        <v>19646241</v>
      </c>
      <c r="CH10" s="116">
        <v>12462090</v>
      </c>
      <c r="CI10" s="116">
        <v>6013066</v>
      </c>
      <c r="CJ10" s="115">
        <v>88668999</v>
      </c>
      <c r="CK10" s="118">
        <v>91923001</v>
      </c>
      <c r="CL10" s="112">
        <v>0</v>
      </c>
      <c r="CM10" s="116">
        <v>0</v>
      </c>
      <c r="CN10" s="115">
        <v>0</v>
      </c>
      <c r="CO10" s="113">
        <v>0</v>
      </c>
      <c r="CP10" s="116">
        <v>14852704</v>
      </c>
      <c r="CQ10" s="116">
        <v>21729759</v>
      </c>
      <c r="CR10" s="116">
        <v>12268483</v>
      </c>
      <c r="CS10" s="116">
        <v>8025688</v>
      </c>
      <c r="CT10" s="116">
        <v>3711020</v>
      </c>
      <c r="CU10" s="115">
        <v>60587654</v>
      </c>
      <c r="CV10" s="118">
        <v>60587654</v>
      </c>
      <c r="CW10" s="112">
        <v>1083760</v>
      </c>
      <c r="CX10" s="116">
        <v>2170242</v>
      </c>
      <c r="CY10" s="115">
        <v>3254002</v>
      </c>
      <c r="CZ10" s="112">
        <v>0</v>
      </c>
      <c r="DA10" s="116">
        <v>3453885</v>
      </c>
      <c r="DB10" s="116">
        <v>10511254</v>
      </c>
      <c r="DC10" s="116">
        <v>7377758</v>
      </c>
      <c r="DD10" s="116">
        <v>4436402</v>
      </c>
      <c r="DE10" s="116">
        <v>2302046</v>
      </c>
      <c r="DF10" s="115">
        <v>28081345</v>
      </c>
      <c r="DG10" s="118">
        <v>31335347</v>
      </c>
      <c r="DH10" s="112">
        <v>21590</v>
      </c>
      <c r="DI10" s="116">
        <v>477759</v>
      </c>
      <c r="DJ10" s="114">
        <v>499349</v>
      </c>
      <c r="DK10" s="113">
        <v>0</v>
      </c>
      <c r="DL10" s="116">
        <v>2228052</v>
      </c>
      <c r="DM10" s="116">
        <v>6307760</v>
      </c>
      <c r="DN10" s="116">
        <v>8017987</v>
      </c>
      <c r="DO10" s="116">
        <v>9120777</v>
      </c>
      <c r="DP10" s="116">
        <v>3655451</v>
      </c>
      <c r="DQ10" s="115">
        <v>29330027</v>
      </c>
      <c r="DR10" s="118">
        <v>29829376</v>
      </c>
      <c r="DS10" s="112">
        <v>21590</v>
      </c>
      <c r="DT10" s="116">
        <v>263051</v>
      </c>
      <c r="DU10" s="115">
        <v>284641</v>
      </c>
      <c r="DV10" s="112">
        <v>0</v>
      </c>
      <c r="DW10" s="116">
        <v>1882211</v>
      </c>
      <c r="DX10" s="116">
        <v>5539852</v>
      </c>
      <c r="DY10" s="116">
        <v>6622983</v>
      </c>
      <c r="DZ10" s="116">
        <v>7169989</v>
      </c>
      <c r="EA10" s="116">
        <v>2235058</v>
      </c>
      <c r="EB10" s="115">
        <v>23450093</v>
      </c>
      <c r="EC10" s="118">
        <v>23734734</v>
      </c>
      <c r="ED10" s="112">
        <v>0</v>
      </c>
      <c r="EE10" s="114">
        <v>214708</v>
      </c>
      <c r="EF10" s="115">
        <v>214708</v>
      </c>
      <c r="EG10" s="112">
        <v>0</v>
      </c>
      <c r="EH10" s="116">
        <v>345841</v>
      </c>
      <c r="EI10" s="116">
        <v>767908</v>
      </c>
      <c r="EJ10" s="116">
        <v>1395004</v>
      </c>
      <c r="EK10" s="116">
        <v>1950788</v>
      </c>
      <c r="EL10" s="116">
        <v>1420393</v>
      </c>
      <c r="EM10" s="114">
        <v>5879934</v>
      </c>
      <c r="EN10" s="118">
        <v>6094642</v>
      </c>
      <c r="EO10" s="112">
        <v>0</v>
      </c>
      <c r="EP10" s="116">
        <v>0</v>
      </c>
      <c r="EQ10" s="114">
        <v>0</v>
      </c>
      <c r="ER10" s="113">
        <v>0</v>
      </c>
      <c r="ES10" s="116">
        <v>0</v>
      </c>
      <c r="ET10" s="116">
        <v>0</v>
      </c>
      <c r="EU10" s="116">
        <v>0</v>
      </c>
      <c r="EV10" s="116">
        <v>0</v>
      </c>
      <c r="EW10" s="116">
        <v>0</v>
      </c>
      <c r="EX10" s="115">
        <v>0</v>
      </c>
      <c r="EY10" s="118">
        <v>0</v>
      </c>
      <c r="EZ10" s="112">
        <v>0</v>
      </c>
      <c r="FA10" s="116">
        <v>0</v>
      </c>
      <c r="FB10" s="114">
        <v>0</v>
      </c>
      <c r="FC10" s="390"/>
      <c r="FD10" s="116">
        <v>0</v>
      </c>
      <c r="FE10" s="116">
        <v>0</v>
      </c>
      <c r="FF10" s="116">
        <v>0</v>
      </c>
      <c r="FG10" s="116">
        <v>0</v>
      </c>
      <c r="FH10" s="116">
        <v>0</v>
      </c>
      <c r="FI10" s="115">
        <v>0</v>
      </c>
      <c r="FJ10" s="118">
        <v>0</v>
      </c>
      <c r="FK10" s="112">
        <v>1262047</v>
      </c>
      <c r="FL10" s="116">
        <v>2622201</v>
      </c>
      <c r="FM10" s="115">
        <v>3884248</v>
      </c>
      <c r="FN10" s="112">
        <v>0</v>
      </c>
      <c r="FO10" s="116">
        <v>3155828</v>
      </c>
      <c r="FP10" s="116">
        <v>12986404</v>
      </c>
      <c r="FQ10" s="116">
        <v>7912794</v>
      </c>
      <c r="FR10" s="116">
        <v>8471443</v>
      </c>
      <c r="FS10" s="116">
        <v>6341877</v>
      </c>
      <c r="FT10" s="115">
        <v>38868346</v>
      </c>
      <c r="FU10" s="118">
        <v>42752594</v>
      </c>
      <c r="FV10" s="117">
        <v>775306</v>
      </c>
      <c r="FW10" s="116">
        <v>2349186</v>
      </c>
      <c r="FX10" s="114">
        <v>3124492</v>
      </c>
      <c r="FY10" s="113">
        <v>0</v>
      </c>
      <c r="FZ10" s="116">
        <v>2521864</v>
      </c>
      <c r="GA10" s="116">
        <v>12069252</v>
      </c>
      <c r="GB10" s="116">
        <v>7707460</v>
      </c>
      <c r="GC10" s="116">
        <v>8154683</v>
      </c>
      <c r="GD10" s="116">
        <v>6139007</v>
      </c>
      <c r="GE10" s="115">
        <v>36592266</v>
      </c>
      <c r="GF10" s="354">
        <v>39716758</v>
      </c>
      <c r="GG10" s="117">
        <v>46816</v>
      </c>
      <c r="GH10" s="116">
        <v>119190</v>
      </c>
      <c r="GI10" s="114">
        <v>166006</v>
      </c>
      <c r="GJ10" s="113">
        <v>0</v>
      </c>
      <c r="GK10" s="116">
        <v>167904</v>
      </c>
      <c r="GL10" s="116">
        <v>215332</v>
      </c>
      <c r="GM10" s="116">
        <v>46084</v>
      </c>
      <c r="GN10" s="116">
        <v>136370</v>
      </c>
      <c r="GO10" s="116">
        <v>62870</v>
      </c>
      <c r="GP10" s="115">
        <v>628560</v>
      </c>
      <c r="GQ10" s="118">
        <v>794566</v>
      </c>
      <c r="GR10" s="112">
        <v>439925</v>
      </c>
      <c r="GS10" s="116">
        <v>153825</v>
      </c>
      <c r="GT10" s="115">
        <v>593750</v>
      </c>
      <c r="GU10" s="112">
        <v>0</v>
      </c>
      <c r="GV10" s="116">
        <v>466060</v>
      </c>
      <c r="GW10" s="116">
        <v>701820</v>
      </c>
      <c r="GX10" s="116">
        <v>159250</v>
      </c>
      <c r="GY10" s="116">
        <v>180390</v>
      </c>
      <c r="GZ10" s="116">
        <v>140000</v>
      </c>
      <c r="HA10" s="114">
        <v>1647520</v>
      </c>
      <c r="HB10" s="118">
        <v>2241270</v>
      </c>
      <c r="HC10" s="112">
        <v>4217291</v>
      </c>
      <c r="HD10" s="116">
        <v>5943074</v>
      </c>
      <c r="HE10" s="114">
        <v>10160365</v>
      </c>
      <c r="HF10" s="113">
        <v>0</v>
      </c>
      <c r="HG10" s="116">
        <v>31729821</v>
      </c>
      <c r="HH10" s="116">
        <v>44472396</v>
      </c>
      <c r="HI10" s="116">
        <v>40511623</v>
      </c>
      <c r="HJ10" s="116">
        <v>43601572</v>
      </c>
      <c r="HK10" s="116">
        <v>32079303</v>
      </c>
      <c r="HL10" s="115">
        <v>192394715</v>
      </c>
      <c r="HM10" s="111">
        <v>202555080</v>
      </c>
      <c r="HN10" s="370"/>
      <c r="HO10" s="371"/>
      <c r="HP10" s="372"/>
      <c r="HQ10" s="373"/>
      <c r="HR10" s="371"/>
      <c r="HS10" s="371"/>
      <c r="HT10" s="371"/>
      <c r="HU10" s="371"/>
      <c r="HV10" s="371"/>
      <c r="HW10" s="374"/>
      <c r="HX10" s="375"/>
      <c r="HY10" s="148">
        <v>295969</v>
      </c>
      <c r="HZ10" s="149">
        <v>259382</v>
      </c>
      <c r="IA10" s="150">
        <v>555351</v>
      </c>
      <c r="IB10" s="151">
        <v>0</v>
      </c>
      <c r="IC10" s="152">
        <v>17949404</v>
      </c>
      <c r="ID10" s="153">
        <v>27507258</v>
      </c>
      <c r="IE10" s="154">
        <v>30371131</v>
      </c>
      <c r="IF10" s="152">
        <v>22054933</v>
      </c>
      <c r="IG10" s="154">
        <v>16148617</v>
      </c>
      <c r="IH10" s="155">
        <v>114031343</v>
      </c>
      <c r="II10" s="156">
        <v>114586694</v>
      </c>
      <c r="IJ10" s="261">
        <v>0</v>
      </c>
      <c r="IK10" s="268">
        <v>0</v>
      </c>
      <c r="IL10" s="269">
        <v>0</v>
      </c>
      <c r="IM10" s="157"/>
      <c r="IN10" s="122">
        <v>667954</v>
      </c>
      <c r="IO10" s="122">
        <v>2178288</v>
      </c>
      <c r="IP10" s="122">
        <v>1291454</v>
      </c>
      <c r="IQ10" s="122">
        <v>1355280</v>
      </c>
      <c r="IR10" s="122">
        <v>976924</v>
      </c>
      <c r="IS10" s="158">
        <v>6469900</v>
      </c>
      <c r="IT10" s="357">
        <v>6469900</v>
      </c>
      <c r="IU10" s="159">
        <v>0</v>
      </c>
      <c r="IV10" s="122">
        <v>0</v>
      </c>
      <c r="IW10" s="123">
        <v>0</v>
      </c>
      <c r="IX10" s="161"/>
      <c r="IY10" s="122">
        <v>116844</v>
      </c>
      <c r="IZ10" s="122">
        <v>253331</v>
      </c>
      <c r="JA10" s="122">
        <v>695849</v>
      </c>
      <c r="JB10" s="122">
        <v>965048</v>
      </c>
      <c r="JC10" s="122">
        <v>831756</v>
      </c>
      <c r="JD10" s="123">
        <v>2862828</v>
      </c>
      <c r="JE10" s="124">
        <v>2862828</v>
      </c>
      <c r="JF10" s="159">
        <v>0</v>
      </c>
      <c r="JG10" s="122">
        <v>0</v>
      </c>
      <c r="JH10" s="158">
        <v>0</v>
      </c>
      <c r="JI10" s="121">
        <v>0</v>
      </c>
      <c r="JJ10" s="122">
        <v>8224625</v>
      </c>
      <c r="JK10" s="122">
        <v>10333008</v>
      </c>
      <c r="JL10" s="122">
        <v>6421380</v>
      </c>
      <c r="JM10" s="122">
        <v>4436446</v>
      </c>
      <c r="JN10" s="122">
        <v>1622528</v>
      </c>
      <c r="JO10" s="123">
        <v>31037987</v>
      </c>
      <c r="JP10" s="357">
        <v>31037987</v>
      </c>
      <c r="JQ10" s="159">
        <v>0</v>
      </c>
      <c r="JR10" s="122">
        <v>0</v>
      </c>
      <c r="JS10" s="158">
        <v>0</v>
      </c>
      <c r="JT10" s="121">
        <v>0</v>
      </c>
      <c r="JU10" s="122">
        <v>1111635</v>
      </c>
      <c r="JV10" s="122">
        <v>3212704</v>
      </c>
      <c r="JW10" s="122">
        <v>2799978</v>
      </c>
      <c r="JX10" s="122">
        <v>1149995</v>
      </c>
      <c r="JY10" s="122">
        <v>2641282</v>
      </c>
      <c r="JZ10" s="123">
        <v>10915594</v>
      </c>
      <c r="KA10" s="357">
        <v>10915594</v>
      </c>
      <c r="KB10" s="264">
        <v>295969</v>
      </c>
      <c r="KC10" s="258">
        <v>259382</v>
      </c>
      <c r="KD10" s="123">
        <v>555351</v>
      </c>
      <c r="KE10" s="121">
        <v>0</v>
      </c>
      <c r="KF10" s="122">
        <v>3282657</v>
      </c>
      <c r="KG10" s="122">
        <v>2639212</v>
      </c>
      <c r="KH10" s="122">
        <v>5272860</v>
      </c>
      <c r="KI10" s="122">
        <v>3998865</v>
      </c>
      <c r="KJ10" s="122">
        <v>2948708</v>
      </c>
      <c r="KK10" s="123">
        <v>18142302</v>
      </c>
      <c r="KL10" s="160">
        <v>18697653</v>
      </c>
      <c r="KM10" s="261">
        <v>0</v>
      </c>
      <c r="KN10" s="268">
        <v>0</v>
      </c>
      <c r="KO10" s="269">
        <v>0</v>
      </c>
      <c r="KP10" s="157"/>
      <c r="KQ10" s="122">
        <v>4419988</v>
      </c>
      <c r="KR10" s="122">
        <v>7943205</v>
      </c>
      <c r="KS10" s="122">
        <v>12422314</v>
      </c>
      <c r="KT10" s="122">
        <v>6776035</v>
      </c>
      <c r="KU10" s="122">
        <v>3702621</v>
      </c>
      <c r="KV10" s="123">
        <v>35264163</v>
      </c>
      <c r="KW10" s="357">
        <v>35264163</v>
      </c>
      <c r="KX10" s="159">
        <v>0</v>
      </c>
      <c r="KY10" s="122">
        <v>0</v>
      </c>
      <c r="KZ10" s="123">
        <v>0</v>
      </c>
      <c r="LA10" s="162"/>
      <c r="LB10" s="122">
        <v>0</v>
      </c>
      <c r="LC10" s="122">
        <v>0</v>
      </c>
      <c r="LD10" s="122">
        <v>0</v>
      </c>
      <c r="LE10" s="122">
        <v>0</v>
      </c>
      <c r="LF10" s="122">
        <v>0</v>
      </c>
      <c r="LG10" s="123">
        <v>0</v>
      </c>
      <c r="LH10" s="124">
        <v>0</v>
      </c>
      <c r="LI10" s="159">
        <v>0</v>
      </c>
      <c r="LJ10" s="122">
        <v>0</v>
      </c>
      <c r="LK10" s="123">
        <v>0</v>
      </c>
      <c r="LL10" s="162"/>
      <c r="LM10" s="122">
        <v>0</v>
      </c>
      <c r="LN10" s="122">
        <v>0</v>
      </c>
      <c r="LO10" s="122">
        <v>212115</v>
      </c>
      <c r="LP10" s="122">
        <v>440558</v>
      </c>
      <c r="LQ10" s="122">
        <v>0</v>
      </c>
      <c r="LR10" s="123">
        <v>652673</v>
      </c>
      <c r="LS10" s="357">
        <v>652673</v>
      </c>
      <c r="LT10" s="159">
        <v>0</v>
      </c>
      <c r="LU10" s="122">
        <v>0</v>
      </c>
      <c r="LV10" s="123">
        <v>0</v>
      </c>
      <c r="LW10" s="162"/>
      <c r="LX10" s="122">
        <v>125701</v>
      </c>
      <c r="LY10" s="122">
        <v>947510</v>
      </c>
      <c r="LZ10" s="122">
        <v>1255181</v>
      </c>
      <c r="MA10" s="122">
        <v>2932706</v>
      </c>
      <c r="MB10" s="122">
        <v>3424798</v>
      </c>
      <c r="MC10" s="123">
        <v>8685896</v>
      </c>
      <c r="MD10" s="124">
        <v>8685896</v>
      </c>
      <c r="ME10" s="159">
        <v>0</v>
      </c>
      <c r="MF10" s="122">
        <v>0</v>
      </c>
      <c r="MG10" s="123">
        <v>0</v>
      </c>
      <c r="MH10" s="162"/>
      <c r="MI10" s="122">
        <v>4994203</v>
      </c>
      <c r="MJ10" s="122">
        <v>19649077</v>
      </c>
      <c r="MK10" s="122">
        <v>41305964</v>
      </c>
      <c r="ML10" s="122">
        <v>68714158</v>
      </c>
      <c r="MM10" s="122">
        <v>51079483</v>
      </c>
      <c r="MN10" s="123">
        <v>185742885</v>
      </c>
      <c r="MO10" s="160">
        <v>185742885</v>
      </c>
      <c r="MP10" s="159">
        <v>0</v>
      </c>
      <c r="MQ10" s="122">
        <v>0</v>
      </c>
      <c r="MR10" s="123">
        <v>0</v>
      </c>
      <c r="MS10" s="162"/>
      <c r="MT10" s="122">
        <v>442449</v>
      </c>
      <c r="MU10" s="122">
        <v>3861510</v>
      </c>
      <c r="MV10" s="122">
        <v>20882356</v>
      </c>
      <c r="MW10" s="122">
        <v>37361843</v>
      </c>
      <c r="MX10" s="122">
        <v>31327765</v>
      </c>
      <c r="MY10" s="123">
        <v>93875923</v>
      </c>
      <c r="MZ10" s="160">
        <v>93875923</v>
      </c>
      <c r="NA10" s="159">
        <v>0</v>
      </c>
      <c r="NB10" s="122">
        <v>0</v>
      </c>
      <c r="NC10" s="123">
        <v>0</v>
      </c>
      <c r="ND10" s="162"/>
      <c r="NE10" s="122">
        <v>4551754</v>
      </c>
      <c r="NF10" s="122">
        <v>15375889</v>
      </c>
      <c r="NG10" s="122">
        <v>20309220</v>
      </c>
      <c r="NH10" s="122">
        <v>29195800</v>
      </c>
      <c r="NI10" s="122">
        <v>16778902</v>
      </c>
      <c r="NJ10" s="123">
        <v>86211565</v>
      </c>
      <c r="NK10" s="357">
        <v>86211565</v>
      </c>
      <c r="NL10" s="159">
        <v>0</v>
      </c>
      <c r="NM10" s="122">
        <v>0</v>
      </c>
      <c r="NN10" s="123">
        <v>0</v>
      </c>
      <c r="NO10" s="162"/>
      <c r="NP10" s="122">
        <v>0</v>
      </c>
      <c r="NQ10" s="122">
        <v>0</v>
      </c>
      <c r="NR10" s="122">
        <v>114388</v>
      </c>
      <c r="NS10" s="122">
        <v>1024869</v>
      </c>
      <c r="NT10" s="122">
        <v>1275665</v>
      </c>
      <c r="NU10" s="123">
        <v>2414922</v>
      </c>
      <c r="NV10" s="124">
        <v>2414922</v>
      </c>
      <c r="NW10" s="159">
        <v>0</v>
      </c>
      <c r="NX10" s="122">
        <v>0</v>
      </c>
      <c r="NY10" s="123">
        <v>0</v>
      </c>
      <c r="NZ10" s="162"/>
      <c r="OA10" s="122">
        <v>0</v>
      </c>
      <c r="OB10" s="122">
        <v>411678</v>
      </c>
      <c r="OC10" s="122">
        <v>0</v>
      </c>
      <c r="OD10" s="122">
        <v>1131646</v>
      </c>
      <c r="OE10" s="122">
        <v>1697151</v>
      </c>
      <c r="OF10" s="123">
        <v>3240475</v>
      </c>
      <c r="OG10" s="124">
        <v>3240475</v>
      </c>
      <c r="OH10" s="159">
        <v>9855183</v>
      </c>
      <c r="OI10" s="122">
        <v>18851672</v>
      </c>
      <c r="OJ10" s="158">
        <v>28706855</v>
      </c>
      <c r="OK10" s="121">
        <v>0</v>
      </c>
      <c r="OL10" s="122">
        <v>105373676</v>
      </c>
      <c r="OM10" s="122">
        <v>197001412</v>
      </c>
      <c r="ON10" s="122">
        <v>182805947</v>
      </c>
      <c r="OO10" s="122">
        <v>206621203</v>
      </c>
      <c r="OP10" s="122">
        <v>156423810</v>
      </c>
      <c r="OQ10" s="123">
        <v>848226048</v>
      </c>
      <c r="OR10" s="160">
        <v>876932903</v>
      </c>
    </row>
    <row r="11" spans="1:408" ht="20.25" customHeight="1" x14ac:dyDescent="0.2">
      <c r="A11" s="129" t="s">
        <v>6</v>
      </c>
      <c r="B11" s="112">
        <v>2715795</v>
      </c>
      <c r="C11" s="116">
        <v>4939060</v>
      </c>
      <c r="D11" s="115">
        <v>7654855</v>
      </c>
      <c r="E11" s="111">
        <v>0</v>
      </c>
      <c r="F11" s="116">
        <v>39372168</v>
      </c>
      <c r="G11" s="116">
        <v>42922264</v>
      </c>
      <c r="H11" s="116">
        <v>38318226</v>
      </c>
      <c r="I11" s="116">
        <v>47874341</v>
      </c>
      <c r="J11" s="116">
        <v>34960415</v>
      </c>
      <c r="K11" s="111">
        <v>203447414</v>
      </c>
      <c r="L11" s="118">
        <v>211102269</v>
      </c>
      <c r="M11" s="112">
        <v>917809</v>
      </c>
      <c r="N11" s="116">
        <v>2009414</v>
      </c>
      <c r="O11" s="115">
        <v>2927223</v>
      </c>
      <c r="P11" s="112">
        <v>0</v>
      </c>
      <c r="Q11" s="116">
        <v>14318239</v>
      </c>
      <c r="R11" s="116">
        <v>16944909</v>
      </c>
      <c r="S11" s="116">
        <v>13815029</v>
      </c>
      <c r="T11" s="116">
        <v>17400689</v>
      </c>
      <c r="U11" s="116">
        <v>15022631</v>
      </c>
      <c r="V11" s="115">
        <v>77501497</v>
      </c>
      <c r="W11" s="118">
        <v>80428720</v>
      </c>
      <c r="X11" s="112">
        <v>0</v>
      </c>
      <c r="Y11" s="116">
        <v>0</v>
      </c>
      <c r="Z11" s="115">
        <v>0</v>
      </c>
      <c r="AA11" s="112">
        <v>0</v>
      </c>
      <c r="AB11" s="116">
        <v>5584171</v>
      </c>
      <c r="AC11" s="116">
        <v>7959039</v>
      </c>
      <c r="AD11" s="116">
        <v>6584603</v>
      </c>
      <c r="AE11" s="116">
        <v>9716606</v>
      </c>
      <c r="AF11" s="116">
        <v>7834788</v>
      </c>
      <c r="AG11" s="115">
        <v>37679207</v>
      </c>
      <c r="AH11" s="118">
        <v>37679207</v>
      </c>
      <c r="AI11" s="112">
        <v>0</v>
      </c>
      <c r="AJ11" s="116">
        <v>42695</v>
      </c>
      <c r="AK11" s="115">
        <v>42695</v>
      </c>
      <c r="AL11" s="112">
        <v>0</v>
      </c>
      <c r="AM11" s="116">
        <v>0</v>
      </c>
      <c r="AN11" s="116">
        <v>275285</v>
      </c>
      <c r="AO11" s="116">
        <v>399901</v>
      </c>
      <c r="AP11" s="116">
        <v>944036</v>
      </c>
      <c r="AQ11" s="116">
        <v>1689656</v>
      </c>
      <c r="AR11" s="115">
        <v>3308878</v>
      </c>
      <c r="AS11" s="118">
        <v>3351573</v>
      </c>
      <c r="AT11" s="112">
        <v>501645</v>
      </c>
      <c r="AU11" s="116">
        <v>1309848</v>
      </c>
      <c r="AV11" s="115">
        <v>1811493</v>
      </c>
      <c r="AW11" s="112">
        <v>0</v>
      </c>
      <c r="AX11" s="116">
        <v>5794849</v>
      </c>
      <c r="AY11" s="116">
        <v>5658055</v>
      </c>
      <c r="AZ11" s="116">
        <v>4080982</v>
      </c>
      <c r="BA11" s="116">
        <v>3619578</v>
      </c>
      <c r="BB11" s="116">
        <v>3152351</v>
      </c>
      <c r="BC11" s="115">
        <v>22305815</v>
      </c>
      <c r="BD11" s="118">
        <v>24117308</v>
      </c>
      <c r="BE11" s="112">
        <v>0</v>
      </c>
      <c r="BF11" s="116">
        <v>98943</v>
      </c>
      <c r="BG11" s="114">
        <v>98943</v>
      </c>
      <c r="BH11" s="113">
        <v>0</v>
      </c>
      <c r="BI11" s="116">
        <v>545716</v>
      </c>
      <c r="BJ11" s="116">
        <v>435180</v>
      </c>
      <c r="BK11" s="116">
        <v>337595</v>
      </c>
      <c r="BL11" s="116">
        <v>385933</v>
      </c>
      <c r="BM11" s="116">
        <v>103071</v>
      </c>
      <c r="BN11" s="115">
        <v>1807495</v>
      </c>
      <c r="BO11" s="118">
        <v>1906438</v>
      </c>
      <c r="BP11" s="112">
        <v>416164</v>
      </c>
      <c r="BQ11" s="116">
        <v>557928</v>
      </c>
      <c r="BR11" s="115">
        <v>974092</v>
      </c>
      <c r="BS11" s="112">
        <v>0</v>
      </c>
      <c r="BT11" s="116">
        <v>2393503</v>
      </c>
      <c r="BU11" s="116">
        <v>2617350</v>
      </c>
      <c r="BV11" s="116">
        <v>2411948</v>
      </c>
      <c r="BW11" s="116">
        <v>2734536</v>
      </c>
      <c r="BX11" s="116">
        <v>2242765</v>
      </c>
      <c r="BY11" s="115">
        <v>12400102</v>
      </c>
      <c r="BZ11" s="118">
        <v>13374194</v>
      </c>
      <c r="CA11" s="112">
        <v>74763</v>
      </c>
      <c r="CB11" s="116">
        <v>310187</v>
      </c>
      <c r="CC11" s="115">
        <v>384950</v>
      </c>
      <c r="CD11" s="112">
        <v>0</v>
      </c>
      <c r="CE11" s="116">
        <v>9655845</v>
      </c>
      <c r="CF11" s="116">
        <v>8796997</v>
      </c>
      <c r="CG11" s="116">
        <v>6520380</v>
      </c>
      <c r="CH11" s="116">
        <v>6225918</v>
      </c>
      <c r="CI11" s="116">
        <v>2544723</v>
      </c>
      <c r="CJ11" s="115">
        <v>33743863</v>
      </c>
      <c r="CK11" s="118">
        <v>34128813</v>
      </c>
      <c r="CL11" s="112">
        <v>0</v>
      </c>
      <c r="CM11" s="116">
        <v>0</v>
      </c>
      <c r="CN11" s="115">
        <v>0</v>
      </c>
      <c r="CO11" s="113">
        <v>0</v>
      </c>
      <c r="CP11" s="116">
        <v>8057983</v>
      </c>
      <c r="CQ11" s="116">
        <v>6594201</v>
      </c>
      <c r="CR11" s="116">
        <v>4963509</v>
      </c>
      <c r="CS11" s="116">
        <v>4228665</v>
      </c>
      <c r="CT11" s="116">
        <v>2114271</v>
      </c>
      <c r="CU11" s="115">
        <v>25958629</v>
      </c>
      <c r="CV11" s="118">
        <v>25958629</v>
      </c>
      <c r="CW11" s="112">
        <v>74763</v>
      </c>
      <c r="CX11" s="116">
        <v>310187</v>
      </c>
      <c r="CY11" s="115">
        <v>384950</v>
      </c>
      <c r="CZ11" s="112">
        <v>0</v>
      </c>
      <c r="DA11" s="116">
        <v>1597862</v>
      </c>
      <c r="DB11" s="116">
        <v>2202796</v>
      </c>
      <c r="DC11" s="116">
        <v>1556871</v>
      </c>
      <c r="DD11" s="116">
        <v>1997253</v>
      </c>
      <c r="DE11" s="116">
        <v>430452</v>
      </c>
      <c r="DF11" s="115">
        <v>7785234</v>
      </c>
      <c r="DG11" s="118">
        <v>8170184</v>
      </c>
      <c r="DH11" s="112">
        <v>0</v>
      </c>
      <c r="DI11" s="116">
        <v>88703</v>
      </c>
      <c r="DJ11" s="114">
        <v>88703</v>
      </c>
      <c r="DK11" s="113">
        <v>0</v>
      </c>
      <c r="DL11" s="116">
        <v>747659</v>
      </c>
      <c r="DM11" s="116">
        <v>654976</v>
      </c>
      <c r="DN11" s="116">
        <v>1929823</v>
      </c>
      <c r="DO11" s="116">
        <v>1779503</v>
      </c>
      <c r="DP11" s="116">
        <v>1099960</v>
      </c>
      <c r="DQ11" s="115">
        <v>6211921</v>
      </c>
      <c r="DR11" s="118">
        <v>6300624</v>
      </c>
      <c r="DS11" s="112">
        <v>0</v>
      </c>
      <c r="DT11" s="116">
        <v>88703</v>
      </c>
      <c r="DU11" s="115">
        <v>88703</v>
      </c>
      <c r="DV11" s="112">
        <v>0</v>
      </c>
      <c r="DW11" s="116">
        <v>717959</v>
      </c>
      <c r="DX11" s="116">
        <v>470772</v>
      </c>
      <c r="DY11" s="116">
        <v>1539780</v>
      </c>
      <c r="DZ11" s="116">
        <v>1355763</v>
      </c>
      <c r="EA11" s="116">
        <v>1099960</v>
      </c>
      <c r="EB11" s="115">
        <v>5184234</v>
      </c>
      <c r="EC11" s="118">
        <v>5272937</v>
      </c>
      <c r="ED11" s="112">
        <v>0</v>
      </c>
      <c r="EE11" s="114">
        <v>0</v>
      </c>
      <c r="EF11" s="115">
        <v>0</v>
      </c>
      <c r="EG11" s="112">
        <v>0</v>
      </c>
      <c r="EH11" s="116">
        <v>29700</v>
      </c>
      <c r="EI11" s="116">
        <v>184204</v>
      </c>
      <c r="EJ11" s="116">
        <v>390043</v>
      </c>
      <c r="EK11" s="116">
        <v>423740</v>
      </c>
      <c r="EL11" s="116">
        <v>0</v>
      </c>
      <c r="EM11" s="114">
        <v>1027687</v>
      </c>
      <c r="EN11" s="118">
        <v>1027687</v>
      </c>
      <c r="EO11" s="112">
        <v>0</v>
      </c>
      <c r="EP11" s="116">
        <v>0</v>
      </c>
      <c r="EQ11" s="114">
        <v>0</v>
      </c>
      <c r="ER11" s="113">
        <v>0</v>
      </c>
      <c r="ES11" s="116">
        <v>0</v>
      </c>
      <c r="ET11" s="116">
        <v>0</v>
      </c>
      <c r="EU11" s="116">
        <v>0</v>
      </c>
      <c r="EV11" s="116">
        <v>0</v>
      </c>
      <c r="EW11" s="116">
        <v>0</v>
      </c>
      <c r="EX11" s="115">
        <v>0</v>
      </c>
      <c r="EY11" s="118">
        <v>0</v>
      </c>
      <c r="EZ11" s="112">
        <v>0</v>
      </c>
      <c r="FA11" s="116">
        <v>0</v>
      </c>
      <c r="FB11" s="114">
        <v>0</v>
      </c>
      <c r="FC11" s="390"/>
      <c r="FD11" s="116">
        <v>0</v>
      </c>
      <c r="FE11" s="116">
        <v>0</v>
      </c>
      <c r="FF11" s="116">
        <v>0</v>
      </c>
      <c r="FG11" s="116">
        <v>0</v>
      </c>
      <c r="FH11" s="116">
        <v>0</v>
      </c>
      <c r="FI11" s="115">
        <v>0</v>
      </c>
      <c r="FJ11" s="118">
        <v>0</v>
      </c>
      <c r="FK11" s="112">
        <v>362110</v>
      </c>
      <c r="FL11" s="116">
        <v>937356</v>
      </c>
      <c r="FM11" s="115">
        <v>1299466</v>
      </c>
      <c r="FN11" s="112">
        <v>0</v>
      </c>
      <c r="FO11" s="116">
        <v>2550816</v>
      </c>
      <c r="FP11" s="116">
        <v>4086857</v>
      </c>
      <c r="FQ11" s="116">
        <v>3741783</v>
      </c>
      <c r="FR11" s="116">
        <v>4188541</v>
      </c>
      <c r="FS11" s="116">
        <v>2257024</v>
      </c>
      <c r="FT11" s="115">
        <v>16825021</v>
      </c>
      <c r="FU11" s="118">
        <v>18124487</v>
      </c>
      <c r="FV11" s="117">
        <v>351715</v>
      </c>
      <c r="FW11" s="116">
        <v>771099</v>
      </c>
      <c r="FX11" s="114">
        <v>1122814</v>
      </c>
      <c r="FY11" s="113">
        <v>0</v>
      </c>
      <c r="FZ11" s="116">
        <v>1886025</v>
      </c>
      <c r="GA11" s="116">
        <v>3784401</v>
      </c>
      <c r="GB11" s="116">
        <v>3291589</v>
      </c>
      <c r="GC11" s="116">
        <v>3631817</v>
      </c>
      <c r="GD11" s="116">
        <v>2123429</v>
      </c>
      <c r="GE11" s="115">
        <v>14717261</v>
      </c>
      <c r="GF11" s="354">
        <v>15840075</v>
      </c>
      <c r="GG11" s="117">
        <v>10395</v>
      </c>
      <c r="GH11" s="116">
        <v>124887</v>
      </c>
      <c r="GI11" s="114">
        <v>135282</v>
      </c>
      <c r="GJ11" s="113">
        <v>0</v>
      </c>
      <c r="GK11" s="116">
        <v>173244</v>
      </c>
      <c r="GL11" s="116">
        <v>69258</v>
      </c>
      <c r="GM11" s="116">
        <v>119941</v>
      </c>
      <c r="GN11" s="116">
        <v>161574</v>
      </c>
      <c r="GO11" s="116">
        <v>75075</v>
      </c>
      <c r="GP11" s="115">
        <v>599092</v>
      </c>
      <c r="GQ11" s="118">
        <v>734374</v>
      </c>
      <c r="GR11" s="112">
        <v>0</v>
      </c>
      <c r="GS11" s="116">
        <v>41370</v>
      </c>
      <c r="GT11" s="115">
        <v>41370</v>
      </c>
      <c r="GU11" s="112">
        <v>0</v>
      </c>
      <c r="GV11" s="116">
        <v>491547</v>
      </c>
      <c r="GW11" s="116">
        <v>233198</v>
      </c>
      <c r="GX11" s="116">
        <v>330253</v>
      </c>
      <c r="GY11" s="116">
        <v>395150</v>
      </c>
      <c r="GZ11" s="116">
        <v>58520</v>
      </c>
      <c r="HA11" s="114">
        <v>1508668</v>
      </c>
      <c r="HB11" s="118">
        <v>1550038</v>
      </c>
      <c r="HC11" s="112">
        <v>1361113</v>
      </c>
      <c r="HD11" s="116">
        <v>1593400</v>
      </c>
      <c r="HE11" s="114">
        <v>2954513</v>
      </c>
      <c r="HF11" s="113">
        <v>0</v>
      </c>
      <c r="HG11" s="116">
        <v>12099609</v>
      </c>
      <c r="HH11" s="116">
        <v>12438525</v>
      </c>
      <c r="HI11" s="116">
        <v>12311211</v>
      </c>
      <c r="HJ11" s="116">
        <v>18279690</v>
      </c>
      <c r="HK11" s="116">
        <v>14036077</v>
      </c>
      <c r="HL11" s="115">
        <v>69165112</v>
      </c>
      <c r="HM11" s="111">
        <v>72119625</v>
      </c>
      <c r="HN11" s="370"/>
      <c r="HO11" s="371"/>
      <c r="HP11" s="372"/>
      <c r="HQ11" s="373"/>
      <c r="HR11" s="371"/>
      <c r="HS11" s="371"/>
      <c r="HT11" s="371"/>
      <c r="HU11" s="371"/>
      <c r="HV11" s="371"/>
      <c r="HW11" s="374"/>
      <c r="HX11" s="375"/>
      <c r="HY11" s="148">
        <v>70729</v>
      </c>
      <c r="HZ11" s="149">
        <v>262018</v>
      </c>
      <c r="IA11" s="150">
        <v>332747</v>
      </c>
      <c r="IB11" s="163">
        <v>0</v>
      </c>
      <c r="IC11" s="149">
        <v>9132608</v>
      </c>
      <c r="ID11" s="164">
        <v>11484510</v>
      </c>
      <c r="IE11" s="150">
        <v>13165816</v>
      </c>
      <c r="IF11" s="149">
        <v>10637213</v>
      </c>
      <c r="IG11" s="150">
        <v>7792937</v>
      </c>
      <c r="IH11" s="165">
        <v>52213084</v>
      </c>
      <c r="II11" s="156">
        <v>52545831</v>
      </c>
      <c r="IJ11" s="261">
        <v>0</v>
      </c>
      <c r="IK11" s="268">
        <v>0</v>
      </c>
      <c r="IL11" s="269">
        <v>0</v>
      </c>
      <c r="IM11" s="157"/>
      <c r="IN11" s="122">
        <v>818079</v>
      </c>
      <c r="IO11" s="122">
        <v>596115</v>
      </c>
      <c r="IP11" s="122">
        <v>676939</v>
      </c>
      <c r="IQ11" s="122">
        <v>1858438</v>
      </c>
      <c r="IR11" s="122">
        <v>1518155</v>
      </c>
      <c r="IS11" s="158">
        <v>5467726</v>
      </c>
      <c r="IT11" s="357">
        <v>5467726</v>
      </c>
      <c r="IU11" s="159">
        <v>0</v>
      </c>
      <c r="IV11" s="122">
        <v>0</v>
      </c>
      <c r="IW11" s="123">
        <v>0</v>
      </c>
      <c r="IX11" s="161"/>
      <c r="IY11" s="122">
        <v>42692</v>
      </c>
      <c r="IZ11" s="122">
        <v>80693</v>
      </c>
      <c r="JA11" s="122">
        <v>88025</v>
      </c>
      <c r="JB11" s="122">
        <v>213816</v>
      </c>
      <c r="JC11" s="122">
        <v>250825</v>
      </c>
      <c r="JD11" s="123">
        <v>676051</v>
      </c>
      <c r="JE11" s="124">
        <v>676051</v>
      </c>
      <c r="JF11" s="159">
        <v>0</v>
      </c>
      <c r="JG11" s="122">
        <v>0</v>
      </c>
      <c r="JH11" s="158">
        <v>0</v>
      </c>
      <c r="JI11" s="121">
        <v>0</v>
      </c>
      <c r="JJ11" s="122">
        <v>3653230</v>
      </c>
      <c r="JK11" s="122">
        <v>2467933</v>
      </c>
      <c r="JL11" s="122">
        <v>2384572</v>
      </c>
      <c r="JM11" s="122">
        <v>1150642</v>
      </c>
      <c r="JN11" s="122">
        <v>836797</v>
      </c>
      <c r="JO11" s="123">
        <v>10493174</v>
      </c>
      <c r="JP11" s="357">
        <v>10493174</v>
      </c>
      <c r="JQ11" s="159">
        <v>0</v>
      </c>
      <c r="JR11" s="122">
        <v>0</v>
      </c>
      <c r="JS11" s="158">
        <v>0</v>
      </c>
      <c r="JT11" s="121">
        <v>0</v>
      </c>
      <c r="JU11" s="122">
        <v>294125</v>
      </c>
      <c r="JV11" s="122">
        <v>945693</v>
      </c>
      <c r="JW11" s="122">
        <v>1367901</v>
      </c>
      <c r="JX11" s="122">
        <v>389008</v>
      </c>
      <c r="JY11" s="122">
        <v>146111</v>
      </c>
      <c r="JZ11" s="123">
        <v>3142838</v>
      </c>
      <c r="KA11" s="357">
        <v>3142838</v>
      </c>
      <c r="KB11" s="264">
        <v>70729</v>
      </c>
      <c r="KC11" s="258">
        <v>262018</v>
      </c>
      <c r="KD11" s="123">
        <v>332747</v>
      </c>
      <c r="KE11" s="121">
        <v>0</v>
      </c>
      <c r="KF11" s="122">
        <v>1438649</v>
      </c>
      <c r="KG11" s="122">
        <v>1144033</v>
      </c>
      <c r="KH11" s="122">
        <v>1805692</v>
      </c>
      <c r="KI11" s="122">
        <v>638219</v>
      </c>
      <c r="KJ11" s="122">
        <v>262918</v>
      </c>
      <c r="KK11" s="123">
        <v>5289511</v>
      </c>
      <c r="KL11" s="160">
        <v>5622258</v>
      </c>
      <c r="KM11" s="261">
        <v>0</v>
      </c>
      <c r="KN11" s="268">
        <v>0</v>
      </c>
      <c r="KO11" s="269">
        <v>0</v>
      </c>
      <c r="KP11" s="157"/>
      <c r="KQ11" s="122">
        <v>2422267</v>
      </c>
      <c r="KR11" s="122">
        <v>5301428</v>
      </c>
      <c r="KS11" s="122">
        <v>5094402</v>
      </c>
      <c r="KT11" s="122">
        <v>2841061</v>
      </c>
      <c r="KU11" s="122">
        <v>3169500</v>
      </c>
      <c r="KV11" s="123">
        <v>18828658</v>
      </c>
      <c r="KW11" s="357">
        <v>18828658</v>
      </c>
      <c r="KX11" s="159">
        <v>0</v>
      </c>
      <c r="KY11" s="122">
        <v>0</v>
      </c>
      <c r="KZ11" s="123">
        <v>0</v>
      </c>
      <c r="LA11" s="162"/>
      <c r="LB11" s="122">
        <v>0</v>
      </c>
      <c r="LC11" s="122">
        <v>0</v>
      </c>
      <c r="LD11" s="122">
        <v>0</v>
      </c>
      <c r="LE11" s="122">
        <v>0</v>
      </c>
      <c r="LF11" s="122">
        <v>0</v>
      </c>
      <c r="LG11" s="123">
        <v>0</v>
      </c>
      <c r="LH11" s="124">
        <v>0</v>
      </c>
      <c r="LI11" s="159">
        <v>0</v>
      </c>
      <c r="LJ11" s="122">
        <v>0</v>
      </c>
      <c r="LK11" s="123">
        <v>0</v>
      </c>
      <c r="LL11" s="162"/>
      <c r="LM11" s="122">
        <v>170055</v>
      </c>
      <c r="LN11" s="122">
        <v>0</v>
      </c>
      <c r="LO11" s="122">
        <v>1051195</v>
      </c>
      <c r="LP11" s="122">
        <v>1641411</v>
      </c>
      <c r="LQ11" s="122">
        <v>258737</v>
      </c>
      <c r="LR11" s="123">
        <v>3121398</v>
      </c>
      <c r="LS11" s="357">
        <v>3121398</v>
      </c>
      <c r="LT11" s="159">
        <v>0</v>
      </c>
      <c r="LU11" s="122">
        <v>0</v>
      </c>
      <c r="LV11" s="123">
        <v>0</v>
      </c>
      <c r="LW11" s="162"/>
      <c r="LX11" s="122">
        <v>293511</v>
      </c>
      <c r="LY11" s="122">
        <v>948615</v>
      </c>
      <c r="LZ11" s="122">
        <v>697090</v>
      </c>
      <c r="MA11" s="122">
        <v>1904618</v>
      </c>
      <c r="MB11" s="122">
        <v>1349894</v>
      </c>
      <c r="MC11" s="123">
        <v>5193728</v>
      </c>
      <c r="MD11" s="124">
        <v>5193728</v>
      </c>
      <c r="ME11" s="159">
        <v>0</v>
      </c>
      <c r="MF11" s="122">
        <v>0</v>
      </c>
      <c r="MG11" s="123">
        <v>0</v>
      </c>
      <c r="MH11" s="162"/>
      <c r="MI11" s="122">
        <v>1245275</v>
      </c>
      <c r="MJ11" s="122">
        <v>5156314</v>
      </c>
      <c r="MK11" s="122">
        <v>10983641</v>
      </c>
      <c r="ML11" s="122">
        <v>20659435</v>
      </c>
      <c r="MM11" s="122">
        <v>14698679</v>
      </c>
      <c r="MN11" s="123">
        <v>52743344</v>
      </c>
      <c r="MO11" s="160">
        <v>52743344</v>
      </c>
      <c r="MP11" s="159">
        <v>0</v>
      </c>
      <c r="MQ11" s="122">
        <v>0</v>
      </c>
      <c r="MR11" s="123">
        <v>0</v>
      </c>
      <c r="MS11" s="162"/>
      <c r="MT11" s="122">
        <v>0</v>
      </c>
      <c r="MU11" s="122">
        <v>1018978</v>
      </c>
      <c r="MV11" s="122">
        <v>5699404</v>
      </c>
      <c r="MW11" s="122">
        <v>9020393</v>
      </c>
      <c r="MX11" s="122">
        <v>7476534</v>
      </c>
      <c r="MY11" s="123">
        <v>23215309</v>
      </c>
      <c r="MZ11" s="160">
        <v>23215309</v>
      </c>
      <c r="NA11" s="159">
        <v>0</v>
      </c>
      <c r="NB11" s="122">
        <v>0</v>
      </c>
      <c r="NC11" s="123">
        <v>0</v>
      </c>
      <c r="ND11" s="162"/>
      <c r="NE11" s="122">
        <v>1245275</v>
      </c>
      <c r="NF11" s="122">
        <v>4137336</v>
      </c>
      <c r="NG11" s="122">
        <v>5284237</v>
      </c>
      <c r="NH11" s="122">
        <v>9391532</v>
      </c>
      <c r="NI11" s="122">
        <v>4055762</v>
      </c>
      <c r="NJ11" s="123">
        <v>24114142</v>
      </c>
      <c r="NK11" s="357">
        <v>24114142</v>
      </c>
      <c r="NL11" s="159">
        <v>0</v>
      </c>
      <c r="NM11" s="122">
        <v>0</v>
      </c>
      <c r="NN11" s="123">
        <v>0</v>
      </c>
      <c r="NO11" s="162"/>
      <c r="NP11" s="122">
        <v>0</v>
      </c>
      <c r="NQ11" s="122">
        <v>0</v>
      </c>
      <c r="NR11" s="122">
        <v>0</v>
      </c>
      <c r="NS11" s="122">
        <v>1967053</v>
      </c>
      <c r="NT11" s="122">
        <v>2869835</v>
      </c>
      <c r="NU11" s="123">
        <v>4836888</v>
      </c>
      <c r="NV11" s="124">
        <v>4836888</v>
      </c>
      <c r="NW11" s="159">
        <v>0</v>
      </c>
      <c r="NX11" s="122">
        <v>0</v>
      </c>
      <c r="NY11" s="123">
        <v>0</v>
      </c>
      <c r="NZ11" s="162"/>
      <c r="OA11" s="122">
        <v>0</v>
      </c>
      <c r="OB11" s="122">
        <v>0</v>
      </c>
      <c r="OC11" s="122">
        <v>0</v>
      </c>
      <c r="OD11" s="122">
        <v>280457</v>
      </c>
      <c r="OE11" s="122">
        <v>296548</v>
      </c>
      <c r="OF11" s="123">
        <v>577005</v>
      </c>
      <c r="OG11" s="124">
        <v>577005</v>
      </c>
      <c r="OH11" s="159">
        <v>2786524</v>
      </c>
      <c r="OI11" s="122">
        <v>5201078</v>
      </c>
      <c r="OJ11" s="158">
        <v>7987602</v>
      </c>
      <c r="OK11" s="121">
        <v>0</v>
      </c>
      <c r="OL11" s="122">
        <v>49750051</v>
      </c>
      <c r="OM11" s="122">
        <v>59563088</v>
      </c>
      <c r="ON11" s="122">
        <v>62467683</v>
      </c>
      <c r="OO11" s="122">
        <v>79170989</v>
      </c>
      <c r="OP11" s="122">
        <v>57452031</v>
      </c>
      <c r="OQ11" s="123">
        <v>308403842</v>
      </c>
      <c r="OR11" s="160">
        <v>316391444</v>
      </c>
    </row>
    <row r="12" spans="1:408" ht="20.25" customHeight="1" x14ac:dyDescent="0.2">
      <c r="A12" s="129" t="s">
        <v>14</v>
      </c>
      <c r="B12" s="112">
        <v>934225</v>
      </c>
      <c r="C12" s="116">
        <v>2703620</v>
      </c>
      <c r="D12" s="115">
        <v>3637845</v>
      </c>
      <c r="E12" s="111">
        <v>0</v>
      </c>
      <c r="F12" s="116">
        <v>10970772</v>
      </c>
      <c r="G12" s="116">
        <v>14068857</v>
      </c>
      <c r="H12" s="116">
        <v>16842125</v>
      </c>
      <c r="I12" s="116">
        <v>17223442</v>
      </c>
      <c r="J12" s="116">
        <v>12408113</v>
      </c>
      <c r="K12" s="114">
        <v>71513309</v>
      </c>
      <c r="L12" s="118">
        <v>75151154</v>
      </c>
      <c r="M12" s="112">
        <v>217841</v>
      </c>
      <c r="N12" s="116">
        <v>684826</v>
      </c>
      <c r="O12" s="115">
        <v>902667</v>
      </c>
      <c r="P12" s="112">
        <v>0</v>
      </c>
      <c r="Q12" s="116">
        <v>3248018</v>
      </c>
      <c r="R12" s="116">
        <v>4329434</v>
      </c>
      <c r="S12" s="116">
        <v>6084097</v>
      </c>
      <c r="T12" s="116">
        <v>5973989</v>
      </c>
      <c r="U12" s="116">
        <v>6665537</v>
      </c>
      <c r="V12" s="115">
        <v>26301075</v>
      </c>
      <c r="W12" s="118">
        <v>27203742</v>
      </c>
      <c r="X12" s="112">
        <v>0</v>
      </c>
      <c r="Y12" s="116">
        <v>0</v>
      </c>
      <c r="Z12" s="115">
        <v>0</v>
      </c>
      <c r="AA12" s="112">
        <v>0</v>
      </c>
      <c r="AB12" s="116">
        <v>1543583</v>
      </c>
      <c r="AC12" s="116">
        <v>1738041</v>
      </c>
      <c r="AD12" s="116">
        <v>3565220</v>
      </c>
      <c r="AE12" s="116">
        <v>2890246</v>
      </c>
      <c r="AF12" s="116">
        <v>3801879</v>
      </c>
      <c r="AG12" s="115">
        <v>13538969</v>
      </c>
      <c r="AH12" s="118">
        <v>13538969</v>
      </c>
      <c r="AI12" s="112">
        <v>0</v>
      </c>
      <c r="AJ12" s="116">
        <v>0</v>
      </c>
      <c r="AK12" s="115">
        <v>0</v>
      </c>
      <c r="AL12" s="112">
        <v>0</v>
      </c>
      <c r="AM12" s="116">
        <v>0</v>
      </c>
      <c r="AN12" s="116">
        <v>75460</v>
      </c>
      <c r="AO12" s="116">
        <v>61552</v>
      </c>
      <c r="AP12" s="116">
        <v>570372</v>
      </c>
      <c r="AQ12" s="116">
        <v>920894</v>
      </c>
      <c r="AR12" s="115">
        <v>1628278</v>
      </c>
      <c r="AS12" s="118">
        <v>1628278</v>
      </c>
      <c r="AT12" s="112">
        <v>90868</v>
      </c>
      <c r="AU12" s="116">
        <v>423884</v>
      </c>
      <c r="AV12" s="115">
        <v>514752</v>
      </c>
      <c r="AW12" s="112">
        <v>0</v>
      </c>
      <c r="AX12" s="116">
        <v>996484</v>
      </c>
      <c r="AY12" s="116">
        <v>1720102</v>
      </c>
      <c r="AZ12" s="116">
        <v>1339882</v>
      </c>
      <c r="BA12" s="116">
        <v>1500954</v>
      </c>
      <c r="BB12" s="116">
        <v>1257359</v>
      </c>
      <c r="BC12" s="115">
        <v>6814781</v>
      </c>
      <c r="BD12" s="118">
        <v>7329533</v>
      </c>
      <c r="BE12" s="112">
        <v>0</v>
      </c>
      <c r="BF12" s="116">
        <v>39301</v>
      </c>
      <c r="BG12" s="114">
        <v>39301</v>
      </c>
      <c r="BH12" s="113">
        <v>0</v>
      </c>
      <c r="BI12" s="116">
        <v>21020</v>
      </c>
      <c r="BJ12" s="116">
        <v>110727</v>
      </c>
      <c r="BK12" s="116">
        <v>180787</v>
      </c>
      <c r="BL12" s="116">
        <v>68986</v>
      </c>
      <c r="BM12" s="116">
        <v>14560</v>
      </c>
      <c r="BN12" s="115">
        <v>396080</v>
      </c>
      <c r="BO12" s="118">
        <v>435381</v>
      </c>
      <c r="BP12" s="112">
        <v>126973</v>
      </c>
      <c r="BQ12" s="116">
        <v>221641</v>
      </c>
      <c r="BR12" s="115">
        <v>348614</v>
      </c>
      <c r="BS12" s="112">
        <v>0</v>
      </c>
      <c r="BT12" s="116">
        <v>686931</v>
      </c>
      <c r="BU12" s="116">
        <v>685104</v>
      </c>
      <c r="BV12" s="116">
        <v>936656</v>
      </c>
      <c r="BW12" s="116">
        <v>943431</v>
      </c>
      <c r="BX12" s="116">
        <v>670845</v>
      </c>
      <c r="BY12" s="115">
        <v>3922967</v>
      </c>
      <c r="BZ12" s="118">
        <v>4271581</v>
      </c>
      <c r="CA12" s="112">
        <v>35703</v>
      </c>
      <c r="CB12" s="116">
        <v>61544</v>
      </c>
      <c r="CC12" s="115">
        <v>97247</v>
      </c>
      <c r="CD12" s="112">
        <v>0</v>
      </c>
      <c r="CE12" s="116">
        <v>3734696</v>
      </c>
      <c r="CF12" s="116">
        <v>3334406</v>
      </c>
      <c r="CG12" s="116">
        <v>3200170</v>
      </c>
      <c r="CH12" s="116">
        <v>2491978</v>
      </c>
      <c r="CI12" s="116">
        <v>1042371</v>
      </c>
      <c r="CJ12" s="115">
        <v>13803621</v>
      </c>
      <c r="CK12" s="118">
        <v>13900868</v>
      </c>
      <c r="CL12" s="112">
        <v>0</v>
      </c>
      <c r="CM12" s="116">
        <v>0</v>
      </c>
      <c r="CN12" s="115">
        <v>0</v>
      </c>
      <c r="CO12" s="113">
        <v>0</v>
      </c>
      <c r="CP12" s="116">
        <v>3484399</v>
      </c>
      <c r="CQ12" s="116">
        <v>2688787</v>
      </c>
      <c r="CR12" s="116">
        <v>2742440</v>
      </c>
      <c r="CS12" s="116">
        <v>1880014</v>
      </c>
      <c r="CT12" s="116">
        <v>933934</v>
      </c>
      <c r="CU12" s="115">
        <v>11729574</v>
      </c>
      <c r="CV12" s="118">
        <v>11729574</v>
      </c>
      <c r="CW12" s="112">
        <v>35703</v>
      </c>
      <c r="CX12" s="116">
        <v>61544</v>
      </c>
      <c r="CY12" s="115">
        <v>97247</v>
      </c>
      <c r="CZ12" s="112">
        <v>0</v>
      </c>
      <c r="DA12" s="116">
        <v>250297</v>
      </c>
      <c r="DB12" s="116">
        <v>645619</v>
      </c>
      <c r="DC12" s="116">
        <v>457730</v>
      </c>
      <c r="DD12" s="116">
        <v>611964</v>
      </c>
      <c r="DE12" s="116">
        <v>108437</v>
      </c>
      <c r="DF12" s="115">
        <v>2074047</v>
      </c>
      <c r="DG12" s="118">
        <v>2171294</v>
      </c>
      <c r="DH12" s="112">
        <v>0</v>
      </c>
      <c r="DI12" s="116">
        <v>0</v>
      </c>
      <c r="DJ12" s="114">
        <v>0</v>
      </c>
      <c r="DK12" s="113">
        <v>0</v>
      </c>
      <c r="DL12" s="116">
        <v>613224</v>
      </c>
      <c r="DM12" s="116">
        <v>554419</v>
      </c>
      <c r="DN12" s="116">
        <v>1336590</v>
      </c>
      <c r="DO12" s="116">
        <v>1460415</v>
      </c>
      <c r="DP12" s="116">
        <v>1235695</v>
      </c>
      <c r="DQ12" s="115">
        <v>5200343</v>
      </c>
      <c r="DR12" s="118">
        <v>5200343</v>
      </c>
      <c r="DS12" s="112">
        <v>0</v>
      </c>
      <c r="DT12" s="116">
        <v>0</v>
      </c>
      <c r="DU12" s="115">
        <v>0</v>
      </c>
      <c r="DV12" s="112">
        <v>0</v>
      </c>
      <c r="DW12" s="116">
        <v>613224</v>
      </c>
      <c r="DX12" s="116">
        <v>554419</v>
      </c>
      <c r="DY12" s="116">
        <v>1336590</v>
      </c>
      <c r="DZ12" s="116">
        <v>1460415</v>
      </c>
      <c r="EA12" s="116">
        <v>809344</v>
      </c>
      <c r="EB12" s="115">
        <v>4773992</v>
      </c>
      <c r="EC12" s="118">
        <v>4773992</v>
      </c>
      <c r="ED12" s="112">
        <v>0</v>
      </c>
      <c r="EE12" s="114">
        <v>0</v>
      </c>
      <c r="EF12" s="115">
        <v>0</v>
      </c>
      <c r="EG12" s="112">
        <v>0</v>
      </c>
      <c r="EH12" s="116">
        <v>0</v>
      </c>
      <c r="EI12" s="116">
        <v>0</v>
      </c>
      <c r="EJ12" s="116">
        <v>0</v>
      </c>
      <c r="EK12" s="116">
        <v>0</v>
      </c>
      <c r="EL12" s="116">
        <v>426351</v>
      </c>
      <c r="EM12" s="114">
        <v>426351</v>
      </c>
      <c r="EN12" s="118">
        <v>426351</v>
      </c>
      <c r="EO12" s="112">
        <v>0</v>
      </c>
      <c r="EP12" s="116">
        <v>0</v>
      </c>
      <c r="EQ12" s="114">
        <v>0</v>
      </c>
      <c r="ER12" s="113">
        <v>0</v>
      </c>
      <c r="ES12" s="116">
        <v>0</v>
      </c>
      <c r="ET12" s="116">
        <v>0</v>
      </c>
      <c r="EU12" s="116">
        <v>0</v>
      </c>
      <c r="EV12" s="116">
        <v>0</v>
      </c>
      <c r="EW12" s="116">
        <v>0</v>
      </c>
      <c r="EX12" s="115">
        <v>0</v>
      </c>
      <c r="EY12" s="118">
        <v>0</v>
      </c>
      <c r="EZ12" s="112">
        <v>0</v>
      </c>
      <c r="FA12" s="116">
        <v>0</v>
      </c>
      <c r="FB12" s="114">
        <v>0</v>
      </c>
      <c r="FC12" s="390"/>
      <c r="FD12" s="116">
        <v>0</v>
      </c>
      <c r="FE12" s="116">
        <v>0</v>
      </c>
      <c r="FF12" s="116">
        <v>0</v>
      </c>
      <c r="FG12" s="116">
        <v>0</v>
      </c>
      <c r="FH12" s="116">
        <v>0</v>
      </c>
      <c r="FI12" s="115">
        <v>0</v>
      </c>
      <c r="FJ12" s="118">
        <v>0</v>
      </c>
      <c r="FK12" s="112">
        <v>232561</v>
      </c>
      <c r="FL12" s="116">
        <v>794242</v>
      </c>
      <c r="FM12" s="115">
        <v>1026803</v>
      </c>
      <c r="FN12" s="112">
        <v>0</v>
      </c>
      <c r="FO12" s="116">
        <v>391678</v>
      </c>
      <c r="FP12" s="116">
        <v>1767640</v>
      </c>
      <c r="FQ12" s="116">
        <v>1333304</v>
      </c>
      <c r="FR12" s="116">
        <v>1486309</v>
      </c>
      <c r="FS12" s="116">
        <v>1194641</v>
      </c>
      <c r="FT12" s="115">
        <v>6173572</v>
      </c>
      <c r="FU12" s="118">
        <v>7200375</v>
      </c>
      <c r="FV12" s="117">
        <v>188839</v>
      </c>
      <c r="FW12" s="116">
        <v>417494</v>
      </c>
      <c r="FX12" s="114">
        <v>606333</v>
      </c>
      <c r="FY12" s="113">
        <v>0</v>
      </c>
      <c r="FZ12" s="116">
        <v>362544</v>
      </c>
      <c r="GA12" s="116">
        <v>1521135</v>
      </c>
      <c r="GB12" s="116">
        <v>1204294</v>
      </c>
      <c r="GC12" s="116">
        <v>1363109</v>
      </c>
      <c r="GD12" s="116">
        <v>1106791</v>
      </c>
      <c r="GE12" s="115">
        <v>5557873</v>
      </c>
      <c r="GF12" s="354">
        <v>6164206</v>
      </c>
      <c r="GG12" s="117">
        <v>0</v>
      </c>
      <c r="GH12" s="116">
        <v>94032</v>
      </c>
      <c r="GI12" s="114">
        <v>94032</v>
      </c>
      <c r="GJ12" s="113">
        <v>0</v>
      </c>
      <c r="GK12" s="116">
        <v>14784</v>
      </c>
      <c r="GL12" s="116">
        <v>51205</v>
      </c>
      <c r="GM12" s="116">
        <v>57400</v>
      </c>
      <c r="GN12" s="116">
        <v>16800</v>
      </c>
      <c r="GO12" s="116">
        <v>87850</v>
      </c>
      <c r="GP12" s="115">
        <v>228039</v>
      </c>
      <c r="GQ12" s="118">
        <v>322071</v>
      </c>
      <c r="GR12" s="112">
        <v>43722</v>
      </c>
      <c r="GS12" s="116">
        <v>282716</v>
      </c>
      <c r="GT12" s="115">
        <v>326438</v>
      </c>
      <c r="GU12" s="112">
        <v>0</v>
      </c>
      <c r="GV12" s="116">
        <v>14350</v>
      </c>
      <c r="GW12" s="116">
        <v>195300</v>
      </c>
      <c r="GX12" s="116">
        <v>71610</v>
      </c>
      <c r="GY12" s="116">
        <v>106400</v>
      </c>
      <c r="GZ12" s="116">
        <v>0</v>
      </c>
      <c r="HA12" s="114">
        <v>387660</v>
      </c>
      <c r="HB12" s="118">
        <v>714098</v>
      </c>
      <c r="HC12" s="112">
        <v>448120</v>
      </c>
      <c r="HD12" s="116">
        <v>1163008</v>
      </c>
      <c r="HE12" s="114">
        <v>1611128</v>
      </c>
      <c r="HF12" s="113">
        <v>0</v>
      </c>
      <c r="HG12" s="116">
        <v>2983156</v>
      </c>
      <c r="HH12" s="116">
        <v>4082958</v>
      </c>
      <c r="HI12" s="116">
        <v>4887964</v>
      </c>
      <c r="HJ12" s="116">
        <v>5810751</v>
      </c>
      <c r="HK12" s="116">
        <v>2269869</v>
      </c>
      <c r="HL12" s="115">
        <v>20034698</v>
      </c>
      <c r="HM12" s="111">
        <v>21645826</v>
      </c>
      <c r="HN12" s="370"/>
      <c r="HO12" s="371"/>
      <c r="HP12" s="372"/>
      <c r="HQ12" s="373"/>
      <c r="HR12" s="371"/>
      <c r="HS12" s="371"/>
      <c r="HT12" s="371"/>
      <c r="HU12" s="371"/>
      <c r="HV12" s="371"/>
      <c r="HW12" s="374"/>
      <c r="HX12" s="375"/>
      <c r="HY12" s="148">
        <v>0</v>
      </c>
      <c r="HZ12" s="149">
        <v>0</v>
      </c>
      <c r="IA12" s="150">
        <v>0</v>
      </c>
      <c r="IB12" s="151">
        <v>0</v>
      </c>
      <c r="IC12" s="152">
        <v>3684243</v>
      </c>
      <c r="ID12" s="153">
        <v>4380855</v>
      </c>
      <c r="IE12" s="154">
        <v>3911759</v>
      </c>
      <c r="IF12" s="152">
        <v>3510063</v>
      </c>
      <c r="IG12" s="154">
        <v>1817943</v>
      </c>
      <c r="IH12" s="155">
        <v>17304863</v>
      </c>
      <c r="II12" s="156">
        <v>17304863</v>
      </c>
      <c r="IJ12" s="261">
        <v>0</v>
      </c>
      <c r="IK12" s="268">
        <v>0</v>
      </c>
      <c r="IL12" s="269">
        <v>0</v>
      </c>
      <c r="IM12" s="157"/>
      <c r="IN12" s="122">
        <v>0</v>
      </c>
      <c r="IO12" s="122">
        <v>108523</v>
      </c>
      <c r="IP12" s="122">
        <v>169667</v>
      </c>
      <c r="IQ12" s="122">
        <v>204936</v>
      </c>
      <c r="IR12" s="122">
        <v>637185</v>
      </c>
      <c r="IS12" s="158">
        <v>1120311</v>
      </c>
      <c r="IT12" s="357">
        <v>1120311</v>
      </c>
      <c r="IU12" s="159">
        <v>0</v>
      </c>
      <c r="IV12" s="122">
        <v>0</v>
      </c>
      <c r="IW12" s="123">
        <v>0</v>
      </c>
      <c r="IX12" s="161"/>
      <c r="IY12" s="122">
        <v>0</v>
      </c>
      <c r="IZ12" s="122">
        <v>0</v>
      </c>
      <c r="JA12" s="122">
        <v>0</v>
      </c>
      <c r="JB12" s="122">
        <v>8839</v>
      </c>
      <c r="JC12" s="122">
        <v>0</v>
      </c>
      <c r="JD12" s="123">
        <v>8839</v>
      </c>
      <c r="JE12" s="124">
        <v>8839</v>
      </c>
      <c r="JF12" s="159">
        <v>0</v>
      </c>
      <c r="JG12" s="122">
        <v>0</v>
      </c>
      <c r="JH12" s="158">
        <v>0</v>
      </c>
      <c r="JI12" s="121">
        <v>0</v>
      </c>
      <c r="JJ12" s="122">
        <v>1338653</v>
      </c>
      <c r="JK12" s="122">
        <v>1385257</v>
      </c>
      <c r="JL12" s="122">
        <v>1209733</v>
      </c>
      <c r="JM12" s="122">
        <v>261155</v>
      </c>
      <c r="JN12" s="122">
        <v>11966</v>
      </c>
      <c r="JO12" s="123">
        <v>4206764</v>
      </c>
      <c r="JP12" s="357">
        <v>4206764</v>
      </c>
      <c r="JQ12" s="159">
        <v>0</v>
      </c>
      <c r="JR12" s="122">
        <v>0</v>
      </c>
      <c r="JS12" s="158">
        <v>0</v>
      </c>
      <c r="JT12" s="121">
        <v>0</v>
      </c>
      <c r="JU12" s="122">
        <v>72373</v>
      </c>
      <c r="JV12" s="122">
        <v>44420</v>
      </c>
      <c r="JW12" s="122">
        <v>11081</v>
      </c>
      <c r="JX12" s="122">
        <v>0</v>
      </c>
      <c r="JY12" s="122">
        <v>66740</v>
      </c>
      <c r="JZ12" s="123">
        <v>194614</v>
      </c>
      <c r="KA12" s="357">
        <v>194614</v>
      </c>
      <c r="KB12" s="264">
        <v>0</v>
      </c>
      <c r="KC12" s="258">
        <v>0</v>
      </c>
      <c r="KD12" s="123">
        <v>0</v>
      </c>
      <c r="KE12" s="121">
        <v>0</v>
      </c>
      <c r="KF12" s="122">
        <v>416376</v>
      </c>
      <c r="KG12" s="122">
        <v>789520</v>
      </c>
      <c r="KH12" s="122">
        <v>948761</v>
      </c>
      <c r="KI12" s="122">
        <v>625133</v>
      </c>
      <c r="KJ12" s="122">
        <v>496550</v>
      </c>
      <c r="KK12" s="123">
        <v>3276340</v>
      </c>
      <c r="KL12" s="160">
        <v>3276340</v>
      </c>
      <c r="KM12" s="261">
        <v>0</v>
      </c>
      <c r="KN12" s="268">
        <v>0</v>
      </c>
      <c r="KO12" s="269">
        <v>0</v>
      </c>
      <c r="KP12" s="157"/>
      <c r="KQ12" s="122">
        <v>1736823</v>
      </c>
      <c r="KR12" s="122">
        <v>1391138</v>
      </c>
      <c r="KS12" s="122">
        <v>1572517</v>
      </c>
      <c r="KT12" s="122">
        <v>2211220</v>
      </c>
      <c r="KU12" s="122">
        <v>605502</v>
      </c>
      <c r="KV12" s="123">
        <v>7517200</v>
      </c>
      <c r="KW12" s="357">
        <v>7517200</v>
      </c>
      <c r="KX12" s="159">
        <v>0</v>
      </c>
      <c r="KY12" s="122">
        <v>0</v>
      </c>
      <c r="KZ12" s="123">
        <v>0</v>
      </c>
      <c r="LA12" s="162"/>
      <c r="LB12" s="122">
        <v>0</v>
      </c>
      <c r="LC12" s="122">
        <v>0</v>
      </c>
      <c r="LD12" s="122">
        <v>0</v>
      </c>
      <c r="LE12" s="122">
        <v>0</v>
      </c>
      <c r="LF12" s="122">
        <v>0</v>
      </c>
      <c r="LG12" s="123">
        <v>0</v>
      </c>
      <c r="LH12" s="124">
        <v>0</v>
      </c>
      <c r="LI12" s="159">
        <v>0</v>
      </c>
      <c r="LJ12" s="122">
        <v>0</v>
      </c>
      <c r="LK12" s="123">
        <v>0</v>
      </c>
      <c r="LL12" s="162"/>
      <c r="LM12" s="122">
        <v>0</v>
      </c>
      <c r="LN12" s="122">
        <v>164440</v>
      </c>
      <c r="LO12" s="122">
        <v>0</v>
      </c>
      <c r="LP12" s="122">
        <v>0</v>
      </c>
      <c r="LQ12" s="122">
        <v>0</v>
      </c>
      <c r="LR12" s="123">
        <v>164440</v>
      </c>
      <c r="LS12" s="357">
        <v>164440</v>
      </c>
      <c r="LT12" s="159">
        <v>0</v>
      </c>
      <c r="LU12" s="122">
        <v>0</v>
      </c>
      <c r="LV12" s="123">
        <v>0</v>
      </c>
      <c r="LW12" s="162"/>
      <c r="LX12" s="122">
        <v>120018</v>
      </c>
      <c r="LY12" s="122">
        <v>497557</v>
      </c>
      <c r="LZ12" s="122">
        <v>0</v>
      </c>
      <c r="MA12" s="122">
        <v>198780</v>
      </c>
      <c r="MB12" s="122">
        <v>0</v>
      </c>
      <c r="MC12" s="123">
        <v>816355</v>
      </c>
      <c r="MD12" s="124">
        <v>816355</v>
      </c>
      <c r="ME12" s="159">
        <v>0</v>
      </c>
      <c r="MF12" s="122">
        <v>0</v>
      </c>
      <c r="MG12" s="123">
        <v>0</v>
      </c>
      <c r="MH12" s="162"/>
      <c r="MI12" s="122">
        <v>249788</v>
      </c>
      <c r="MJ12" s="122">
        <v>2388654</v>
      </c>
      <c r="MK12" s="122">
        <v>5622278</v>
      </c>
      <c r="ML12" s="122">
        <v>9553835</v>
      </c>
      <c r="MM12" s="122">
        <v>5207928</v>
      </c>
      <c r="MN12" s="123">
        <v>23022483</v>
      </c>
      <c r="MO12" s="160">
        <v>23022483</v>
      </c>
      <c r="MP12" s="159">
        <v>0</v>
      </c>
      <c r="MQ12" s="122">
        <v>0</v>
      </c>
      <c r="MR12" s="123">
        <v>0</v>
      </c>
      <c r="MS12" s="162"/>
      <c r="MT12" s="122">
        <v>0</v>
      </c>
      <c r="MU12" s="122">
        <v>0</v>
      </c>
      <c r="MV12" s="122">
        <v>3456790</v>
      </c>
      <c r="MW12" s="122">
        <v>6087359</v>
      </c>
      <c r="MX12" s="122">
        <v>4009441</v>
      </c>
      <c r="MY12" s="123">
        <v>13553590</v>
      </c>
      <c r="MZ12" s="160">
        <v>13553590</v>
      </c>
      <c r="NA12" s="159">
        <v>0</v>
      </c>
      <c r="NB12" s="122">
        <v>0</v>
      </c>
      <c r="NC12" s="123">
        <v>0</v>
      </c>
      <c r="ND12" s="162"/>
      <c r="NE12" s="122">
        <v>249788</v>
      </c>
      <c r="NF12" s="122">
        <v>2388654</v>
      </c>
      <c r="NG12" s="122">
        <v>2165488</v>
      </c>
      <c r="NH12" s="122">
        <v>2899738</v>
      </c>
      <c r="NI12" s="122">
        <v>269015</v>
      </c>
      <c r="NJ12" s="123">
        <v>7972683</v>
      </c>
      <c r="NK12" s="357">
        <v>7972683</v>
      </c>
      <c r="NL12" s="159">
        <v>0</v>
      </c>
      <c r="NM12" s="122">
        <v>0</v>
      </c>
      <c r="NN12" s="123">
        <v>0</v>
      </c>
      <c r="NO12" s="162"/>
      <c r="NP12" s="122">
        <v>0</v>
      </c>
      <c r="NQ12" s="122">
        <v>0</v>
      </c>
      <c r="NR12" s="122">
        <v>0</v>
      </c>
      <c r="NS12" s="122">
        <v>0</v>
      </c>
      <c r="NT12" s="122">
        <v>281194</v>
      </c>
      <c r="NU12" s="123">
        <v>281194</v>
      </c>
      <c r="NV12" s="124">
        <v>281194</v>
      </c>
      <c r="NW12" s="159">
        <v>0</v>
      </c>
      <c r="NX12" s="122">
        <v>0</v>
      </c>
      <c r="NY12" s="123">
        <v>0</v>
      </c>
      <c r="NZ12" s="162"/>
      <c r="OA12" s="122">
        <v>0</v>
      </c>
      <c r="OB12" s="122">
        <v>0</v>
      </c>
      <c r="OC12" s="122">
        <v>0</v>
      </c>
      <c r="OD12" s="122">
        <v>566738</v>
      </c>
      <c r="OE12" s="122">
        <v>648278</v>
      </c>
      <c r="OF12" s="123">
        <v>1215016</v>
      </c>
      <c r="OG12" s="124">
        <v>1215016</v>
      </c>
      <c r="OH12" s="159">
        <v>934225</v>
      </c>
      <c r="OI12" s="122">
        <v>2703620</v>
      </c>
      <c r="OJ12" s="158">
        <v>3637845</v>
      </c>
      <c r="OK12" s="121">
        <v>0</v>
      </c>
      <c r="OL12" s="122">
        <v>14904803</v>
      </c>
      <c r="OM12" s="122">
        <v>20838366</v>
      </c>
      <c r="ON12" s="122">
        <v>26376162</v>
      </c>
      <c r="OO12" s="122">
        <v>30287340</v>
      </c>
      <c r="OP12" s="122">
        <v>19433984</v>
      </c>
      <c r="OQ12" s="123">
        <v>111840655</v>
      </c>
      <c r="OR12" s="160">
        <v>115478500</v>
      </c>
    </row>
    <row r="13" spans="1:408" ht="20.25" customHeight="1" x14ac:dyDescent="0.2">
      <c r="A13" s="129" t="s">
        <v>7</v>
      </c>
      <c r="B13" s="112">
        <v>999562</v>
      </c>
      <c r="C13" s="116">
        <v>806922</v>
      </c>
      <c r="D13" s="115">
        <v>1806484</v>
      </c>
      <c r="E13" s="111">
        <v>0</v>
      </c>
      <c r="F13" s="116">
        <v>9280138</v>
      </c>
      <c r="G13" s="116">
        <v>10315433</v>
      </c>
      <c r="H13" s="116">
        <v>8090790</v>
      </c>
      <c r="I13" s="116">
        <v>6246924</v>
      </c>
      <c r="J13" s="116">
        <v>6001889</v>
      </c>
      <c r="K13" s="111">
        <v>39935174</v>
      </c>
      <c r="L13" s="118">
        <v>41741658</v>
      </c>
      <c r="M13" s="112">
        <v>132860</v>
      </c>
      <c r="N13" s="116">
        <v>145293</v>
      </c>
      <c r="O13" s="115">
        <v>278153</v>
      </c>
      <c r="P13" s="112">
        <v>0</v>
      </c>
      <c r="Q13" s="116">
        <v>2611790</v>
      </c>
      <c r="R13" s="116">
        <v>2758362</v>
      </c>
      <c r="S13" s="116">
        <v>2542243</v>
      </c>
      <c r="T13" s="116">
        <v>1536633</v>
      </c>
      <c r="U13" s="116">
        <v>3282437</v>
      </c>
      <c r="V13" s="115">
        <v>12731465</v>
      </c>
      <c r="W13" s="118">
        <v>13009618</v>
      </c>
      <c r="X13" s="112">
        <v>0</v>
      </c>
      <c r="Y13" s="116">
        <v>0</v>
      </c>
      <c r="Z13" s="115">
        <v>0</v>
      </c>
      <c r="AA13" s="112">
        <v>0</v>
      </c>
      <c r="AB13" s="116">
        <v>1110904</v>
      </c>
      <c r="AC13" s="116">
        <v>1066372</v>
      </c>
      <c r="AD13" s="116">
        <v>1537082</v>
      </c>
      <c r="AE13" s="116">
        <v>651704</v>
      </c>
      <c r="AF13" s="116">
        <v>1976982</v>
      </c>
      <c r="AG13" s="115">
        <v>6343044</v>
      </c>
      <c r="AH13" s="118">
        <v>6343044</v>
      </c>
      <c r="AI13" s="112">
        <v>0</v>
      </c>
      <c r="AJ13" s="116">
        <v>0</v>
      </c>
      <c r="AK13" s="115">
        <v>0</v>
      </c>
      <c r="AL13" s="112">
        <v>0</v>
      </c>
      <c r="AM13" s="116">
        <v>101262</v>
      </c>
      <c r="AN13" s="116">
        <v>52241</v>
      </c>
      <c r="AO13" s="116">
        <v>40887</v>
      </c>
      <c r="AP13" s="116">
        <v>52242</v>
      </c>
      <c r="AQ13" s="116">
        <v>462345</v>
      </c>
      <c r="AR13" s="115">
        <v>708977</v>
      </c>
      <c r="AS13" s="118">
        <v>708977</v>
      </c>
      <c r="AT13" s="112">
        <v>0</v>
      </c>
      <c r="AU13" s="116">
        <v>63960</v>
      </c>
      <c r="AV13" s="115">
        <v>63960</v>
      </c>
      <c r="AW13" s="112">
        <v>0</v>
      </c>
      <c r="AX13" s="116">
        <v>815402</v>
      </c>
      <c r="AY13" s="116">
        <v>906744</v>
      </c>
      <c r="AZ13" s="116">
        <v>517255</v>
      </c>
      <c r="BA13" s="116">
        <v>437282</v>
      </c>
      <c r="BB13" s="116">
        <v>609992</v>
      </c>
      <c r="BC13" s="115">
        <v>3286675</v>
      </c>
      <c r="BD13" s="118">
        <v>3350635</v>
      </c>
      <c r="BE13" s="112">
        <v>0</v>
      </c>
      <c r="BF13" s="116">
        <v>0</v>
      </c>
      <c r="BG13" s="114">
        <v>0</v>
      </c>
      <c r="BH13" s="113">
        <v>0</v>
      </c>
      <c r="BI13" s="116">
        <v>69358</v>
      </c>
      <c r="BJ13" s="116">
        <v>127232</v>
      </c>
      <c r="BK13" s="116">
        <v>37988</v>
      </c>
      <c r="BL13" s="116">
        <v>60098</v>
      </c>
      <c r="BM13" s="116">
        <v>18491</v>
      </c>
      <c r="BN13" s="115">
        <v>313167</v>
      </c>
      <c r="BO13" s="118">
        <v>313167</v>
      </c>
      <c r="BP13" s="112">
        <v>132860</v>
      </c>
      <c r="BQ13" s="116">
        <v>81333</v>
      </c>
      <c r="BR13" s="115">
        <v>214193</v>
      </c>
      <c r="BS13" s="112">
        <v>0</v>
      </c>
      <c r="BT13" s="116">
        <v>514864</v>
      </c>
      <c r="BU13" s="116">
        <v>605773</v>
      </c>
      <c r="BV13" s="116">
        <v>409031</v>
      </c>
      <c r="BW13" s="116">
        <v>335307</v>
      </c>
      <c r="BX13" s="116">
        <v>214627</v>
      </c>
      <c r="BY13" s="115">
        <v>2079602</v>
      </c>
      <c r="BZ13" s="118">
        <v>2293795</v>
      </c>
      <c r="CA13" s="112">
        <v>36052</v>
      </c>
      <c r="CB13" s="116">
        <v>100640</v>
      </c>
      <c r="CC13" s="115">
        <v>136692</v>
      </c>
      <c r="CD13" s="112">
        <v>0</v>
      </c>
      <c r="CE13" s="116">
        <v>2698105</v>
      </c>
      <c r="CF13" s="116">
        <v>2186611</v>
      </c>
      <c r="CG13" s="116">
        <v>701748</v>
      </c>
      <c r="CH13" s="116">
        <v>482172</v>
      </c>
      <c r="CI13" s="116">
        <v>555272</v>
      </c>
      <c r="CJ13" s="115">
        <v>6623908</v>
      </c>
      <c r="CK13" s="118">
        <v>6760600</v>
      </c>
      <c r="CL13" s="112">
        <v>0</v>
      </c>
      <c r="CM13" s="116">
        <v>0</v>
      </c>
      <c r="CN13" s="115">
        <v>0</v>
      </c>
      <c r="CO13" s="113">
        <v>0</v>
      </c>
      <c r="CP13" s="116">
        <v>1965030</v>
      </c>
      <c r="CQ13" s="116">
        <v>1544111</v>
      </c>
      <c r="CR13" s="116">
        <v>331803</v>
      </c>
      <c r="CS13" s="116">
        <v>359050</v>
      </c>
      <c r="CT13" s="116">
        <v>416392</v>
      </c>
      <c r="CU13" s="115">
        <v>4616386</v>
      </c>
      <c r="CV13" s="118">
        <v>4616386</v>
      </c>
      <c r="CW13" s="112">
        <v>36052</v>
      </c>
      <c r="CX13" s="116">
        <v>100640</v>
      </c>
      <c r="CY13" s="115">
        <v>136692</v>
      </c>
      <c r="CZ13" s="112">
        <v>0</v>
      </c>
      <c r="DA13" s="116">
        <v>733075</v>
      </c>
      <c r="DB13" s="116">
        <v>642500</v>
      </c>
      <c r="DC13" s="116">
        <v>369945</v>
      </c>
      <c r="DD13" s="116">
        <v>123122</v>
      </c>
      <c r="DE13" s="116">
        <v>138880</v>
      </c>
      <c r="DF13" s="115">
        <v>2007522</v>
      </c>
      <c r="DG13" s="118">
        <v>2144214</v>
      </c>
      <c r="DH13" s="112">
        <v>0</v>
      </c>
      <c r="DI13" s="116">
        <v>0</v>
      </c>
      <c r="DJ13" s="114">
        <v>0</v>
      </c>
      <c r="DK13" s="113">
        <v>0</v>
      </c>
      <c r="DL13" s="116">
        <v>272205</v>
      </c>
      <c r="DM13" s="116">
        <v>301964</v>
      </c>
      <c r="DN13" s="116">
        <v>695777</v>
      </c>
      <c r="DO13" s="116">
        <v>198551</v>
      </c>
      <c r="DP13" s="116">
        <v>234479</v>
      </c>
      <c r="DQ13" s="115">
        <v>1702976</v>
      </c>
      <c r="DR13" s="118">
        <v>1702976</v>
      </c>
      <c r="DS13" s="112">
        <v>0</v>
      </c>
      <c r="DT13" s="116">
        <v>0</v>
      </c>
      <c r="DU13" s="115">
        <v>0</v>
      </c>
      <c r="DV13" s="112">
        <v>0</v>
      </c>
      <c r="DW13" s="116">
        <v>172672</v>
      </c>
      <c r="DX13" s="116">
        <v>244447</v>
      </c>
      <c r="DY13" s="116">
        <v>695777</v>
      </c>
      <c r="DZ13" s="116">
        <v>198551</v>
      </c>
      <c r="EA13" s="116">
        <v>187775</v>
      </c>
      <c r="EB13" s="115">
        <v>1499222</v>
      </c>
      <c r="EC13" s="118">
        <v>1499222</v>
      </c>
      <c r="ED13" s="112">
        <v>0</v>
      </c>
      <c r="EE13" s="114">
        <v>0</v>
      </c>
      <c r="EF13" s="115">
        <v>0</v>
      </c>
      <c r="EG13" s="112">
        <v>0</v>
      </c>
      <c r="EH13" s="116">
        <v>99533</v>
      </c>
      <c r="EI13" s="116">
        <v>57517</v>
      </c>
      <c r="EJ13" s="116">
        <v>0</v>
      </c>
      <c r="EK13" s="116">
        <v>0</v>
      </c>
      <c r="EL13" s="116">
        <v>46704</v>
      </c>
      <c r="EM13" s="114">
        <v>203754</v>
      </c>
      <c r="EN13" s="118">
        <v>203754</v>
      </c>
      <c r="EO13" s="112">
        <v>0</v>
      </c>
      <c r="EP13" s="116">
        <v>0</v>
      </c>
      <c r="EQ13" s="114">
        <v>0</v>
      </c>
      <c r="ER13" s="113">
        <v>0</v>
      </c>
      <c r="ES13" s="116">
        <v>0</v>
      </c>
      <c r="ET13" s="116">
        <v>0</v>
      </c>
      <c r="EU13" s="116">
        <v>0</v>
      </c>
      <c r="EV13" s="116">
        <v>0</v>
      </c>
      <c r="EW13" s="116">
        <v>0</v>
      </c>
      <c r="EX13" s="115">
        <v>0</v>
      </c>
      <c r="EY13" s="118">
        <v>0</v>
      </c>
      <c r="EZ13" s="112">
        <v>0</v>
      </c>
      <c r="FA13" s="116">
        <v>0</v>
      </c>
      <c r="FB13" s="114">
        <v>0</v>
      </c>
      <c r="FC13" s="390"/>
      <c r="FD13" s="116">
        <v>0</v>
      </c>
      <c r="FE13" s="116">
        <v>0</v>
      </c>
      <c r="FF13" s="116">
        <v>0</v>
      </c>
      <c r="FG13" s="116">
        <v>0</v>
      </c>
      <c r="FH13" s="116">
        <v>0</v>
      </c>
      <c r="FI13" s="115">
        <v>0</v>
      </c>
      <c r="FJ13" s="118">
        <v>0</v>
      </c>
      <c r="FK13" s="112">
        <v>374682</v>
      </c>
      <c r="FL13" s="116">
        <v>203504</v>
      </c>
      <c r="FM13" s="115">
        <v>578186</v>
      </c>
      <c r="FN13" s="112">
        <v>0</v>
      </c>
      <c r="FO13" s="116">
        <v>381591</v>
      </c>
      <c r="FP13" s="116">
        <v>1436456</v>
      </c>
      <c r="FQ13" s="116">
        <v>678004</v>
      </c>
      <c r="FR13" s="116">
        <v>363405</v>
      </c>
      <c r="FS13" s="116">
        <v>443884</v>
      </c>
      <c r="FT13" s="115">
        <v>3303340</v>
      </c>
      <c r="FU13" s="118">
        <v>3881526</v>
      </c>
      <c r="FV13" s="117">
        <v>43820</v>
      </c>
      <c r="FW13" s="116">
        <v>81844</v>
      </c>
      <c r="FX13" s="114">
        <v>125664</v>
      </c>
      <c r="FY13" s="113">
        <v>0</v>
      </c>
      <c r="FZ13" s="116">
        <v>353178</v>
      </c>
      <c r="GA13" s="116">
        <v>1023463</v>
      </c>
      <c r="GB13" s="116">
        <v>506836</v>
      </c>
      <c r="GC13" s="116">
        <v>332605</v>
      </c>
      <c r="GD13" s="116">
        <v>436492</v>
      </c>
      <c r="GE13" s="115">
        <v>2652574</v>
      </c>
      <c r="GF13" s="354">
        <v>2778238</v>
      </c>
      <c r="GG13" s="117">
        <v>18172</v>
      </c>
      <c r="GH13" s="116">
        <v>0</v>
      </c>
      <c r="GI13" s="114">
        <v>18172</v>
      </c>
      <c r="GJ13" s="113">
        <v>0</v>
      </c>
      <c r="GK13" s="116">
        <v>28413</v>
      </c>
      <c r="GL13" s="116">
        <v>90363</v>
      </c>
      <c r="GM13" s="116">
        <v>61684</v>
      </c>
      <c r="GN13" s="116">
        <v>30800</v>
      </c>
      <c r="GO13" s="116">
        <v>7392</v>
      </c>
      <c r="GP13" s="115">
        <v>218652</v>
      </c>
      <c r="GQ13" s="118">
        <v>236824</v>
      </c>
      <c r="GR13" s="112">
        <v>312690</v>
      </c>
      <c r="GS13" s="116">
        <v>121660</v>
      </c>
      <c r="GT13" s="115">
        <v>434350</v>
      </c>
      <c r="GU13" s="112">
        <v>0</v>
      </c>
      <c r="GV13" s="116">
        <v>0</v>
      </c>
      <c r="GW13" s="116">
        <v>322630</v>
      </c>
      <c r="GX13" s="116">
        <v>109484</v>
      </c>
      <c r="GY13" s="116">
        <v>0</v>
      </c>
      <c r="GZ13" s="116">
        <v>0</v>
      </c>
      <c r="HA13" s="114">
        <v>432114</v>
      </c>
      <c r="HB13" s="118">
        <v>866464</v>
      </c>
      <c r="HC13" s="112">
        <v>455968</v>
      </c>
      <c r="HD13" s="116">
        <v>357485</v>
      </c>
      <c r="HE13" s="114">
        <v>813453</v>
      </c>
      <c r="HF13" s="113">
        <v>0</v>
      </c>
      <c r="HG13" s="116">
        <v>3316447</v>
      </c>
      <c r="HH13" s="116">
        <v>3632040</v>
      </c>
      <c r="HI13" s="116">
        <v>3473018</v>
      </c>
      <c r="HJ13" s="116">
        <v>3666163</v>
      </c>
      <c r="HK13" s="116">
        <v>1485817</v>
      </c>
      <c r="HL13" s="115">
        <v>15573485</v>
      </c>
      <c r="HM13" s="111">
        <v>16386938</v>
      </c>
      <c r="HN13" s="370"/>
      <c r="HO13" s="371"/>
      <c r="HP13" s="372"/>
      <c r="HQ13" s="373"/>
      <c r="HR13" s="371"/>
      <c r="HS13" s="371"/>
      <c r="HT13" s="371"/>
      <c r="HU13" s="371"/>
      <c r="HV13" s="371"/>
      <c r="HW13" s="374"/>
      <c r="HX13" s="375"/>
      <c r="HY13" s="148">
        <v>0</v>
      </c>
      <c r="HZ13" s="149">
        <v>0</v>
      </c>
      <c r="IA13" s="150">
        <v>0</v>
      </c>
      <c r="IB13" s="163">
        <v>0</v>
      </c>
      <c r="IC13" s="149">
        <v>1342884</v>
      </c>
      <c r="ID13" s="164">
        <v>1322966</v>
      </c>
      <c r="IE13" s="150">
        <v>3137522</v>
      </c>
      <c r="IF13" s="149">
        <v>735060</v>
      </c>
      <c r="IG13" s="150">
        <v>906342</v>
      </c>
      <c r="IH13" s="165">
        <v>7444774</v>
      </c>
      <c r="II13" s="156">
        <v>7444774</v>
      </c>
      <c r="IJ13" s="261">
        <v>0</v>
      </c>
      <c r="IK13" s="268">
        <v>0</v>
      </c>
      <c r="IL13" s="269">
        <v>0</v>
      </c>
      <c r="IM13" s="157"/>
      <c r="IN13" s="122">
        <v>0</v>
      </c>
      <c r="IO13" s="122">
        <v>0</v>
      </c>
      <c r="IP13" s="122">
        <v>174050</v>
      </c>
      <c r="IQ13" s="122">
        <v>0</v>
      </c>
      <c r="IR13" s="122">
        <v>0</v>
      </c>
      <c r="IS13" s="158">
        <v>174050</v>
      </c>
      <c r="IT13" s="357">
        <v>174050</v>
      </c>
      <c r="IU13" s="159">
        <v>0</v>
      </c>
      <c r="IV13" s="122">
        <v>0</v>
      </c>
      <c r="IW13" s="123">
        <v>0</v>
      </c>
      <c r="IX13" s="161"/>
      <c r="IY13" s="122">
        <v>0</v>
      </c>
      <c r="IZ13" s="122">
        <v>0</v>
      </c>
      <c r="JA13" s="122">
        <v>0</v>
      </c>
      <c r="JB13" s="122">
        <v>0</v>
      </c>
      <c r="JC13" s="122">
        <v>0</v>
      </c>
      <c r="JD13" s="123">
        <v>0</v>
      </c>
      <c r="JE13" s="124">
        <v>0</v>
      </c>
      <c r="JF13" s="159">
        <v>0</v>
      </c>
      <c r="JG13" s="122">
        <v>0</v>
      </c>
      <c r="JH13" s="158">
        <v>0</v>
      </c>
      <c r="JI13" s="121">
        <v>0</v>
      </c>
      <c r="JJ13" s="122">
        <v>447174</v>
      </c>
      <c r="JK13" s="122">
        <v>393486</v>
      </c>
      <c r="JL13" s="122">
        <v>964763</v>
      </c>
      <c r="JM13" s="122">
        <v>520941</v>
      </c>
      <c r="JN13" s="122">
        <v>119490</v>
      </c>
      <c r="JO13" s="123">
        <v>2445854</v>
      </c>
      <c r="JP13" s="357">
        <v>2445854</v>
      </c>
      <c r="JQ13" s="159">
        <v>0</v>
      </c>
      <c r="JR13" s="122">
        <v>0</v>
      </c>
      <c r="JS13" s="158">
        <v>0</v>
      </c>
      <c r="JT13" s="121">
        <v>0</v>
      </c>
      <c r="JU13" s="122">
        <v>331082</v>
      </c>
      <c r="JV13" s="122">
        <v>263562</v>
      </c>
      <c r="JW13" s="122">
        <v>239139</v>
      </c>
      <c r="JX13" s="122">
        <v>205714</v>
      </c>
      <c r="JY13" s="122">
        <v>0</v>
      </c>
      <c r="JZ13" s="123">
        <v>1039497</v>
      </c>
      <c r="KA13" s="357">
        <v>1039497</v>
      </c>
      <c r="KB13" s="264">
        <v>0</v>
      </c>
      <c r="KC13" s="258">
        <v>0</v>
      </c>
      <c r="KD13" s="123">
        <v>0</v>
      </c>
      <c r="KE13" s="121">
        <v>0</v>
      </c>
      <c r="KF13" s="122">
        <v>0</v>
      </c>
      <c r="KG13" s="122">
        <v>274794</v>
      </c>
      <c r="KH13" s="122">
        <v>184034</v>
      </c>
      <c r="KI13" s="122">
        <v>-200591</v>
      </c>
      <c r="KJ13" s="122">
        <v>0</v>
      </c>
      <c r="KK13" s="123">
        <v>258237</v>
      </c>
      <c r="KL13" s="160">
        <v>258237</v>
      </c>
      <c r="KM13" s="261">
        <v>0</v>
      </c>
      <c r="KN13" s="268">
        <v>0</v>
      </c>
      <c r="KO13" s="269">
        <v>0</v>
      </c>
      <c r="KP13" s="157"/>
      <c r="KQ13" s="122">
        <v>564628</v>
      </c>
      <c r="KR13" s="122">
        <v>391124</v>
      </c>
      <c r="KS13" s="122">
        <v>1575536</v>
      </c>
      <c r="KT13" s="122">
        <v>208996</v>
      </c>
      <c r="KU13" s="122">
        <v>200928</v>
      </c>
      <c r="KV13" s="123">
        <v>2941212</v>
      </c>
      <c r="KW13" s="357">
        <v>2941212</v>
      </c>
      <c r="KX13" s="159">
        <v>0</v>
      </c>
      <c r="KY13" s="122">
        <v>0</v>
      </c>
      <c r="KZ13" s="123">
        <v>0</v>
      </c>
      <c r="LA13" s="162"/>
      <c r="LB13" s="122">
        <v>0</v>
      </c>
      <c r="LC13" s="122">
        <v>0</v>
      </c>
      <c r="LD13" s="122">
        <v>0</v>
      </c>
      <c r="LE13" s="122">
        <v>0</v>
      </c>
      <c r="LF13" s="122">
        <v>0</v>
      </c>
      <c r="LG13" s="123">
        <v>0</v>
      </c>
      <c r="LH13" s="124">
        <v>0</v>
      </c>
      <c r="LI13" s="159">
        <v>0</v>
      </c>
      <c r="LJ13" s="122">
        <v>0</v>
      </c>
      <c r="LK13" s="123">
        <v>0</v>
      </c>
      <c r="LL13" s="162"/>
      <c r="LM13" s="122">
        <v>0</v>
      </c>
      <c r="LN13" s="122">
        <v>0</v>
      </c>
      <c r="LO13" s="122">
        <v>0</v>
      </c>
      <c r="LP13" s="122">
        <v>0</v>
      </c>
      <c r="LQ13" s="122">
        <v>0</v>
      </c>
      <c r="LR13" s="123">
        <v>0</v>
      </c>
      <c r="LS13" s="357">
        <v>0</v>
      </c>
      <c r="LT13" s="159">
        <v>0</v>
      </c>
      <c r="LU13" s="122">
        <v>0</v>
      </c>
      <c r="LV13" s="123">
        <v>0</v>
      </c>
      <c r="LW13" s="162"/>
      <c r="LX13" s="122">
        <v>0</v>
      </c>
      <c r="LY13" s="122">
        <v>0</v>
      </c>
      <c r="LZ13" s="122">
        <v>0</v>
      </c>
      <c r="MA13" s="122">
        <v>0</v>
      </c>
      <c r="MB13" s="122">
        <v>585924</v>
      </c>
      <c r="MC13" s="123">
        <v>585924</v>
      </c>
      <c r="MD13" s="124">
        <v>585924</v>
      </c>
      <c r="ME13" s="159">
        <v>0</v>
      </c>
      <c r="MF13" s="122">
        <v>0</v>
      </c>
      <c r="MG13" s="123">
        <v>0</v>
      </c>
      <c r="MH13" s="162"/>
      <c r="MI13" s="122">
        <v>472105</v>
      </c>
      <c r="MJ13" s="122">
        <v>1390826</v>
      </c>
      <c r="MK13" s="122">
        <v>1446184</v>
      </c>
      <c r="ML13" s="122">
        <v>4789008</v>
      </c>
      <c r="MM13" s="122">
        <v>3091574</v>
      </c>
      <c r="MN13" s="123">
        <v>11189697</v>
      </c>
      <c r="MO13" s="160">
        <v>11189697</v>
      </c>
      <c r="MP13" s="159">
        <v>0</v>
      </c>
      <c r="MQ13" s="122">
        <v>0</v>
      </c>
      <c r="MR13" s="123">
        <v>0</v>
      </c>
      <c r="MS13" s="162"/>
      <c r="MT13" s="122">
        <v>0</v>
      </c>
      <c r="MU13" s="122">
        <v>178745</v>
      </c>
      <c r="MV13" s="122">
        <v>391453</v>
      </c>
      <c r="MW13" s="122">
        <v>3911847</v>
      </c>
      <c r="MX13" s="122">
        <v>2586180</v>
      </c>
      <c r="MY13" s="123">
        <v>7068225</v>
      </c>
      <c r="MZ13" s="160">
        <v>7068225</v>
      </c>
      <c r="NA13" s="159">
        <v>0</v>
      </c>
      <c r="NB13" s="122">
        <v>0</v>
      </c>
      <c r="NC13" s="123">
        <v>0</v>
      </c>
      <c r="ND13" s="162"/>
      <c r="NE13" s="122">
        <v>472105</v>
      </c>
      <c r="NF13" s="122">
        <v>1212081</v>
      </c>
      <c r="NG13" s="122">
        <v>1054731</v>
      </c>
      <c r="NH13" s="122">
        <v>877161</v>
      </c>
      <c r="NI13" s="122">
        <v>505394</v>
      </c>
      <c r="NJ13" s="123">
        <v>4121472</v>
      </c>
      <c r="NK13" s="357">
        <v>4121472</v>
      </c>
      <c r="NL13" s="159">
        <v>0</v>
      </c>
      <c r="NM13" s="122">
        <v>0</v>
      </c>
      <c r="NN13" s="123">
        <v>0</v>
      </c>
      <c r="NO13" s="162"/>
      <c r="NP13" s="122">
        <v>0</v>
      </c>
      <c r="NQ13" s="122">
        <v>0</v>
      </c>
      <c r="NR13" s="122">
        <v>0</v>
      </c>
      <c r="NS13" s="122">
        <v>0</v>
      </c>
      <c r="NT13" s="122">
        <v>0</v>
      </c>
      <c r="NU13" s="123">
        <v>0</v>
      </c>
      <c r="NV13" s="124">
        <v>0</v>
      </c>
      <c r="NW13" s="159">
        <v>0</v>
      </c>
      <c r="NX13" s="122">
        <v>0</v>
      </c>
      <c r="NY13" s="123">
        <v>0</v>
      </c>
      <c r="NZ13" s="162"/>
      <c r="OA13" s="122">
        <v>0</v>
      </c>
      <c r="OB13" s="122">
        <v>0</v>
      </c>
      <c r="OC13" s="122">
        <v>0</v>
      </c>
      <c r="OD13" s="122">
        <v>0</v>
      </c>
      <c r="OE13" s="122">
        <v>0</v>
      </c>
      <c r="OF13" s="123">
        <v>0</v>
      </c>
      <c r="OG13" s="124">
        <v>0</v>
      </c>
      <c r="OH13" s="159">
        <v>999562</v>
      </c>
      <c r="OI13" s="122">
        <v>806922</v>
      </c>
      <c r="OJ13" s="158">
        <v>1806484</v>
      </c>
      <c r="OK13" s="121">
        <v>0</v>
      </c>
      <c r="OL13" s="122">
        <v>11095127</v>
      </c>
      <c r="OM13" s="122">
        <v>13029225</v>
      </c>
      <c r="ON13" s="122">
        <v>12674496</v>
      </c>
      <c r="OO13" s="122">
        <v>11770992</v>
      </c>
      <c r="OP13" s="122">
        <v>9999805</v>
      </c>
      <c r="OQ13" s="123">
        <v>58569645</v>
      </c>
      <c r="OR13" s="160">
        <v>60376129</v>
      </c>
    </row>
    <row r="14" spans="1:408" ht="20.25" customHeight="1" x14ac:dyDescent="0.2">
      <c r="A14" s="129" t="s">
        <v>8</v>
      </c>
      <c r="B14" s="112">
        <v>403684</v>
      </c>
      <c r="C14" s="116">
        <v>358190</v>
      </c>
      <c r="D14" s="115">
        <v>761874</v>
      </c>
      <c r="E14" s="111">
        <v>0</v>
      </c>
      <c r="F14" s="116">
        <v>3768428</v>
      </c>
      <c r="G14" s="116">
        <v>5948180</v>
      </c>
      <c r="H14" s="116">
        <v>3250891</v>
      </c>
      <c r="I14" s="116">
        <v>4917571</v>
      </c>
      <c r="J14" s="116">
        <v>3128561</v>
      </c>
      <c r="K14" s="111">
        <v>21013631</v>
      </c>
      <c r="L14" s="118">
        <v>21775505</v>
      </c>
      <c r="M14" s="112">
        <v>93152</v>
      </c>
      <c r="N14" s="116">
        <v>62641</v>
      </c>
      <c r="O14" s="115">
        <v>155793</v>
      </c>
      <c r="P14" s="112">
        <v>0</v>
      </c>
      <c r="Q14" s="116">
        <v>842635</v>
      </c>
      <c r="R14" s="116">
        <v>1739992</v>
      </c>
      <c r="S14" s="116">
        <v>913584</v>
      </c>
      <c r="T14" s="116">
        <v>1833620</v>
      </c>
      <c r="U14" s="116">
        <v>1146916</v>
      </c>
      <c r="V14" s="115">
        <v>6476747</v>
      </c>
      <c r="W14" s="118">
        <v>6632540</v>
      </c>
      <c r="X14" s="112">
        <v>0</v>
      </c>
      <c r="Y14" s="116">
        <v>0</v>
      </c>
      <c r="Z14" s="115">
        <v>0</v>
      </c>
      <c r="AA14" s="112">
        <v>0</v>
      </c>
      <c r="AB14" s="116">
        <v>580844</v>
      </c>
      <c r="AC14" s="116">
        <v>964822</v>
      </c>
      <c r="AD14" s="116">
        <v>406220</v>
      </c>
      <c r="AE14" s="116">
        <v>857609</v>
      </c>
      <c r="AF14" s="116">
        <v>583952</v>
      </c>
      <c r="AG14" s="115">
        <v>3393447</v>
      </c>
      <c r="AH14" s="118">
        <v>3393447</v>
      </c>
      <c r="AI14" s="112">
        <v>0</v>
      </c>
      <c r="AJ14" s="116">
        <v>0</v>
      </c>
      <c r="AK14" s="115">
        <v>0</v>
      </c>
      <c r="AL14" s="112">
        <v>0</v>
      </c>
      <c r="AM14" s="116">
        <v>0</v>
      </c>
      <c r="AN14" s="116">
        <v>76546</v>
      </c>
      <c r="AO14" s="116">
        <v>0</v>
      </c>
      <c r="AP14" s="116">
        <v>284401</v>
      </c>
      <c r="AQ14" s="116">
        <v>164200</v>
      </c>
      <c r="AR14" s="115">
        <v>525147</v>
      </c>
      <c r="AS14" s="118">
        <v>525147</v>
      </c>
      <c r="AT14" s="112">
        <v>35808</v>
      </c>
      <c r="AU14" s="116">
        <v>8463</v>
      </c>
      <c r="AV14" s="115">
        <v>44271</v>
      </c>
      <c r="AW14" s="112">
        <v>0</v>
      </c>
      <c r="AX14" s="116">
        <v>175369</v>
      </c>
      <c r="AY14" s="116">
        <v>344320</v>
      </c>
      <c r="AZ14" s="116">
        <v>153271</v>
      </c>
      <c r="BA14" s="116">
        <v>391334</v>
      </c>
      <c r="BB14" s="116">
        <v>172123</v>
      </c>
      <c r="BC14" s="115">
        <v>1236417</v>
      </c>
      <c r="BD14" s="118">
        <v>1280688</v>
      </c>
      <c r="BE14" s="112">
        <v>0</v>
      </c>
      <c r="BF14" s="116">
        <v>41606</v>
      </c>
      <c r="BG14" s="114">
        <v>41606</v>
      </c>
      <c r="BH14" s="113">
        <v>0</v>
      </c>
      <c r="BI14" s="116">
        <v>0</v>
      </c>
      <c r="BJ14" s="116">
        <v>108688</v>
      </c>
      <c r="BK14" s="116">
        <v>226042</v>
      </c>
      <c r="BL14" s="116">
        <v>35935</v>
      </c>
      <c r="BM14" s="116">
        <v>58711</v>
      </c>
      <c r="BN14" s="115">
        <v>429376</v>
      </c>
      <c r="BO14" s="118">
        <v>470982</v>
      </c>
      <c r="BP14" s="112">
        <v>57344</v>
      </c>
      <c r="BQ14" s="116">
        <v>12572</v>
      </c>
      <c r="BR14" s="115">
        <v>69916</v>
      </c>
      <c r="BS14" s="112">
        <v>0</v>
      </c>
      <c r="BT14" s="116">
        <v>86422</v>
      </c>
      <c r="BU14" s="116">
        <v>245616</v>
      </c>
      <c r="BV14" s="116">
        <v>128051</v>
      </c>
      <c r="BW14" s="116">
        <v>264341</v>
      </c>
      <c r="BX14" s="116">
        <v>167930</v>
      </c>
      <c r="BY14" s="115">
        <v>892360</v>
      </c>
      <c r="BZ14" s="118">
        <v>962276</v>
      </c>
      <c r="CA14" s="112">
        <v>52432</v>
      </c>
      <c r="CB14" s="116">
        <v>132204</v>
      </c>
      <c r="CC14" s="115">
        <v>184636</v>
      </c>
      <c r="CD14" s="112">
        <v>0</v>
      </c>
      <c r="CE14" s="116">
        <v>1357651</v>
      </c>
      <c r="CF14" s="116">
        <v>1431667</v>
      </c>
      <c r="CG14" s="116">
        <v>255607</v>
      </c>
      <c r="CH14" s="116">
        <v>1159035</v>
      </c>
      <c r="CI14" s="116">
        <v>191923</v>
      </c>
      <c r="CJ14" s="115">
        <v>4395883</v>
      </c>
      <c r="CK14" s="118">
        <v>4580519</v>
      </c>
      <c r="CL14" s="112">
        <v>0</v>
      </c>
      <c r="CM14" s="116">
        <v>0</v>
      </c>
      <c r="CN14" s="115">
        <v>0</v>
      </c>
      <c r="CO14" s="113">
        <v>0</v>
      </c>
      <c r="CP14" s="116">
        <v>902514</v>
      </c>
      <c r="CQ14" s="116">
        <v>1165466</v>
      </c>
      <c r="CR14" s="116">
        <v>99685</v>
      </c>
      <c r="CS14" s="116">
        <v>765347</v>
      </c>
      <c r="CT14" s="116">
        <v>146773</v>
      </c>
      <c r="CU14" s="115">
        <v>3079785</v>
      </c>
      <c r="CV14" s="118">
        <v>3079785</v>
      </c>
      <c r="CW14" s="112">
        <v>52432</v>
      </c>
      <c r="CX14" s="116">
        <v>132204</v>
      </c>
      <c r="CY14" s="115">
        <v>184636</v>
      </c>
      <c r="CZ14" s="112">
        <v>0</v>
      </c>
      <c r="DA14" s="116">
        <v>455137</v>
      </c>
      <c r="DB14" s="116">
        <v>266201</v>
      </c>
      <c r="DC14" s="116">
        <v>155922</v>
      </c>
      <c r="DD14" s="116">
        <v>393688</v>
      </c>
      <c r="DE14" s="116">
        <v>45150</v>
      </c>
      <c r="DF14" s="115">
        <v>1316098</v>
      </c>
      <c r="DG14" s="118">
        <v>1500734</v>
      </c>
      <c r="DH14" s="112">
        <v>0</v>
      </c>
      <c r="DI14" s="116">
        <v>0</v>
      </c>
      <c r="DJ14" s="114">
        <v>0</v>
      </c>
      <c r="DK14" s="113">
        <v>0</v>
      </c>
      <c r="DL14" s="116">
        <v>116516</v>
      </c>
      <c r="DM14" s="116">
        <v>652534</v>
      </c>
      <c r="DN14" s="116">
        <v>175993</v>
      </c>
      <c r="DO14" s="116">
        <v>215636</v>
      </c>
      <c r="DP14" s="116">
        <v>80429</v>
      </c>
      <c r="DQ14" s="115">
        <v>1241108</v>
      </c>
      <c r="DR14" s="118">
        <v>1241108</v>
      </c>
      <c r="DS14" s="112">
        <v>0</v>
      </c>
      <c r="DT14" s="116">
        <v>0</v>
      </c>
      <c r="DU14" s="115">
        <v>0</v>
      </c>
      <c r="DV14" s="112">
        <v>0</v>
      </c>
      <c r="DW14" s="116">
        <v>116516</v>
      </c>
      <c r="DX14" s="116">
        <v>652534</v>
      </c>
      <c r="DY14" s="116">
        <v>175993</v>
      </c>
      <c r="DZ14" s="116">
        <v>215636</v>
      </c>
      <c r="EA14" s="116">
        <v>80429</v>
      </c>
      <c r="EB14" s="115">
        <v>1241108</v>
      </c>
      <c r="EC14" s="118">
        <v>1241108</v>
      </c>
      <c r="ED14" s="112">
        <v>0</v>
      </c>
      <c r="EE14" s="114">
        <v>0</v>
      </c>
      <c r="EF14" s="115">
        <v>0</v>
      </c>
      <c r="EG14" s="112">
        <v>0</v>
      </c>
      <c r="EH14" s="116">
        <v>0</v>
      </c>
      <c r="EI14" s="116">
        <v>0</v>
      </c>
      <c r="EJ14" s="116">
        <v>0</v>
      </c>
      <c r="EK14" s="116">
        <v>0</v>
      </c>
      <c r="EL14" s="116">
        <v>0</v>
      </c>
      <c r="EM14" s="114">
        <v>0</v>
      </c>
      <c r="EN14" s="118">
        <v>0</v>
      </c>
      <c r="EO14" s="112">
        <v>0</v>
      </c>
      <c r="EP14" s="116">
        <v>0</v>
      </c>
      <c r="EQ14" s="114">
        <v>0</v>
      </c>
      <c r="ER14" s="113">
        <v>0</v>
      </c>
      <c r="ES14" s="116">
        <v>0</v>
      </c>
      <c r="ET14" s="116">
        <v>0</v>
      </c>
      <c r="EU14" s="116">
        <v>0</v>
      </c>
      <c r="EV14" s="116">
        <v>0</v>
      </c>
      <c r="EW14" s="116">
        <v>0</v>
      </c>
      <c r="EX14" s="115">
        <v>0</v>
      </c>
      <c r="EY14" s="118">
        <v>0</v>
      </c>
      <c r="EZ14" s="112">
        <v>0</v>
      </c>
      <c r="FA14" s="116">
        <v>0</v>
      </c>
      <c r="FB14" s="114">
        <v>0</v>
      </c>
      <c r="FC14" s="390"/>
      <c r="FD14" s="116">
        <v>0</v>
      </c>
      <c r="FE14" s="116">
        <v>0</v>
      </c>
      <c r="FF14" s="116">
        <v>0</v>
      </c>
      <c r="FG14" s="116">
        <v>0</v>
      </c>
      <c r="FH14" s="116">
        <v>0</v>
      </c>
      <c r="FI14" s="115">
        <v>0</v>
      </c>
      <c r="FJ14" s="118">
        <v>0</v>
      </c>
      <c r="FK14" s="112">
        <v>39802</v>
      </c>
      <c r="FL14" s="116">
        <v>163345</v>
      </c>
      <c r="FM14" s="115">
        <v>203147</v>
      </c>
      <c r="FN14" s="112">
        <v>0</v>
      </c>
      <c r="FO14" s="116">
        <v>445788</v>
      </c>
      <c r="FP14" s="116">
        <v>571207</v>
      </c>
      <c r="FQ14" s="116">
        <v>272662</v>
      </c>
      <c r="FR14" s="116">
        <v>518287</v>
      </c>
      <c r="FS14" s="116">
        <v>155911</v>
      </c>
      <c r="FT14" s="115">
        <v>1963855</v>
      </c>
      <c r="FU14" s="118">
        <v>2167002</v>
      </c>
      <c r="FV14" s="117">
        <v>39802</v>
      </c>
      <c r="FW14" s="116">
        <v>59395</v>
      </c>
      <c r="FX14" s="114">
        <v>99197</v>
      </c>
      <c r="FY14" s="113">
        <v>0</v>
      </c>
      <c r="FZ14" s="116">
        <v>207165</v>
      </c>
      <c r="GA14" s="116">
        <v>518959</v>
      </c>
      <c r="GB14" s="116">
        <v>264593</v>
      </c>
      <c r="GC14" s="116">
        <v>518287</v>
      </c>
      <c r="GD14" s="116">
        <v>155911</v>
      </c>
      <c r="GE14" s="115">
        <v>1664915</v>
      </c>
      <c r="GF14" s="354">
        <v>1764112</v>
      </c>
      <c r="GG14" s="117">
        <v>0</v>
      </c>
      <c r="GH14" s="116">
        <v>0</v>
      </c>
      <c r="GI14" s="114">
        <v>0</v>
      </c>
      <c r="GJ14" s="113">
        <v>0</v>
      </c>
      <c r="GK14" s="116">
        <v>13860</v>
      </c>
      <c r="GL14" s="116">
        <v>52248</v>
      </c>
      <c r="GM14" s="116">
        <v>0</v>
      </c>
      <c r="GN14" s="116">
        <v>0</v>
      </c>
      <c r="GO14" s="116">
        <v>0</v>
      </c>
      <c r="GP14" s="115">
        <v>66108</v>
      </c>
      <c r="GQ14" s="118">
        <v>66108</v>
      </c>
      <c r="GR14" s="112">
        <v>0</v>
      </c>
      <c r="GS14" s="116">
        <v>103950</v>
      </c>
      <c r="GT14" s="115">
        <v>103950</v>
      </c>
      <c r="GU14" s="112">
        <v>0</v>
      </c>
      <c r="GV14" s="116">
        <v>224763</v>
      </c>
      <c r="GW14" s="116">
        <v>0</v>
      </c>
      <c r="GX14" s="116">
        <v>8069</v>
      </c>
      <c r="GY14" s="116">
        <v>0</v>
      </c>
      <c r="GZ14" s="116">
        <v>0</v>
      </c>
      <c r="HA14" s="114">
        <v>232832</v>
      </c>
      <c r="HB14" s="118">
        <v>336782</v>
      </c>
      <c r="HC14" s="112">
        <v>218298</v>
      </c>
      <c r="HD14" s="116">
        <v>0</v>
      </c>
      <c r="HE14" s="114">
        <v>218298</v>
      </c>
      <c r="HF14" s="113">
        <v>0</v>
      </c>
      <c r="HG14" s="116">
        <v>1005838</v>
      </c>
      <c r="HH14" s="116">
        <v>1552780</v>
      </c>
      <c r="HI14" s="116">
        <v>1633045</v>
      </c>
      <c r="HJ14" s="116">
        <v>1190993</v>
      </c>
      <c r="HK14" s="116">
        <v>1553382</v>
      </c>
      <c r="HL14" s="115">
        <v>6936038</v>
      </c>
      <c r="HM14" s="111">
        <v>7154336</v>
      </c>
      <c r="HN14" s="370"/>
      <c r="HO14" s="371"/>
      <c r="HP14" s="372"/>
      <c r="HQ14" s="373"/>
      <c r="HR14" s="371"/>
      <c r="HS14" s="371"/>
      <c r="HT14" s="371"/>
      <c r="HU14" s="371"/>
      <c r="HV14" s="371"/>
      <c r="HW14" s="374"/>
      <c r="HX14" s="375"/>
      <c r="HY14" s="148">
        <v>0</v>
      </c>
      <c r="HZ14" s="149">
        <v>0</v>
      </c>
      <c r="IA14" s="150">
        <v>0</v>
      </c>
      <c r="IB14" s="151">
        <v>0</v>
      </c>
      <c r="IC14" s="152">
        <v>1018314</v>
      </c>
      <c r="ID14" s="153">
        <v>1527697</v>
      </c>
      <c r="IE14" s="154">
        <v>1004995</v>
      </c>
      <c r="IF14" s="152">
        <v>2267388</v>
      </c>
      <c r="IG14" s="154">
        <v>281758</v>
      </c>
      <c r="IH14" s="155">
        <v>6100152</v>
      </c>
      <c r="II14" s="156">
        <v>6100152</v>
      </c>
      <c r="IJ14" s="261">
        <v>0</v>
      </c>
      <c r="IK14" s="268">
        <v>0</v>
      </c>
      <c r="IL14" s="269">
        <v>0</v>
      </c>
      <c r="IM14" s="157"/>
      <c r="IN14" s="122">
        <v>0</v>
      </c>
      <c r="IO14" s="122">
        <v>122124</v>
      </c>
      <c r="IP14" s="122">
        <v>0</v>
      </c>
      <c r="IQ14" s="122">
        <v>212828</v>
      </c>
      <c r="IR14" s="122">
        <v>0</v>
      </c>
      <c r="IS14" s="158">
        <v>334952</v>
      </c>
      <c r="IT14" s="357">
        <v>334952</v>
      </c>
      <c r="IU14" s="159">
        <v>0</v>
      </c>
      <c r="IV14" s="122">
        <v>0</v>
      </c>
      <c r="IW14" s="123">
        <v>0</v>
      </c>
      <c r="IX14" s="161"/>
      <c r="IY14" s="122">
        <v>0</v>
      </c>
      <c r="IZ14" s="122">
        <v>0</v>
      </c>
      <c r="JA14" s="122">
        <v>0</v>
      </c>
      <c r="JB14" s="122">
        <v>0</v>
      </c>
      <c r="JC14" s="122">
        <v>0</v>
      </c>
      <c r="JD14" s="123">
        <v>0</v>
      </c>
      <c r="JE14" s="124">
        <v>0</v>
      </c>
      <c r="JF14" s="159">
        <v>0</v>
      </c>
      <c r="JG14" s="122">
        <v>0</v>
      </c>
      <c r="JH14" s="158">
        <v>0</v>
      </c>
      <c r="JI14" s="121">
        <v>0</v>
      </c>
      <c r="JJ14" s="122">
        <v>725036</v>
      </c>
      <c r="JK14" s="122">
        <v>720692</v>
      </c>
      <c r="JL14" s="122">
        <v>585159</v>
      </c>
      <c r="JM14" s="122">
        <v>361049</v>
      </c>
      <c r="JN14" s="122">
        <v>42807</v>
      </c>
      <c r="JO14" s="123">
        <v>2434743</v>
      </c>
      <c r="JP14" s="357">
        <v>2434743</v>
      </c>
      <c r="JQ14" s="159">
        <v>0</v>
      </c>
      <c r="JR14" s="122">
        <v>0</v>
      </c>
      <c r="JS14" s="158">
        <v>0</v>
      </c>
      <c r="JT14" s="121">
        <v>0</v>
      </c>
      <c r="JU14" s="122">
        <v>0</v>
      </c>
      <c r="JV14" s="122">
        <v>165150</v>
      </c>
      <c r="JW14" s="122">
        <v>0</v>
      </c>
      <c r="JX14" s="122">
        <v>0</v>
      </c>
      <c r="JY14" s="122">
        <v>0</v>
      </c>
      <c r="JZ14" s="123">
        <v>165150</v>
      </c>
      <c r="KA14" s="357">
        <v>165150</v>
      </c>
      <c r="KB14" s="264">
        <v>0</v>
      </c>
      <c r="KC14" s="258">
        <v>0</v>
      </c>
      <c r="KD14" s="123">
        <v>0</v>
      </c>
      <c r="KE14" s="121">
        <v>0</v>
      </c>
      <c r="KF14" s="122">
        <v>293278</v>
      </c>
      <c r="KG14" s="122">
        <v>0</v>
      </c>
      <c r="KH14" s="122">
        <v>419836</v>
      </c>
      <c r="KI14" s="122">
        <v>0</v>
      </c>
      <c r="KJ14" s="122">
        <v>0</v>
      </c>
      <c r="KK14" s="123">
        <v>713114</v>
      </c>
      <c r="KL14" s="160">
        <v>713114</v>
      </c>
      <c r="KM14" s="261">
        <v>0</v>
      </c>
      <c r="KN14" s="268">
        <v>0</v>
      </c>
      <c r="KO14" s="269">
        <v>0</v>
      </c>
      <c r="KP14" s="157"/>
      <c r="KQ14" s="122">
        <v>0</v>
      </c>
      <c r="KR14" s="122">
        <v>261539</v>
      </c>
      <c r="KS14" s="122">
        <v>0</v>
      </c>
      <c r="KT14" s="122">
        <v>1051042</v>
      </c>
      <c r="KU14" s="122">
        <v>0</v>
      </c>
      <c r="KV14" s="123">
        <v>1312581</v>
      </c>
      <c r="KW14" s="357">
        <v>1312581</v>
      </c>
      <c r="KX14" s="159">
        <v>0</v>
      </c>
      <c r="KY14" s="122">
        <v>0</v>
      </c>
      <c r="KZ14" s="123">
        <v>0</v>
      </c>
      <c r="LA14" s="162"/>
      <c r="LB14" s="122">
        <v>0</v>
      </c>
      <c r="LC14" s="122">
        <v>136702</v>
      </c>
      <c r="LD14" s="122">
        <v>0</v>
      </c>
      <c r="LE14" s="122">
        <v>170936</v>
      </c>
      <c r="LF14" s="122">
        <v>0</v>
      </c>
      <c r="LG14" s="123">
        <v>307638</v>
      </c>
      <c r="LH14" s="124">
        <v>307638</v>
      </c>
      <c r="LI14" s="159">
        <v>0</v>
      </c>
      <c r="LJ14" s="122">
        <v>0</v>
      </c>
      <c r="LK14" s="123">
        <v>0</v>
      </c>
      <c r="LL14" s="162"/>
      <c r="LM14" s="122">
        <v>0</v>
      </c>
      <c r="LN14" s="122">
        <v>0</v>
      </c>
      <c r="LO14" s="122">
        <v>0</v>
      </c>
      <c r="LP14" s="122">
        <v>223479</v>
      </c>
      <c r="LQ14" s="122">
        <v>238951</v>
      </c>
      <c r="LR14" s="123">
        <v>462430</v>
      </c>
      <c r="LS14" s="357">
        <v>462430</v>
      </c>
      <c r="LT14" s="159">
        <v>0</v>
      </c>
      <c r="LU14" s="122">
        <v>0</v>
      </c>
      <c r="LV14" s="123">
        <v>0</v>
      </c>
      <c r="LW14" s="162"/>
      <c r="LX14" s="122">
        <v>0</v>
      </c>
      <c r="LY14" s="122">
        <v>121490</v>
      </c>
      <c r="LZ14" s="122">
        <v>0</v>
      </c>
      <c r="MA14" s="122">
        <v>248054</v>
      </c>
      <c r="MB14" s="122">
        <v>0</v>
      </c>
      <c r="MC14" s="123">
        <v>369544</v>
      </c>
      <c r="MD14" s="124">
        <v>369544</v>
      </c>
      <c r="ME14" s="159">
        <v>0</v>
      </c>
      <c r="MF14" s="122">
        <v>0</v>
      </c>
      <c r="MG14" s="123">
        <v>0</v>
      </c>
      <c r="MH14" s="162"/>
      <c r="MI14" s="122">
        <v>0</v>
      </c>
      <c r="MJ14" s="122">
        <v>661616</v>
      </c>
      <c r="MK14" s="122">
        <v>1120742</v>
      </c>
      <c r="ML14" s="122">
        <v>3378854</v>
      </c>
      <c r="MM14" s="122">
        <v>1266286</v>
      </c>
      <c r="MN14" s="123">
        <v>6427498</v>
      </c>
      <c r="MO14" s="160">
        <v>6427498</v>
      </c>
      <c r="MP14" s="159">
        <v>0</v>
      </c>
      <c r="MQ14" s="122">
        <v>0</v>
      </c>
      <c r="MR14" s="123">
        <v>0</v>
      </c>
      <c r="MS14" s="162"/>
      <c r="MT14" s="122">
        <v>0</v>
      </c>
      <c r="MU14" s="122">
        <v>-483</v>
      </c>
      <c r="MV14" s="122">
        <v>178332</v>
      </c>
      <c r="MW14" s="122">
        <v>1860000</v>
      </c>
      <c r="MX14" s="122">
        <v>1036669</v>
      </c>
      <c r="MY14" s="123">
        <v>3074518</v>
      </c>
      <c r="MZ14" s="160">
        <v>3074518</v>
      </c>
      <c r="NA14" s="159">
        <v>0</v>
      </c>
      <c r="NB14" s="122">
        <v>0</v>
      </c>
      <c r="NC14" s="123">
        <v>0</v>
      </c>
      <c r="ND14" s="162"/>
      <c r="NE14" s="122">
        <v>0</v>
      </c>
      <c r="NF14" s="122">
        <v>662099</v>
      </c>
      <c r="NG14" s="122">
        <v>942410</v>
      </c>
      <c r="NH14" s="122">
        <v>1518854</v>
      </c>
      <c r="NI14" s="122">
        <v>229617</v>
      </c>
      <c r="NJ14" s="123">
        <v>3352980</v>
      </c>
      <c r="NK14" s="357">
        <v>3352980</v>
      </c>
      <c r="NL14" s="159">
        <v>0</v>
      </c>
      <c r="NM14" s="122">
        <v>0</v>
      </c>
      <c r="NN14" s="123">
        <v>0</v>
      </c>
      <c r="NO14" s="162"/>
      <c r="NP14" s="122">
        <v>0</v>
      </c>
      <c r="NQ14" s="122">
        <v>0</v>
      </c>
      <c r="NR14" s="122">
        <v>0</v>
      </c>
      <c r="NS14" s="122">
        <v>0</v>
      </c>
      <c r="NT14" s="122">
        <v>0</v>
      </c>
      <c r="NU14" s="123">
        <v>0</v>
      </c>
      <c r="NV14" s="124">
        <v>0</v>
      </c>
      <c r="NW14" s="159">
        <v>0</v>
      </c>
      <c r="NX14" s="122">
        <v>0</v>
      </c>
      <c r="NY14" s="123">
        <v>0</v>
      </c>
      <c r="NZ14" s="162"/>
      <c r="OA14" s="122">
        <v>0</v>
      </c>
      <c r="OB14" s="122">
        <v>0</v>
      </c>
      <c r="OC14" s="122">
        <v>0</v>
      </c>
      <c r="OD14" s="122">
        <v>0</v>
      </c>
      <c r="OE14" s="122">
        <v>0</v>
      </c>
      <c r="OF14" s="123">
        <v>0</v>
      </c>
      <c r="OG14" s="124">
        <v>0</v>
      </c>
      <c r="OH14" s="159">
        <v>403684</v>
      </c>
      <c r="OI14" s="122">
        <v>358190</v>
      </c>
      <c r="OJ14" s="158">
        <v>761874</v>
      </c>
      <c r="OK14" s="121">
        <v>0</v>
      </c>
      <c r="OL14" s="122">
        <v>4786742</v>
      </c>
      <c r="OM14" s="122">
        <v>8137493</v>
      </c>
      <c r="ON14" s="122">
        <v>5376628</v>
      </c>
      <c r="OO14" s="122">
        <v>10563813</v>
      </c>
      <c r="OP14" s="122">
        <v>4676605</v>
      </c>
      <c r="OQ14" s="123">
        <v>33541281</v>
      </c>
      <c r="OR14" s="160">
        <v>34303155</v>
      </c>
    </row>
    <row r="15" spans="1:408" ht="20.25" customHeight="1" x14ac:dyDescent="0.2">
      <c r="A15" s="129" t="s">
        <v>9</v>
      </c>
      <c r="B15" s="112">
        <v>1197633</v>
      </c>
      <c r="C15" s="116">
        <v>1292074</v>
      </c>
      <c r="D15" s="115">
        <v>2489707</v>
      </c>
      <c r="E15" s="113">
        <v>0</v>
      </c>
      <c r="F15" s="116">
        <v>9559008</v>
      </c>
      <c r="G15" s="116">
        <v>10435278</v>
      </c>
      <c r="H15" s="116">
        <v>9612336</v>
      </c>
      <c r="I15" s="116">
        <v>12881155</v>
      </c>
      <c r="J15" s="116">
        <v>11125152</v>
      </c>
      <c r="K15" s="111">
        <v>53612929</v>
      </c>
      <c r="L15" s="118">
        <v>56102636</v>
      </c>
      <c r="M15" s="112">
        <v>256373</v>
      </c>
      <c r="N15" s="116">
        <v>213464</v>
      </c>
      <c r="O15" s="115">
        <v>469837</v>
      </c>
      <c r="P15" s="112">
        <v>0</v>
      </c>
      <c r="Q15" s="116">
        <v>4233333</v>
      </c>
      <c r="R15" s="116">
        <v>3647712</v>
      </c>
      <c r="S15" s="116">
        <v>4272635</v>
      </c>
      <c r="T15" s="116">
        <v>5316417</v>
      </c>
      <c r="U15" s="116">
        <v>6290502</v>
      </c>
      <c r="V15" s="115">
        <v>23760599</v>
      </c>
      <c r="W15" s="118">
        <v>24230436</v>
      </c>
      <c r="X15" s="112">
        <v>0</v>
      </c>
      <c r="Y15" s="116">
        <v>0</v>
      </c>
      <c r="Z15" s="115">
        <v>0</v>
      </c>
      <c r="AA15" s="112">
        <v>0</v>
      </c>
      <c r="AB15" s="116">
        <v>1634835</v>
      </c>
      <c r="AC15" s="116">
        <v>1588995</v>
      </c>
      <c r="AD15" s="116">
        <v>2292148</v>
      </c>
      <c r="AE15" s="116">
        <v>3118961</v>
      </c>
      <c r="AF15" s="116">
        <v>4076449</v>
      </c>
      <c r="AG15" s="115">
        <v>12711388</v>
      </c>
      <c r="AH15" s="118">
        <v>12711388</v>
      </c>
      <c r="AI15" s="112">
        <v>0</v>
      </c>
      <c r="AJ15" s="116">
        <v>0</v>
      </c>
      <c r="AK15" s="115">
        <v>0</v>
      </c>
      <c r="AL15" s="112">
        <v>0</v>
      </c>
      <c r="AM15" s="116">
        <v>208357</v>
      </c>
      <c r="AN15" s="116">
        <v>73203</v>
      </c>
      <c r="AO15" s="116">
        <v>121230</v>
      </c>
      <c r="AP15" s="116">
        <v>169600</v>
      </c>
      <c r="AQ15" s="116">
        <v>663777</v>
      </c>
      <c r="AR15" s="115">
        <v>1236167</v>
      </c>
      <c r="AS15" s="118">
        <v>1236167</v>
      </c>
      <c r="AT15" s="112">
        <v>75577</v>
      </c>
      <c r="AU15" s="116">
        <v>158472</v>
      </c>
      <c r="AV15" s="115">
        <v>234049</v>
      </c>
      <c r="AW15" s="112">
        <v>0</v>
      </c>
      <c r="AX15" s="116">
        <v>1677129</v>
      </c>
      <c r="AY15" s="116">
        <v>1066343</v>
      </c>
      <c r="AZ15" s="116">
        <v>1021096</v>
      </c>
      <c r="BA15" s="116">
        <v>1089445</v>
      </c>
      <c r="BB15" s="116">
        <v>843550</v>
      </c>
      <c r="BC15" s="115">
        <v>5697563</v>
      </c>
      <c r="BD15" s="118">
        <v>5931612</v>
      </c>
      <c r="BE15" s="112">
        <v>0</v>
      </c>
      <c r="BF15" s="116">
        <v>0</v>
      </c>
      <c r="BG15" s="114">
        <v>0</v>
      </c>
      <c r="BH15" s="113">
        <v>0</v>
      </c>
      <c r="BI15" s="116">
        <v>308195</v>
      </c>
      <c r="BJ15" s="116">
        <v>246695</v>
      </c>
      <c r="BK15" s="116">
        <v>160848</v>
      </c>
      <c r="BL15" s="116">
        <v>209207</v>
      </c>
      <c r="BM15" s="116">
        <v>145816</v>
      </c>
      <c r="BN15" s="115">
        <v>1070761</v>
      </c>
      <c r="BO15" s="118">
        <v>1070761</v>
      </c>
      <c r="BP15" s="112">
        <v>180796</v>
      </c>
      <c r="BQ15" s="116">
        <v>54992</v>
      </c>
      <c r="BR15" s="115">
        <v>235788</v>
      </c>
      <c r="BS15" s="112">
        <v>0</v>
      </c>
      <c r="BT15" s="116">
        <v>404817</v>
      </c>
      <c r="BU15" s="116">
        <v>672476</v>
      </c>
      <c r="BV15" s="116">
        <v>677313</v>
      </c>
      <c r="BW15" s="116">
        <v>729204</v>
      </c>
      <c r="BX15" s="116">
        <v>560910</v>
      </c>
      <c r="BY15" s="115">
        <v>3044720</v>
      </c>
      <c r="BZ15" s="118">
        <v>3280508</v>
      </c>
      <c r="CA15" s="112">
        <v>72153</v>
      </c>
      <c r="CB15" s="116">
        <v>231372</v>
      </c>
      <c r="CC15" s="115">
        <v>303525</v>
      </c>
      <c r="CD15" s="112">
        <v>0</v>
      </c>
      <c r="CE15" s="116">
        <v>1854320</v>
      </c>
      <c r="CF15" s="116">
        <v>2130731</v>
      </c>
      <c r="CG15" s="116">
        <v>1435612</v>
      </c>
      <c r="CH15" s="116">
        <v>1236717</v>
      </c>
      <c r="CI15" s="116">
        <v>555359</v>
      </c>
      <c r="CJ15" s="115">
        <v>7212739</v>
      </c>
      <c r="CK15" s="118">
        <v>7516264</v>
      </c>
      <c r="CL15" s="112">
        <v>0</v>
      </c>
      <c r="CM15" s="116">
        <v>0</v>
      </c>
      <c r="CN15" s="115">
        <v>0</v>
      </c>
      <c r="CO15" s="113">
        <v>0</v>
      </c>
      <c r="CP15" s="116">
        <v>1536035</v>
      </c>
      <c r="CQ15" s="116">
        <v>1653798</v>
      </c>
      <c r="CR15" s="116">
        <v>1195141</v>
      </c>
      <c r="CS15" s="116">
        <v>716051</v>
      </c>
      <c r="CT15" s="116">
        <v>489208</v>
      </c>
      <c r="CU15" s="115">
        <v>5590233</v>
      </c>
      <c r="CV15" s="118">
        <v>5590233</v>
      </c>
      <c r="CW15" s="112">
        <v>72153</v>
      </c>
      <c r="CX15" s="116">
        <v>231372</v>
      </c>
      <c r="CY15" s="115">
        <v>303525</v>
      </c>
      <c r="CZ15" s="112">
        <v>0</v>
      </c>
      <c r="DA15" s="116">
        <v>318285</v>
      </c>
      <c r="DB15" s="116">
        <v>476933</v>
      </c>
      <c r="DC15" s="116">
        <v>240471</v>
      </c>
      <c r="DD15" s="116">
        <v>520666</v>
      </c>
      <c r="DE15" s="116">
        <v>66151</v>
      </c>
      <c r="DF15" s="115">
        <v>1622506</v>
      </c>
      <c r="DG15" s="118">
        <v>1926031</v>
      </c>
      <c r="DH15" s="112">
        <v>0</v>
      </c>
      <c r="DI15" s="116">
        <v>0</v>
      </c>
      <c r="DJ15" s="114">
        <v>0</v>
      </c>
      <c r="DK15" s="113">
        <v>0</v>
      </c>
      <c r="DL15" s="116">
        <v>192593</v>
      </c>
      <c r="DM15" s="116">
        <v>696073</v>
      </c>
      <c r="DN15" s="116">
        <v>210390</v>
      </c>
      <c r="DO15" s="116">
        <v>1008567</v>
      </c>
      <c r="DP15" s="116">
        <v>361287</v>
      </c>
      <c r="DQ15" s="115">
        <v>2468910</v>
      </c>
      <c r="DR15" s="118">
        <v>2468910</v>
      </c>
      <c r="DS15" s="112">
        <v>0</v>
      </c>
      <c r="DT15" s="116">
        <v>0</v>
      </c>
      <c r="DU15" s="115">
        <v>0</v>
      </c>
      <c r="DV15" s="112">
        <v>0</v>
      </c>
      <c r="DW15" s="116">
        <v>192593</v>
      </c>
      <c r="DX15" s="116">
        <v>668367</v>
      </c>
      <c r="DY15" s="116">
        <v>172010</v>
      </c>
      <c r="DZ15" s="116">
        <v>925039</v>
      </c>
      <c r="EA15" s="116">
        <v>256329</v>
      </c>
      <c r="EB15" s="115">
        <v>2214338</v>
      </c>
      <c r="EC15" s="118">
        <v>2214338</v>
      </c>
      <c r="ED15" s="112">
        <v>0</v>
      </c>
      <c r="EE15" s="114">
        <v>0</v>
      </c>
      <c r="EF15" s="115">
        <v>0</v>
      </c>
      <c r="EG15" s="112">
        <v>0</v>
      </c>
      <c r="EH15" s="116">
        <v>0</v>
      </c>
      <c r="EI15" s="116">
        <v>27706</v>
      </c>
      <c r="EJ15" s="116">
        <v>38380</v>
      </c>
      <c r="EK15" s="116">
        <v>83528</v>
      </c>
      <c r="EL15" s="116">
        <v>104958</v>
      </c>
      <c r="EM15" s="114">
        <v>254572</v>
      </c>
      <c r="EN15" s="118">
        <v>254572</v>
      </c>
      <c r="EO15" s="112">
        <v>0</v>
      </c>
      <c r="EP15" s="116">
        <v>0</v>
      </c>
      <c r="EQ15" s="114">
        <v>0</v>
      </c>
      <c r="ER15" s="113">
        <v>0</v>
      </c>
      <c r="ES15" s="116">
        <v>0</v>
      </c>
      <c r="ET15" s="116">
        <v>0</v>
      </c>
      <c r="EU15" s="116">
        <v>0</v>
      </c>
      <c r="EV15" s="116">
        <v>0</v>
      </c>
      <c r="EW15" s="116">
        <v>0</v>
      </c>
      <c r="EX15" s="115">
        <v>0</v>
      </c>
      <c r="EY15" s="118">
        <v>0</v>
      </c>
      <c r="EZ15" s="112">
        <v>0</v>
      </c>
      <c r="FA15" s="116">
        <v>0</v>
      </c>
      <c r="FB15" s="114">
        <v>0</v>
      </c>
      <c r="FC15" s="390"/>
      <c r="FD15" s="116">
        <v>0</v>
      </c>
      <c r="FE15" s="116">
        <v>0</v>
      </c>
      <c r="FF15" s="116">
        <v>0</v>
      </c>
      <c r="FG15" s="116">
        <v>0</v>
      </c>
      <c r="FH15" s="116">
        <v>0</v>
      </c>
      <c r="FI15" s="115">
        <v>0</v>
      </c>
      <c r="FJ15" s="118">
        <v>0</v>
      </c>
      <c r="FK15" s="112">
        <v>156912</v>
      </c>
      <c r="FL15" s="116">
        <v>329980</v>
      </c>
      <c r="FM15" s="115">
        <v>486892</v>
      </c>
      <c r="FN15" s="112">
        <v>0</v>
      </c>
      <c r="FO15" s="116">
        <v>684061</v>
      </c>
      <c r="FP15" s="116">
        <v>1152711</v>
      </c>
      <c r="FQ15" s="116">
        <v>895860</v>
      </c>
      <c r="FR15" s="116">
        <v>1179493</v>
      </c>
      <c r="FS15" s="116">
        <v>936320</v>
      </c>
      <c r="FT15" s="115">
        <v>4848445</v>
      </c>
      <c r="FU15" s="118">
        <v>5335337</v>
      </c>
      <c r="FV15" s="117">
        <v>156912</v>
      </c>
      <c r="FW15" s="116">
        <v>203980</v>
      </c>
      <c r="FX15" s="114">
        <v>360892</v>
      </c>
      <c r="FY15" s="113">
        <v>0</v>
      </c>
      <c r="FZ15" s="116">
        <v>684061</v>
      </c>
      <c r="GA15" s="116">
        <v>1152711</v>
      </c>
      <c r="GB15" s="116">
        <v>895860</v>
      </c>
      <c r="GC15" s="116">
        <v>1115093</v>
      </c>
      <c r="GD15" s="116">
        <v>936320</v>
      </c>
      <c r="GE15" s="115">
        <v>4784045</v>
      </c>
      <c r="GF15" s="354">
        <v>5144937</v>
      </c>
      <c r="GG15" s="117">
        <v>0</v>
      </c>
      <c r="GH15" s="116">
        <v>0</v>
      </c>
      <c r="GI15" s="114">
        <v>0</v>
      </c>
      <c r="GJ15" s="113">
        <v>0</v>
      </c>
      <c r="GK15" s="116">
        <v>0</v>
      </c>
      <c r="GL15" s="116">
        <v>0</v>
      </c>
      <c r="GM15" s="116">
        <v>0</v>
      </c>
      <c r="GN15" s="116">
        <v>0</v>
      </c>
      <c r="GO15" s="116">
        <v>0</v>
      </c>
      <c r="GP15" s="115">
        <v>0</v>
      </c>
      <c r="GQ15" s="118">
        <v>0</v>
      </c>
      <c r="GR15" s="112">
        <v>0</v>
      </c>
      <c r="GS15" s="116">
        <v>126000</v>
      </c>
      <c r="GT15" s="115">
        <v>126000</v>
      </c>
      <c r="GU15" s="112">
        <v>0</v>
      </c>
      <c r="GV15" s="116">
        <v>0</v>
      </c>
      <c r="GW15" s="116">
        <v>0</v>
      </c>
      <c r="GX15" s="116">
        <v>0</v>
      </c>
      <c r="GY15" s="116">
        <v>64400</v>
      </c>
      <c r="GZ15" s="116">
        <v>0</v>
      </c>
      <c r="HA15" s="114">
        <v>64400</v>
      </c>
      <c r="HB15" s="118">
        <v>190400</v>
      </c>
      <c r="HC15" s="112">
        <v>712195</v>
      </c>
      <c r="HD15" s="116">
        <v>517258</v>
      </c>
      <c r="HE15" s="114">
        <v>1229453</v>
      </c>
      <c r="HF15" s="113">
        <v>0</v>
      </c>
      <c r="HG15" s="116">
        <v>2594701</v>
      </c>
      <c r="HH15" s="116">
        <v>2808051</v>
      </c>
      <c r="HI15" s="116">
        <v>2797839</v>
      </c>
      <c r="HJ15" s="116">
        <v>4139961</v>
      </c>
      <c r="HK15" s="116">
        <v>2981684</v>
      </c>
      <c r="HL15" s="115">
        <v>15322236</v>
      </c>
      <c r="HM15" s="111">
        <v>16551689</v>
      </c>
      <c r="HN15" s="370"/>
      <c r="HO15" s="371"/>
      <c r="HP15" s="372"/>
      <c r="HQ15" s="373"/>
      <c r="HR15" s="371"/>
      <c r="HS15" s="371"/>
      <c r="HT15" s="371"/>
      <c r="HU15" s="371"/>
      <c r="HV15" s="371"/>
      <c r="HW15" s="374"/>
      <c r="HX15" s="375"/>
      <c r="HY15" s="131">
        <v>37821</v>
      </c>
      <c r="HZ15" s="166">
        <v>0</v>
      </c>
      <c r="IA15" s="133">
        <v>37821</v>
      </c>
      <c r="IB15" s="163">
        <v>0</v>
      </c>
      <c r="IC15" s="149">
        <v>1480037</v>
      </c>
      <c r="ID15" s="164">
        <v>3436769</v>
      </c>
      <c r="IE15" s="150">
        <v>2675878</v>
      </c>
      <c r="IF15" s="149">
        <v>3106045</v>
      </c>
      <c r="IG15" s="150">
        <v>1488332</v>
      </c>
      <c r="IH15" s="165">
        <v>12187061</v>
      </c>
      <c r="II15" s="137">
        <v>12224882</v>
      </c>
      <c r="IJ15" s="261">
        <v>0</v>
      </c>
      <c r="IK15" s="268">
        <v>0</v>
      </c>
      <c r="IL15" s="269">
        <v>0</v>
      </c>
      <c r="IM15" s="157"/>
      <c r="IN15" s="122">
        <v>0</v>
      </c>
      <c r="IO15" s="122">
        <v>101846</v>
      </c>
      <c r="IP15" s="122">
        <v>0</v>
      </c>
      <c r="IQ15" s="122">
        <v>616586</v>
      </c>
      <c r="IR15" s="122">
        <v>351561</v>
      </c>
      <c r="IS15" s="158">
        <v>1069993</v>
      </c>
      <c r="IT15" s="357">
        <v>1069993</v>
      </c>
      <c r="IU15" s="159">
        <v>0</v>
      </c>
      <c r="IV15" s="122">
        <v>0</v>
      </c>
      <c r="IW15" s="123">
        <v>0</v>
      </c>
      <c r="IX15" s="161"/>
      <c r="IY15" s="122">
        <v>0</v>
      </c>
      <c r="IZ15" s="122">
        <v>0</v>
      </c>
      <c r="JA15" s="122">
        <v>0</v>
      </c>
      <c r="JB15" s="122">
        <v>0</v>
      </c>
      <c r="JC15" s="122">
        <v>0</v>
      </c>
      <c r="JD15" s="123">
        <v>0</v>
      </c>
      <c r="JE15" s="124">
        <v>0</v>
      </c>
      <c r="JF15" s="159">
        <v>0</v>
      </c>
      <c r="JG15" s="122">
        <v>0</v>
      </c>
      <c r="JH15" s="158">
        <v>0</v>
      </c>
      <c r="JI15" s="121">
        <v>0</v>
      </c>
      <c r="JJ15" s="122">
        <v>936158</v>
      </c>
      <c r="JK15" s="122">
        <v>1357923</v>
      </c>
      <c r="JL15" s="122">
        <v>890050</v>
      </c>
      <c r="JM15" s="122">
        <v>643441</v>
      </c>
      <c r="JN15" s="122">
        <v>52092</v>
      </c>
      <c r="JO15" s="123">
        <v>3879664</v>
      </c>
      <c r="JP15" s="357">
        <v>3879664</v>
      </c>
      <c r="JQ15" s="159">
        <v>0</v>
      </c>
      <c r="JR15" s="122">
        <v>0</v>
      </c>
      <c r="JS15" s="158">
        <v>0</v>
      </c>
      <c r="JT15" s="121">
        <v>0</v>
      </c>
      <c r="JU15" s="122">
        <v>90781</v>
      </c>
      <c r="JV15" s="122">
        <v>0</v>
      </c>
      <c r="JW15" s="122">
        <v>159162</v>
      </c>
      <c r="JX15" s="122">
        <v>0</v>
      </c>
      <c r="JY15" s="122">
        <v>77455</v>
      </c>
      <c r="JZ15" s="123">
        <v>327398</v>
      </c>
      <c r="KA15" s="357">
        <v>327398</v>
      </c>
      <c r="KB15" s="264">
        <v>37821</v>
      </c>
      <c r="KC15" s="258">
        <v>0</v>
      </c>
      <c r="KD15" s="123">
        <v>37821</v>
      </c>
      <c r="KE15" s="121">
        <v>0</v>
      </c>
      <c r="KF15" s="122">
        <v>453098</v>
      </c>
      <c r="KG15" s="122">
        <v>555912</v>
      </c>
      <c r="KH15" s="122">
        <v>605887</v>
      </c>
      <c r="KI15" s="122">
        <v>558999</v>
      </c>
      <c r="KJ15" s="122">
        <v>243509</v>
      </c>
      <c r="KK15" s="123">
        <v>2417405</v>
      </c>
      <c r="KL15" s="160">
        <v>2455226</v>
      </c>
      <c r="KM15" s="261">
        <v>0</v>
      </c>
      <c r="KN15" s="268">
        <v>0</v>
      </c>
      <c r="KO15" s="269">
        <v>0</v>
      </c>
      <c r="KP15" s="157"/>
      <c r="KQ15" s="122">
        <v>0</v>
      </c>
      <c r="KR15" s="122">
        <v>973871</v>
      </c>
      <c r="KS15" s="122">
        <v>583926</v>
      </c>
      <c r="KT15" s="122">
        <v>618471</v>
      </c>
      <c r="KU15" s="122">
        <v>209948</v>
      </c>
      <c r="KV15" s="123">
        <v>2386216</v>
      </c>
      <c r="KW15" s="357">
        <v>2386216</v>
      </c>
      <c r="KX15" s="159">
        <v>0</v>
      </c>
      <c r="KY15" s="122">
        <v>0</v>
      </c>
      <c r="KZ15" s="123">
        <v>0</v>
      </c>
      <c r="LA15" s="162"/>
      <c r="LB15" s="122">
        <v>0</v>
      </c>
      <c r="LC15" s="122">
        <v>285462</v>
      </c>
      <c r="LD15" s="122">
        <v>0</v>
      </c>
      <c r="LE15" s="122">
        <v>173652</v>
      </c>
      <c r="LF15" s="122">
        <v>0</v>
      </c>
      <c r="LG15" s="123">
        <v>459114</v>
      </c>
      <c r="LH15" s="124">
        <v>459114</v>
      </c>
      <c r="LI15" s="159">
        <v>0</v>
      </c>
      <c r="LJ15" s="122">
        <v>0</v>
      </c>
      <c r="LK15" s="123">
        <v>0</v>
      </c>
      <c r="LL15" s="162"/>
      <c r="LM15" s="122">
        <v>0</v>
      </c>
      <c r="LN15" s="122">
        <v>0</v>
      </c>
      <c r="LO15" s="122">
        <v>0</v>
      </c>
      <c r="LP15" s="122">
        <v>0</v>
      </c>
      <c r="LQ15" s="122">
        <v>0</v>
      </c>
      <c r="LR15" s="123">
        <v>0</v>
      </c>
      <c r="LS15" s="357">
        <v>0</v>
      </c>
      <c r="LT15" s="159">
        <v>0</v>
      </c>
      <c r="LU15" s="122">
        <v>0</v>
      </c>
      <c r="LV15" s="123">
        <v>0</v>
      </c>
      <c r="LW15" s="162"/>
      <c r="LX15" s="122">
        <v>0</v>
      </c>
      <c r="LY15" s="122">
        <v>161755</v>
      </c>
      <c r="LZ15" s="122">
        <v>436853</v>
      </c>
      <c r="MA15" s="122">
        <v>494896</v>
      </c>
      <c r="MB15" s="122">
        <v>553767</v>
      </c>
      <c r="MC15" s="123">
        <v>1647271</v>
      </c>
      <c r="MD15" s="124">
        <v>1647271</v>
      </c>
      <c r="ME15" s="159">
        <v>0</v>
      </c>
      <c r="MF15" s="122">
        <v>0</v>
      </c>
      <c r="MG15" s="123">
        <v>0</v>
      </c>
      <c r="MH15" s="162"/>
      <c r="MI15" s="122">
        <v>803748</v>
      </c>
      <c r="MJ15" s="122">
        <v>434047</v>
      </c>
      <c r="MK15" s="122">
        <v>3745377</v>
      </c>
      <c r="ML15" s="122">
        <v>5376938</v>
      </c>
      <c r="MM15" s="122">
        <v>5150536</v>
      </c>
      <c r="MN15" s="123">
        <v>15510646</v>
      </c>
      <c r="MO15" s="160">
        <v>15510646</v>
      </c>
      <c r="MP15" s="159">
        <v>0</v>
      </c>
      <c r="MQ15" s="122">
        <v>0</v>
      </c>
      <c r="MR15" s="123">
        <v>0</v>
      </c>
      <c r="MS15" s="162"/>
      <c r="MT15" s="122">
        <v>0</v>
      </c>
      <c r="MU15" s="122">
        <v>0</v>
      </c>
      <c r="MV15" s="122">
        <v>1359976</v>
      </c>
      <c r="MW15" s="122">
        <v>4426517</v>
      </c>
      <c r="MX15" s="122">
        <v>3620710</v>
      </c>
      <c r="MY15" s="123">
        <v>9407203</v>
      </c>
      <c r="MZ15" s="160">
        <v>9407203</v>
      </c>
      <c r="NA15" s="159">
        <v>0</v>
      </c>
      <c r="NB15" s="122">
        <v>0</v>
      </c>
      <c r="NC15" s="123">
        <v>0</v>
      </c>
      <c r="ND15" s="162"/>
      <c r="NE15" s="122">
        <v>803748</v>
      </c>
      <c r="NF15" s="122">
        <v>434047</v>
      </c>
      <c r="NG15" s="122">
        <v>2385401</v>
      </c>
      <c r="NH15" s="122">
        <v>950421</v>
      </c>
      <c r="NI15" s="122">
        <v>1529826</v>
      </c>
      <c r="NJ15" s="123">
        <v>6103443</v>
      </c>
      <c r="NK15" s="357">
        <v>6103443</v>
      </c>
      <c r="NL15" s="159">
        <v>0</v>
      </c>
      <c r="NM15" s="122">
        <v>0</v>
      </c>
      <c r="NN15" s="123">
        <v>0</v>
      </c>
      <c r="NO15" s="162"/>
      <c r="NP15" s="122">
        <v>0</v>
      </c>
      <c r="NQ15" s="122">
        <v>0</v>
      </c>
      <c r="NR15" s="122">
        <v>0</v>
      </c>
      <c r="NS15" s="122">
        <v>0</v>
      </c>
      <c r="NT15" s="122">
        <v>0</v>
      </c>
      <c r="NU15" s="123">
        <v>0</v>
      </c>
      <c r="NV15" s="124">
        <v>0</v>
      </c>
      <c r="NW15" s="159">
        <v>0</v>
      </c>
      <c r="NX15" s="122">
        <v>0</v>
      </c>
      <c r="NY15" s="123">
        <v>0</v>
      </c>
      <c r="NZ15" s="162"/>
      <c r="OA15" s="122">
        <v>0</v>
      </c>
      <c r="OB15" s="122">
        <v>0</v>
      </c>
      <c r="OC15" s="122">
        <v>0</v>
      </c>
      <c r="OD15" s="122">
        <v>0</v>
      </c>
      <c r="OE15" s="122">
        <v>0</v>
      </c>
      <c r="OF15" s="123">
        <v>0</v>
      </c>
      <c r="OG15" s="124">
        <v>0</v>
      </c>
      <c r="OH15" s="159">
        <v>1235454</v>
      </c>
      <c r="OI15" s="122">
        <v>1292074</v>
      </c>
      <c r="OJ15" s="158">
        <v>2527528</v>
      </c>
      <c r="OK15" s="121">
        <v>0</v>
      </c>
      <c r="OL15" s="122">
        <v>11842793</v>
      </c>
      <c r="OM15" s="122">
        <v>14306094</v>
      </c>
      <c r="ON15" s="122">
        <v>16033591</v>
      </c>
      <c r="OO15" s="122">
        <v>21364138</v>
      </c>
      <c r="OP15" s="122">
        <v>17764020</v>
      </c>
      <c r="OQ15" s="123">
        <v>81310636</v>
      </c>
      <c r="OR15" s="160">
        <v>83838164</v>
      </c>
    </row>
    <row r="16" spans="1:408" ht="20.25" customHeight="1" x14ac:dyDescent="0.2">
      <c r="A16" s="129" t="s">
        <v>10</v>
      </c>
      <c r="B16" s="112">
        <v>1201820</v>
      </c>
      <c r="C16" s="116">
        <v>2389338</v>
      </c>
      <c r="D16" s="115">
        <v>3591158</v>
      </c>
      <c r="E16" s="190">
        <v>0</v>
      </c>
      <c r="F16" s="116">
        <v>15006840</v>
      </c>
      <c r="G16" s="116">
        <v>12975052</v>
      </c>
      <c r="H16" s="116">
        <v>9941668</v>
      </c>
      <c r="I16" s="116">
        <v>12593058</v>
      </c>
      <c r="J16" s="116">
        <v>11049101</v>
      </c>
      <c r="K16" s="111">
        <v>61565719</v>
      </c>
      <c r="L16" s="118">
        <v>65156877</v>
      </c>
      <c r="M16" s="112">
        <v>361102</v>
      </c>
      <c r="N16" s="116">
        <v>860422</v>
      </c>
      <c r="O16" s="115">
        <v>1221524</v>
      </c>
      <c r="P16" s="112">
        <v>0</v>
      </c>
      <c r="Q16" s="116">
        <v>5654991</v>
      </c>
      <c r="R16" s="116">
        <v>4537182</v>
      </c>
      <c r="S16" s="116">
        <v>3697892</v>
      </c>
      <c r="T16" s="116">
        <v>5000670</v>
      </c>
      <c r="U16" s="116">
        <v>5526352</v>
      </c>
      <c r="V16" s="115">
        <v>24417087</v>
      </c>
      <c r="W16" s="118">
        <v>25638611</v>
      </c>
      <c r="X16" s="112">
        <v>0</v>
      </c>
      <c r="Y16" s="116">
        <v>0</v>
      </c>
      <c r="Z16" s="115">
        <v>0</v>
      </c>
      <c r="AA16" s="112">
        <v>0</v>
      </c>
      <c r="AB16" s="116">
        <v>2738545</v>
      </c>
      <c r="AC16" s="116">
        <v>2382381</v>
      </c>
      <c r="AD16" s="116">
        <v>2093881</v>
      </c>
      <c r="AE16" s="116">
        <v>3297683</v>
      </c>
      <c r="AF16" s="116">
        <v>3048520</v>
      </c>
      <c r="AG16" s="115">
        <v>13561010</v>
      </c>
      <c r="AH16" s="118">
        <v>13561010</v>
      </c>
      <c r="AI16" s="112">
        <v>0</v>
      </c>
      <c r="AJ16" s="116">
        <v>0</v>
      </c>
      <c r="AK16" s="115">
        <v>0</v>
      </c>
      <c r="AL16" s="112">
        <v>0</v>
      </c>
      <c r="AM16" s="116">
        <v>61546</v>
      </c>
      <c r="AN16" s="116">
        <v>20517</v>
      </c>
      <c r="AO16" s="116">
        <v>41035</v>
      </c>
      <c r="AP16" s="116">
        <v>110289</v>
      </c>
      <c r="AQ16" s="116">
        <v>526546</v>
      </c>
      <c r="AR16" s="115">
        <v>759933</v>
      </c>
      <c r="AS16" s="118">
        <v>759933</v>
      </c>
      <c r="AT16" s="112">
        <v>149931</v>
      </c>
      <c r="AU16" s="116">
        <v>566138</v>
      </c>
      <c r="AV16" s="115">
        <v>716069</v>
      </c>
      <c r="AW16" s="112">
        <v>0</v>
      </c>
      <c r="AX16" s="116">
        <v>1808022</v>
      </c>
      <c r="AY16" s="116">
        <v>1326365</v>
      </c>
      <c r="AZ16" s="116">
        <v>766552</v>
      </c>
      <c r="BA16" s="116">
        <v>729181</v>
      </c>
      <c r="BB16" s="116">
        <v>1044436</v>
      </c>
      <c r="BC16" s="115">
        <v>5674556</v>
      </c>
      <c r="BD16" s="118">
        <v>6390625</v>
      </c>
      <c r="BE16" s="112">
        <v>50038</v>
      </c>
      <c r="BF16" s="116">
        <v>69521</v>
      </c>
      <c r="BG16" s="114">
        <v>119559</v>
      </c>
      <c r="BH16" s="113">
        <v>0</v>
      </c>
      <c r="BI16" s="116">
        <v>93443</v>
      </c>
      <c r="BJ16" s="116">
        <v>97398</v>
      </c>
      <c r="BK16" s="116">
        <v>181796</v>
      </c>
      <c r="BL16" s="116">
        <v>96324</v>
      </c>
      <c r="BM16" s="116">
        <v>51583</v>
      </c>
      <c r="BN16" s="115">
        <v>520544</v>
      </c>
      <c r="BO16" s="118">
        <v>640103</v>
      </c>
      <c r="BP16" s="112">
        <v>161133</v>
      </c>
      <c r="BQ16" s="116">
        <v>224763</v>
      </c>
      <c r="BR16" s="115">
        <v>385896</v>
      </c>
      <c r="BS16" s="112">
        <v>0</v>
      </c>
      <c r="BT16" s="116">
        <v>953435</v>
      </c>
      <c r="BU16" s="116">
        <v>710521</v>
      </c>
      <c r="BV16" s="116">
        <v>614628</v>
      </c>
      <c r="BW16" s="116">
        <v>767193</v>
      </c>
      <c r="BX16" s="116">
        <v>855267</v>
      </c>
      <c r="BY16" s="115">
        <v>3901044</v>
      </c>
      <c r="BZ16" s="118">
        <v>4286940</v>
      </c>
      <c r="CA16" s="112">
        <v>89471</v>
      </c>
      <c r="CB16" s="116">
        <v>100623</v>
      </c>
      <c r="CC16" s="115">
        <v>190094</v>
      </c>
      <c r="CD16" s="112">
        <v>0</v>
      </c>
      <c r="CE16" s="116">
        <v>4521279</v>
      </c>
      <c r="CF16" s="116">
        <v>3312109</v>
      </c>
      <c r="CG16" s="116">
        <v>1687371</v>
      </c>
      <c r="CH16" s="116">
        <v>819663</v>
      </c>
      <c r="CI16" s="116">
        <v>337446</v>
      </c>
      <c r="CJ16" s="115">
        <v>10677868</v>
      </c>
      <c r="CK16" s="118">
        <v>10867962</v>
      </c>
      <c r="CL16" s="112">
        <v>0</v>
      </c>
      <c r="CM16" s="116">
        <v>0</v>
      </c>
      <c r="CN16" s="115">
        <v>0</v>
      </c>
      <c r="CO16" s="113">
        <v>0</v>
      </c>
      <c r="CP16" s="116">
        <v>4045917</v>
      </c>
      <c r="CQ16" s="116">
        <v>2981735</v>
      </c>
      <c r="CR16" s="116">
        <v>1418881</v>
      </c>
      <c r="CS16" s="116">
        <v>576241</v>
      </c>
      <c r="CT16" s="116">
        <v>238860</v>
      </c>
      <c r="CU16" s="115">
        <v>9261634</v>
      </c>
      <c r="CV16" s="118">
        <v>9261634</v>
      </c>
      <c r="CW16" s="112">
        <v>89471</v>
      </c>
      <c r="CX16" s="116">
        <v>100623</v>
      </c>
      <c r="CY16" s="115">
        <v>190094</v>
      </c>
      <c r="CZ16" s="112">
        <v>0</v>
      </c>
      <c r="DA16" s="116">
        <v>475362</v>
      </c>
      <c r="DB16" s="116">
        <v>330374</v>
      </c>
      <c r="DC16" s="116">
        <v>268490</v>
      </c>
      <c r="DD16" s="116">
        <v>243422</v>
      </c>
      <c r="DE16" s="116">
        <v>98586</v>
      </c>
      <c r="DF16" s="115">
        <v>1416234</v>
      </c>
      <c r="DG16" s="118">
        <v>1606328</v>
      </c>
      <c r="DH16" s="112">
        <v>30869</v>
      </c>
      <c r="DI16" s="116">
        <v>25877</v>
      </c>
      <c r="DJ16" s="114">
        <v>56746</v>
      </c>
      <c r="DK16" s="113">
        <v>0</v>
      </c>
      <c r="DL16" s="116">
        <v>256363</v>
      </c>
      <c r="DM16" s="116">
        <v>185662</v>
      </c>
      <c r="DN16" s="116">
        <v>429331</v>
      </c>
      <c r="DO16" s="116">
        <v>1069074</v>
      </c>
      <c r="DP16" s="116">
        <v>184601</v>
      </c>
      <c r="DQ16" s="115">
        <v>2125031</v>
      </c>
      <c r="DR16" s="118">
        <v>2181777</v>
      </c>
      <c r="DS16" s="112">
        <v>30869</v>
      </c>
      <c r="DT16" s="116">
        <v>25877</v>
      </c>
      <c r="DU16" s="115">
        <v>56746</v>
      </c>
      <c r="DV16" s="112">
        <v>0</v>
      </c>
      <c r="DW16" s="116">
        <v>256363</v>
      </c>
      <c r="DX16" s="116">
        <v>125179</v>
      </c>
      <c r="DY16" s="116">
        <v>429331</v>
      </c>
      <c r="DZ16" s="116">
        <v>1069074</v>
      </c>
      <c r="EA16" s="116">
        <v>184601</v>
      </c>
      <c r="EB16" s="115">
        <v>2064548</v>
      </c>
      <c r="EC16" s="118">
        <v>2121294</v>
      </c>
      <c r="ED16" s="112">
        <v>0</v>
      </c>
      <c r="EE16" s="114">
        <v>0</v>
      </c>
      <c r="EF16" s="115">
        <v>0</v>
      </c>
      <c r="EG16" s="112">
        <v>0</v>
      </c>
      <c r="EH16" s="116">
        <v>0</v>
      </c>
      <c r="EI16" s="116">
        <v>60483</v>
      </c>
      <c r="EJ16" s="116">
        <v>0</v>
      </c>
      <c r="EK16" s="116">
        <v>0</v>
      </c>
      <c r="EL16" s="116">
        <v>0</v>
      </c>
      <c r="EM16" s="114">
        <v>60483</v>
      </c>
      <c r="EN16" s="118">
        <v>60483</v>
      </c>
      <c r="EO16" s="112">
        <v>0</v>
      </c>
      <c r="EP16" s="116">
        <v>0</v>
      </c>
      <c r="EQ16" s="114">
        <v>0</v>
      </c>
      <c r="ER16" s="113">
        <v>0</v>
      </c>
      <c r="ES16" s="116">
        <v>0</v>
      </c>
      <c r="ET16" s="116">
        <v>0</v>
      </c>
      <c r="EU16" s="116">
        <v>0</v>
      </c>
      <c r="EV16" s="116">
        <v>0</v>
      </c>
      <c r="EW16" s="116">
        <v>0</v>
      </c>
      <c r="EX16" s="115">
        <v>0</v>
      </c>
      <c r="EY16" s="118">
        <v>0</v>
      </c>
      <c r="EZ16" s="112">
        <v>0</v>
      </c>
      <c r="FA16" s="116">
        <v>0</v>
      </c>
      <c r="FB16" s="114">
        <v>0</v>
      </c>
      <c r="FC16" s="390"/>
      <c r="FD16" s="116">
        <v>0</v>
      </c>
      <c r="FE16" s="116">
        <v>0</v>
      </c>
      <c r="FF16" s="116">
        <v>0</v>
      </c>
      <c r="FG16" s="116">
        <v>0</v>
      </c>
      <c r="FH16" s="116">
        <v>0</v>
      </c>
      <c r="FI16" s="115">
        <v>0</v>
      </c>
      <c r="FJ16" s="118">
        <v>0</v>
      </c>
      <c r="FK16" s="112">
        <v>357483</v>
      </c>
      <c r="FL16" s="116">
        <v>472542</v>
      </c>
      <c r="FM16" s="115">
        <v>830025</v>
      </c>
      <c r="FN16" s="112">
        <v>0</v>
      </c>
      <c r="FO16" s="116">
        <v>769503</v>
      </c>
      <c r="FP16" s="116">
        <v>1295098</v>
      </c>
      <c r="FQ16" s="116">
        <v>863779</v>
      </c>
      <c r="FR16" s="116">
        <v>985810</v>
      </c>
      <c r="FS16" s="116">
        <v>1038366</v>
      </c>
      <c r="FT16" s="115">
        <v>4952556</v>
      </c>
      <c r="FU16" s="118">
        <v>5782581</v>
      </c>
      <c r="FV16" s="117">
        <v>175483</v>
      </c>
      <c r="FW16" s="116">
        <v>398272</v>
      </c>
      <c r="FX16" s="114">
        <v>573755</v>
      </c>
      <c r="FY16" s="113">
        <v>0</v>
      </c>
      <c r="FZ16" s="116">
        <v>769503</v>
      </c>
      <c r="GA16" s="116">
        <v>1230698</v>
      </c>
      <c r="GB16" s="116">
        <v>845439</v>
      </c>
      <c r="GC16" s="116">
        <v>819910</v>
      </c>
      <c r="GD16" s="116">
        <v>898366</v>
      </c>
      <c r="GE16" s="115">
        <v>4563916</v>
      </c>
      <c r="GF16" s="354">
        <v>5137671</v>
      </c>
      <c r="GG16" s="117">
        <v>0</v>
      </c>
      <c r="GH16" s="116">
        <v>28070</v>
      </c>
      <c r="GI16" s="114">
        <v>28070</v>
      </c>
      <c r="GJ16" s="113">
        <v>0</v>
      </c>
      <c r="GK16" s="116">
        <v>0</v>
      </c>
      <c r="GL16" s="116">
        <v>0</v>
      </c>
      <c r="GM16" s="116">
        <v>18340</v>
      </c>
      <c r="GN16" s="116">
        <v>15400</v>
      </c>
      <c r="GO16" s="116">
        <v>0</v>
      </c>
      <c r="GP16" s="115">
        <v>33740</v>
      </c>
      <c r="GQ16" s="118">
        <v>61810</v>
      </c>
      <c r="GR16" s="112">
        <v>182000</v>
      </c>
      <c r="GS16" s="116">
        <v>46200</v>
      </c>
      <c r="GT16" s="115">
        <v>228200</v>
      </c>
      <c r="GU16" s="112">
        <v>0</v>
      </c>
      <c r="GV16" s="116">
        <v>0</v>
      </c>
      <c r="GW16" s="116">
        <v>64400</v>
      </c>
      <c r="GX16" s="116">
        <v>0</v>
      </c>
      <c r="GY16" s="116">
        <v>150500</v>
      </c>
      <c r="GZ16" s="116">
        <v>140000</v>
      </c>
      <c r="HA16" s="114">
        <v>354900</v>
      </c>
      <c r="HB16" s="118">
        <v>583100</v>
      </c>
      <c r="HC16" s="112">
        <v>362895</v>
      </c>
      <c r="HD16" s="116">
        <v>929874</v>
      </c>
      <c r="HE16" s="114">
        <v>1292769</v>
      </c>
      <c r="HF16" s="113">
        <v>0</v>
      </c>
      <c r="HG16" s="116">
        <v>3804704</v>
      </c>
      <c r="HH16" s="116">
        <v>3645001</v>
      </c>
      <c r="HI16" s="116">
        <v>3263295</v>
      </c>
      <c r="HJ16" s="116">
        <v>4717841</v>
      </c>
      <c r="HK16" s="116">
        <v>3962336</v>
      </c>
      <c r="HL16" s="115">
        <v>19393177</v>
      </c>
      <c r="HM16" s="111">
        <v>20685946</v>
      </c>
      <c r="HN16" s="370"/>
      <c r="HO16" s="371"/>
      <c r="HP16" s="372"/>
      <c r="HQ16" s="373"/>
      <c r="HR16" s="371"/>
      <c r="HS16" s="371"/>
      <c r="HT16" s="371"/>
      <c r="HU16" s="371"/>
      <c r="HV16" s="371"/>
      <c r="HW16" s="374"/>
      <c r="HX16" s="375"/>
      <c r="HY16" s="167">
        <v>42660</v>
      </c>
      <c r="HZ16" s="152">
        <v>137956</v>
      </c>
      <c r="IA16" s="167">
        <v>180616</v>
      </c>
      <c r="IB16" s="151">
        <v>0</v>
      </c>
      <c r="IC16" s="152">
        <v>2909044</v>
      </c>
      <c r="ID16" s="153">
        <v>3244809</v>
      </c>
      <c r="IE16" s="154">
        <v>3644626</v>
      </c>
      <c r="IF16" s="152">
        <v>3141225</v>
      </c>
      <c r="IG16" s="154">
        <v>4771473</v>
      </c>
      <c r="IH16" s="155">
        <v>17711177</v>
      </c>
      <c r="II16" s="167">
        <v>17891793</v>
      </c>
      <c r="IJ16" s="261">
        <v>0</v>
      </c>
      <c r="IK16" s="268">
        <v>0</v>
      </c>
      <c r="IL16" s="269">
        <v>0</v>
      </c>
      <c r="IM16" s="157"/>
      <c r="IN16" s="122">
        <v>80759</v>
      </c>
      <c r="IO16" s="122">
        <v>331510</v>
      </c>
      <c r="IP16" s="122">
        <v>0</v>
      </c>
      <c r="IQ16" s="122">
        <v>200011</v>
      </c>
      <c r="IR16" s="122">
        <v>0</v>
      </c>
      <c r="IS16" s="158">
        <v>612280</v>
      </c>
      <c r="IT16" s="357">
        <v>612280</v>
      </c>
      <c r="IU16" s="159">
        <v>0</v>
      </c>
      <c r="IV16" s="122">
        <v>0</v>
      </c>
      <c r="IW16" s="123">
        <v>0</v>
      </c>
      <c r="IX16" s="161"/>
      <c r="IY16" s="122">
        <v>0</v>
      </c>
      <c r="IZ16" s="122">
        <v>9165</v>
      </c>
      <c r="JA16" s="122">
        <v>9165</v>
      </c>
      <c r="JB16" s="122">
        <v>9165</v>
      </c>
      <c r="JC16" s="122">
        <v>15250</v>
      </c>
      <c r="JD16" s="123">
        <v>42745</v>
      </c>
      <c r="JE16" s="124">
        <v>42745</v>
      </c>
      <c r="JF16" s="159">
        <v>0</v>
      </c>
      <c r="JG16" s="122">
        <v>0</v>
      </c>
      <c r="JH16" s="158">
        <v>0</v>
      </c>
      <c r="JI16" s="121">
        <v>0</v>
      </c>
      <c r="JJ16" s="122">
        <v>1207084</v>
      </c>
      <c r="JK16" s="122">
        <v>326781</v>
      </c>
      <c r="JL16" s="122">
        <v>547033</v>
      </c>
      <c r="JM16" s="122">
        <v>315067</v>
      </c>
      <c r="JN16" s="122">
        <v>31119</v>
      </c>
      <c r="JO16" s="123">
        <v>2427084</v>
      </c>
      <c r="JP16" s="357">
        <v>2427084</v>
      </c>
      <c r="JQ16" s="159">
        <v>0</v>
      </c>
      <c r="JR16" s="122">
        <v>0</v>
      </c>
      <c r="JS16" s="158">
        <v>0</v>
      </c>
      <c r="JT16" s="121">
        <v>0</v>
      </c>
      <c r="JU16" s="122">
        <v>87117</v>
      </c>
      <c r="JV16" s="122">
        <v>181348</v>
      </c>
      <c r="JW16" s="122">
        <v>82148</v>
      </c>
      <c r="JX16" s="122">
        <v>73134</v>
      </c>
      <c r="JY16" s="122">
        <v>38749</v>
      </c>
      <c r="JZ16" s="123">
        <v>462496</v>
      </c>
      <c r="KA16" s="357">
        <v>462496</v>
      </c>
      <c r="KB16" s="264">
        <v>42660</v>
      </c>
      <c r="KC16" s="258">
        <v>137956</v>
      </c>
      <c r="KD16" s="123">
        <v>180616</v>
      </c>
      <c r="KE16" s="121">
        <v>0</v>
      </c>
      <c r="KF16" s="122">
        <v>714891</v>
      </c>
      <c r="KG16" s="122">
        <v>308993</v>
      </c>
      <c r="KH16" s="122">
        <v>613509</v>
      </c>
      <c r="KI16" s="122">
        <v>440287</v>
      </c>
      <c r="KJ16" s="122">
        <v>761205</v>
      </c>
      <c r="KK16" s="123">
        <v>2838885</v>
      </c>
      <c r="KL16" s="160">
        <v>3019501</v>
      </c>
      <c r="KM16" s="261">
        <v>0</v>
      </c>
      <c r="KN16" s="268">
        <v>0</v>
      </c>
      <c r="KO16" s="269">
        <v>0</v>
      </c>
      <c r="KP16" s="157"/>
      <c r="KQ16" s="122">
        <v>638437</v>
      </c>
      <c r="KR16" s="122">
        <v>1533400</v>
      </c>
      <c r="KS16" s="122">
        <v>1230793</v>
      </c>
      <c r="KT16" s="122">
        <v>1226734</v>
      </c>
      <c r="KU16" s="122">
        <v>1677332</v>
      </c>
      <c r="KV16" s="123">
        <v>6306696</v>
      </c>
      <c r="KW16" s="357">
        <v>6306696</v>
      </c>
      <c r="KX16" s="159">
        <v>0</v>
      </c>
      <c r="KY16" s="122">
        <v>0</v>
      </c>
      <c r="KZ16" s="123">
        <v>0</v>
      </c>
      <c r="LA16" s="162"/>
      <c r="LB16" s="122">
        <v>123374</v>
      </c>
      <c r="LC16" s="122">
        <v>553612</v>
      </c>
      <c r="LD16" s="122">
        <v>920113</v>
      </c>
      <c r="LE16" s="122">
        <v>253514</v>
      </c>
      <c r="LF16" s="122">
        <v>1526767</v>
      </c>
      <c r="LG16" s="123">
        <v>3377380</v>
      </c>
      <c r="LH16" s="124">
        <v>3377380</v>
      </c>
      <c r="LI16" s="159">
        <v>0</v>
      </c>
      <c r="LJ16" s="122">
        <v>0</v>
      </c>
      <c r="LK16" s="123">
        <v>0</v>
      </c>
      <c r="LL16" s="162"/>
      <c r="LM16" s="122">
        <v>0</v>
      </c>
      <c r="LN16" s="122">
        <v>0</v>
      </c>
      <c r="LO16" s="122">
        <v>0</v>
      </c>
      <c r="LP16" s="122">
        <v>623313</v>
      </c>
      <c r="LQ16" s="122">
        <v>431921</v>
      </c>
      <c r="LR16" s="123">
        <v>1055234</v>
      </c>
      <c r="LS16" s="357">
        <v>1055234</v>
      </c>
      <c r="LT16" s="159">
        <v>0</v>
      </c>
      <c r="LU16" s="122">
        <v>0</v>
      </c>
      <c r="LV16" s="123">
        <v>0</v>
      </c>
      <c r="LW16" s="162"/>
      <c r="LX16" s="122">
        <v>57382</v>
      </c>
      <c r="LY16" s="122">
        <v>0</v>
      </c>
      <c r="LZ16" s="122">
        <v>241865</v>
      </c>
      <c r="MA16" s="122">
        <v>0</v>
      </c>
      <c r="MB16" s="122">
        <v>289130</v>
      </c>
      <c r="MC16" s="123">
        <v>588377</v>
      </c>
      <c r="MD16" s="124">
        <v>588377</v>
      </c>
      <c r="ME16" s="159">
        <v>0</v>
      </c>
      <c r="MF16" s="122">
        <v>0</v>
      </c>
      <c r="MG16" s="123">
        <v>0</v>
      </c>
      <c r="MH16" s="162"/>
      <c r="MI16" s="122">
        <v>467780</v>
      </c>
      <c r="MJ16" s="122">
        <v>1685799</v>
      </c>
      <c r="MK16" s="122">
        <v>5084344</v>
      </c>
      <c r="ML16" s="122">
        <v>4439128</v>
      </c>
      <c r="MM16" s="122">
        <v>4241798</v>
      </c>
      <c r="MN16" s="123">
        <v>15918849</v>
      </c>
      <c r="MO16" s="160">
        <v>15918849</v>
      </c>
      <c r="MP16" s="159">
        <v>0</v>
      </c>
      <c r="MQ16" s="122">
        <v>0</v>
      </c>
      <c r="MR16" s="123">
        <v>0</v>
      </c>
      <c r="MS16" s="162"/>
      <c r="MT16" s="122">
        <v>0</v>
      </c>
      <c r="MU16" s="122">
        <v>371481</v>
      </c>
      <c r="MV16" s="122">
        <v>3375907</v>
      </c>
      <c r="MW16" s="122">
        <v>3741851</v>
      </c>
      <c r="MX16" s="122">
        <v>3416861</v>
      </c>
      <c r="MY16" s="123">
        <v>10906100</v>
      </c>
      <c r="MZ16" s="160">
        <v>10906100</v>
      </c>
      <c r="NA16" s="159">
        <v>0</v>
      </c>
      <c r="NB16" s="122">
        <v>0</v>
      </c>
      <c r="NC16" s="123">
        <v>0</v>
      </c>
      <c r="ND16" s="162"/>
      <c r="NE16" s="122">
        <v>467780</v>
      </c>
      <c r="NF16" s="122">
        <v>1314318</v>
      </c>
      <c r="NG16" s="122">
        <v>1708437</v>
      </c>
      <c r="NH16" s="122">
        <v>697277</v>
      </c>
      <c r="NI16" s="122">
        <v>243414</v>
      </c>
      <c r="NJ16" s="123">
        <v>4431226</v>
      </c>
      <c r="NK16" s="357">
        <v>4431226</v>
      </c>
      <c r="NL16" s="159">
        <v>0</v>
      </c>
      <c r="NM16" s="122">
        <v>0</v>
      </c>
      <c r="NN16" s="123">
        <v>0</v>
      </c>
      <c r="NO16" s="162"/>
      <c r="NP16" s="122">
        <v>0</v>
      </c>
      <c r="NQ16" s="122">
        <v>0</v>
      </c>
      <c r="NR16" s="122">
        <v>0</v>
      </c>
      <c r="NS16" s="122">
        <v>0</v>
      </c>
      <c r="NT16" s="122">
        <v>0</v>
      </c>
      <c r="NU16" s="123">
        <v>0</v>
      </c>
      <c r="NV16" s="124">
        <v>0</v>
      </c>
      <c r="NW16" s="159">
        <v>0</v>
      </c>
      <c r="NX16" s="122">
        <v>0</v>
      </c>
      <c r="NY16" s="123">
        <v>0</v>
      </c>
      <c r="NZ16" s="162"/>
      <c r="OA16" s="122">
        <v>0</v>
      </c>
      <c r="OB16" s="122">
        <v>0</v>
      </c>
      <c r="OC16" s="122">
        <v>0</v>
      </c>
      <c r="OD16" s="122">
        <v>0</v>
      </c>
      <c r="OE16" s="122">
        <v>581523</v>
      </c>
      <c r="OF16" s="123">
        <v>581523</v>
      </c>
      <c r="OG16" s="124">
        <v>581523</v>
      </c>
      <c r="OH16" s="159">
        <v>1244480</v>
      </c>
      <c r="OI16" s="122">
        <v>2527294</v>
      </c>
      <c r="OJ16" s="158">
        <v>3771774</v>
      </c>
      <c r="OK16" s="121">
        <v>0</v>
      </c>
      <c r="OL16" s="122">
        <v>18383664</v>
      </c>
      <c r="OM16" s="122">
        <v>17905660</v>
      </c>
      <c r="ON16" s="122">
        <v>18670638</v>
      </c>
      <c r="OO16" s="122">
        <v>20173411</v>
      </c>
      <c r="OP16" s="122">
        <v>20062372</v>
      </c>
      <c r="OQ16" s="123">
        <v>95195745</v>
      </c>
      <c r="OR16" s="160">
        <v>98967519</v>
      </c>
    </row>
    <row r="17" spans="1:408" ht="20.25" customHeight="1" x14ac:dyDescent="0.2">
      <c r="A17" s="129" t="s">
        <v>11</v>
      </c>
      <c r="B17" s="112">
        <v>377492</v>
      </c>
      <c r="C17" s="116">
        <v>587257</v>
      </c>
      <c r="D17" s="188">
        <v>964749</v>
      </c>
      <c r="E17" s="113">
        <v>0</v>
      </c>
      <c r="F17" s="116">
        <v>4938379</v>
      </c>
      <c r="G17" s="116">
        <v>2673299</v>
      </c>
      <c r="H17" s="116">
        <v>4041352</v>
      </c>
      <c r="I17" s="116">
        <v>6238723</v>
      </c>
      <c r="J17" s="116">
        <v>4567127</v>
      </c>
      <c r="K17" s="111">
        <v>22458880</v>
      </c>
      <c r="L17" s="118">
        <v>23423629</v>
      </c>
      <c r="M17" s="112">
        <v>111509</v>
      </c>
      <c r="N17" s="116">
        <v>113407</v>
      </c>
      <c r="O17" s="115">
        <v>224916</v>
      </c>
      <c r="P17" s="112">
        <v>0</v>
      </c>
      <c r="Q17" s="116">
        <v>1322260</v>
      </c>
      <c r="R17" s="116">
        <v>821404</v>
      </c>
      <c r="S17" s="116">
        <v>971443</v>
      </c>
      <c r="T17" s="116">
        <v>1343140</v>
      </c>
      <c r="U17" s="116">
        <v>1732091</v>
      </c>
      <c r="V17" s="115">
        <v>6190338</v>
      </c>
      <c r="W17" s="118">
        <v>6415254</v>
      </c>
      <c r="X17" s="112">
        <v>0</v>
      </c>
      <c r="Y17" s="116">
        <v>0</v>
      </c>
      <c r="Z17" s="115">
        <v>0</v>
      </c>
      <c r="AA17" s="112">
        <v>0</v>
      </c>
      <c r="AB17" s="116">
        <v>385586</v>
      </c>
      <c r="AC17" s="116">
        <v>433016</v>
      </c>
      <c r="AD17" s="116">
        <v>443221</v>
      </c>
      <c r="AE17" s="116">
        <v>637756</v>
      </c>
      <c r="AF17" s="116">
        <v>1010043</v>
      </c>
      <c r="AG17" s="115">
        <v>2909622</v>
      </c>
      <c r="AH17" s="118">
        <v>2909622</v>
      </c>
      <c r="AI17" s="112">
        <v>0</v>
      </c>
      <c r="AJ17" s="116">
        <v>0</v>
      </c>
      <c r="AK17" s="115">
        <v>0</v>
      </c>
      <c r="AL17" s="112">
        <v>0</v>
      </c>
      <c r="AM17" s="116">
        <v>39936</v>
      </c>
      <c r="AN17" s="116">
        <v>0</v>
      </c>
      <c r="AO17" s="116">
        <v>0</v>
      </c>
      <c r="AP17" s="116">
        <v>113568</v>
      </c>
      <c r="AQ17" s="116">
        <v>114159</v>
      </c>
      <c r="AR17" s="115">
        <v>267663</v>
      </c>
      <c r="AS17" s="118">
        <v>267663</v>
      </c>
      <c r="AT17" s="112">
        <v>77321</v>
      </c>
      <c r="AU17" s="116">
        <v>79271</v>
      </c>
      <c r="AV17" s="115">
        <v>156592</v>
      </c>
      <c r="AW17" s="112">
        <v>0</v>
      </c>
      <c r="AX17" s="116">
        <v>469073</v>
      </c>
      <c r="AY17" s="116">
        <v>229209</v>
      </c>
      <c r="AZ17" s="116">
        <v>295085</v>
      </c>
      <c r="BA17" s="116">
        <v>365443</v>
      </c>
      <c r="BB17" s="116">
        <v>423796</v>
      </c>
      <c r="BC17" s="115">
        <v>1782606</v>
      </c>
      <c r="BD17" s="118">
        <v>1939198</v>
      </c>
      <c r="BE17" s="112">
        <v>0</v>
      </c>
      <c r="BF17" s="116">
        <v>32050</v>
      </c>
      <c r="BG17" s="114">
        <v>32050</v>
      </c>
      <c r="BH17" s="113">
        <v>0</v>
      </c>
      <c r="BI17" s="116">
        <v>206178</v>
      </c>
      <c r="BJ17" s="116">
        <v>38814</v>
      </c>
      <c r="BK17" s="116">
        <v>20603</v>
      </c>
      <c r="BL17" s="116">
        <v>0</v>
      </c>
      <c r="BM17" s="116">
        <v>42301</v>
      </c>
      <c r="BN17" s="115">
        <v>307896</v>
      </c>
      <c r="BO17" s="118">
        <v>339946</v>
      </c>
      <c r="BP17" s="112">
        <v>34188</v>
      </c>
      <c r="BQ17" s="116">
        <v>2086</v>
      </c>
      <c r="BR17" s="115">
        <v>36274</v>
      </c>
      <c r="BS17" s="112">
        <v>0</v>
      </c>
      <c r="BT17" s="116">
        <v>221487</v>
      </c>
      <c r="BU17" s="116">
        <v>120365</v>
      </c>
      <c r="BV17" s="116">
        <v>212534</v>
      </c>
      <c r="BW17" s="116">
        <v>226373</v>
      </c>
      <c r="BX17" s="116">
        <v>141792</v>
      </c>
      <c r="BY17" s="115">
        <v>922551</v>
      </c>
      <c r="BZ17" s="118">
        <v>958825</v>
      </c>
      <c r="CA17" s="112">
        <v>35513</v>
      </c>
      <c r="CB17" s="116">
        <v>137656</v>
      </c>
      <c r="CC17" s="115">
        <v>173169</v>
      </c>
      <c r="CD17" s="112">
        <v>0</v>
      </c>
      <c r="CE17" s="116">
        <v>840159</v>
      </c>
      <c r="CF17" s="116">
        <v>858263</v>
      </c>
      <c r="CG17" s="116">
        <v>1126017</v>
      </c>
      <c r="CH17" s="116">
        <v>1368865</v>
      </c>
      <c r="CI17" s="116">
        <v>401895</v>
      </c>
      <c r="CJ17" s="115">
        <v>4595199</v>
      </c>
      <c r="CK17" s="118">
        <v>4768368</v>
      </c>
      <c r="CL17" s="112">
        <v>0</v>
      </c>
      <c r="CM17" s="116">
        <v>0</v>
      </c>
      <c r="CN17" s="115">
        <v>0</v>
      </c>
      <c r="CO17" s="113">
        <v>0</v>
      </c>
      <c r="CP17" s="116">
        <v>616675</v>
      </c>
      <c r="CQ17" s="116">
        <v>751090</v>
      </c>
      <c r="CR17" s="116">
        <v>772725</v>
      </c>
      <c r="CS17" s="116">
        <v>1208530</v>
      </c>
      <c r="CT17" s="116">
        <v>152868</v>
      </c>
      <c r="CU17" s="115">
        <v>3501888</v>
      </c>
      <c r="CV17" s="118">
        <v>3501888</v>
      </c>
      <c r="CW17" s="112">
        <v>35513</v>
      </c>
      <c r="CX17" s="116">
        <v>137656</v>
      </c>
      <c r="CY17" s="115">
        <v>173169</v>
      </c>
      <c r="CZ17" s="112">
        <v>0</v>
      </c>
      <c r="DA17" s="116">
        <v>223484</v>
      </c>
      <c r="DB17" s="116">
        <v>107173</v>
      </c>
      <c r="DC17" s="116">
        <v>353292</v>
      </c>
      <c r="DD17" s="116">
        <v>160335</v>
      </c>
      <c r="DE17" s="116">
        <v>249027</v>
      </c>
      <c r="DF17" s="115">
        <v>1093311</v>
      </c>
      <c r="DG17" s="118">
        <v>1266480</v>
      </c>
      <c r="DH17" s="112">
        <v>0</v>
      </c>
      <c r="DI17" s="116">
        <v>0</v>
      </c>
      <c r="DJ17" s="114">
        <v>0</v>
      </c>
      <c r="DK17" s="113">
        <v>0</v>
      </c>
      <c r="DL17" s="116">
        <v>27329</v>
      </c>
      <c r="DM17" s="116">
        <v>124796</v>
      </c>
      <c r="DN17" s="116">
        <v>174128</v>
      </c>
      <c r="DO17" s="116">
        <v>398108</v>
      </c>
      <c r="DP17" s="116">
        <v>74365</v>
      </c>
      <c r="DQ17" s="115">
        <v>798726</v>
      </c>
      <c r="DR17" s="118">
        <v>798726</v>
      </c>
      <c r="DS17" s="112">
        <v>0</v>
      </c>
      <c r="DT17" s="116">
        <v>0</v>
      </c>
      <c r="DU17" s="115">
        <v>0</v>
      </c>
      <c r="DV17" s="112">
        <v>0</v>
      </c>
      <c r="DW17" s="116">
        <v>18735</v>
      </c>
      <c r="DX17" s="116">
        <v>124796</v>
      </c>
      <c r="DY17" s="116">
        <v>95412</v>
      </c>
      <c r="DZ17" s="116">
        <v>261398</v>
      </c>
      <c r="EA17" s="116">
        <v>74365</v>
      </c>
      <c r="EB17" s="115">
        <v>574706</v>
      </c>
      <c r="EC17" s="118">
        <v>574706</v>
      </c>
      <c r="ED17" s="112">
        <v>0</v>
      </c>
      <c r="EE17" s="114">
        <v>0</v>
      </c>
      <c r="EF17" s="115">
        <v>0</v>
      </c>
      <c r="EG17" s="112">
        <v>0</v>
      </c>
      <c r="EH17" s="116">
        <v>8594</v>
      </c>
      <c r="EI17" s="116">
        <v>0</v>
      </c>
      <c r="EJ17" s="116">
        <v>78716</v>
      </c>
      <c r="EK17" s="116">
        <v>136710</v>
      </c>
      <c r="EL17" s="116">
        <v>0</v>
      </c>
      <c r="EM17" s="114">
        <v>224020</v>
      </c>
      <c r="EN17" s="118">
        <v>224020</v>
      </c>
      <c r="EO17" s="112">
        <v>0</v>
      </c>
      <c r="EP17" s="116">
        <v>0</v>
      </c>
      <c r="EQ17" s="114">
        <v>0</v>
      </c>
      <c r="ER17" s="113">
        <v>0</v>
      </c>
      <c r="ES17" s="116">
        <v>0</v>
      </c>
      <c r="ET17" s="116">
        <v>0</v>
      </c>
      <c r="EU17" s="116">
        <v>0</v>
      </c>
      <c r="EV17" s="116">
        <v>0</v>
      </c>
      <c r="EW17" s="116">
        <v>0</v>
      </c>
      <c r="EX17" s="115">
        <v>0</v>
      </c>
      <c r="EY17" s="118">
        <v>0</v>
      </c>
      <c r="EZ17" s="112">
        <v>0</v>
      </c>
      <c r="FA17" s="116">
        <v>0</v>
      </c>
      <c r="FB17" s="114">
        <v>0</v>
      </c>
      <c r="FC17" s="390"/>
      <c r="FD17" s="116">
        <v>0</v>
      </c>
      <c r="FE17" s="116">
        <v>0</v>
      </c>
      <c r="FF17" s="116">
        <v>0</v>
      </c>
      <c r="FG17" s="116">
        <v>0</v>
      </c>
      <c r="FH17" s="116">
        <v>0</v>
      </c>
      <c r="FI17" s="115">
        <v>0</v>
      </c>
      <c r="FJ17" s="118">
        <v>0</v>
      </c>
      <c r="FK17" s="112">
        <v>50092</v>
      </c>
      <c r="FL17" s="116">
        <v>98336</v>
      </c>
      <c r="FM17" s="115">
        <v>148428</v>
      </c>
      <c r="FN17" s="112">
        <v>0</v>
      </c>
      <c r="FO17" s="116">
        <v>198401</v>
      </c>
      <c r="FP17" s="116">
        <v>303842</v>
      </c>
      <c r="FQ17" s="116">
        <v>364651</v>
      </c>
      <c r="FR17" s="116">
        <v>375970</v>
      </c>
      <c r="FS17" s="116">
        <v>352793</v>
      </c>
      <c r="FT17" s="115">
        <v>1595657</v>
      </c>
      <c r="FU17" s="118">
        <v>1744085</v>
      </c>
      <c r="FV17" s="117">
        <v>50092</v>
      </c>
      <c r="FW17" s="116">
        <v>98336</v>
      </c>
      <c r="FX17" s="114">
        <v>148428</v>
      </c>
      <c r="FY17" s="113">
        <v>0</v>
      </c>
      <c r="FZ17" s="116">
        <v>198401</v>
      </c>
      <c r="GA17" s="116">
        <v>303842</v>
      </c>
      <c r="GB17" s="116">
        <v>364651</v>
      </c>
      <c r="GC17" s="116">
        <v>375970</v>
      </c>
      <c r="GD17" s="116">
        <v>352793</v>
      </c>
      <c r="GE17" s="115">
        <v>1595657</v>
      </c>
      <c r="GF17" s="354">
        <v>1744085</v>
      </c>
      <c r="GG17" s="117">
        <v>0</v>
      </c>
      <c r="GH17" s="116">
        <v>0</v>
      </c>
      <c r="GI17" s="114">
        <v>0</v>
      </c>
      <c r="GJ17" s="113">
        <v>0</v>
      </c>
      <c r="GK17" s="116">
        <v>0</v>
      </c>
      <c r="GL17" s="116">
        <v>0</v>
      </c>
      <c r="GM17" s="116">
        <v>0</v>
      </c>
      <c r="GN17" s="116">
        <v>0</v>
      </c>
      <c r="GO17" s="116">
        <v>0</v>
      </c>
      <c r="GP17" s="115">
        <v>0</v>
      </c>
      <c r="GQ17" s="118">
        <v>0</v>
      </c>
      <c r="GR17" s="112">
        <v>0</v>
      </c>
      <c r="GS17" s="116">
        <v>0</v>
      </c>
      <c r="GT17" s="115">
        <v>0</v>
      </c>
      <c r="GU17" s="112">
        <v>0</v>
      </c>
      <c r="GV17" s="116">
        <v>0</v>
      </c>
      <c r="GW17" s="116">
        <v>0</v>
      </c>
      <c r="GX17" s="116">
        <v>0</v>
      </c>
      <c r="GY17" s="116">
        <v>0</v>
      </c>
      <c r="GZ17" s="116">
        <v>0</v>
      </c>
      <c r="HA17" s="114">
        <v>0</v>
      </c>
      <c r="HB17" s="118">
        <v>0</v>
      </c>
      <c r="HC17" s="112">
        <v>180378</v>
      </c>
      <c r="HD17" s="116">
        <v>237858</v>
      </c>
      <c r="HE17" s="114">
        <v>418236</v>
      </c>
      <c r="HF17" s="113">
        <v>0</v>
      </c>
      <c r="HG17" s="116">
        <v>2550230</v>
      </c>
      <c r="HH17" s="116">
        <v>564994</v>
      </c>
      <c r="HI17" s="116">
        <v>1405113</v>
      </c>
      <c r="HJ17" s="116">
        <v>2752640</v>
      </c>
      <c r="HK17" s="116">
        <v>2005983</v>
      </c>
      <c r="HL17" s="115">
        <v>9278960</v>
      </c>
      <c r="HM17" s="111">
        <v>9697196</v>
      </c>
      <c r="HN17" s="370"/>
      <c r="HO17" s="371"/>
      <c r="HP17" s="372"/>
      <c r="HQ17" s="373"/>
      <c r="HR17" s="371"/>
      <c r="HS17" s="371"/>
      <c r="HT17" s="371"/>
      <c r="HU17" s="371"/>
      <c r="HV17" s="371"/>
      <c r="HW17" s="374"/>
      <c r="HX17" s="375"/>
      <c r="HY17" s="148">
        <v>0</v>
      </c>
      <c r="HZ17" s="149">
        <v>0</v>
      </c>
      <c r="IA17" s="150">
        <v>0</v>
      </c>
      <c r="IB17" s="163">
        <v>0</v>
      </c>
      <c r="IC17" s="149">
        <v>559694</v>
      </c>
      <c r="ID17" s="164">
        <v>1176921</v>
      </c>
      <c r="IE17" s="150">
        <v>690906</v>
      </c>
      <c r="IF17" s="149">
        <v>917540</v>
      </c>
      <c r="IG17" s="150">
        <v>494635</v>
      </c>
      <c r="IH17" s="165">
        <v>3839696</v>
      </c>
      <c r="II17" s="156">
        <v>3839696</v>
      </c>
      <c r="IJ17" s="261">
        <v>0</v>
      </c>
      <c r="IK17" s="268">
        <v>0</v>
      </c>
      <c r="IL17" s="269">
        <v>0</v>
      </c>
      <c r="IM17" s="157"/>
      <c r="IN17" s="122">
        <v>0</v>
      </c>
      <c r="IO17" s="122">
        <v>108383</v>
      </c>
      <c r="IP17" s="122">
        <v>127771</v>
      </c>
      <c r="IQ17" s="122">
        <v>0</v>
      </c>
      <c r="IR17" s="122">
        <v>115046</v>
      </c>
      <c r="IS17" s="158">
        <v>351200</v>
      </c>
      <c r="IT17" s="357">
        <v>351200</v>
      </c>
      <c r="IU17" s="159">
        <v>0</v>
      </c>
      <c r="IV17" s="122">
        <v>0</v>
      </c>
      <c r="IW17" s="123">
        <v>0</v>
      </c>
      <c r="IX17" s="161"/>
      <c r="IY17" s="122">
        <v>9047</v>
      </c>
      <c r="IZ17" s="122">
        <v>0</v>
      </c>
      <c r="JA17" s="122">
        <v>0</v>
      </c>
      <c r="JB17" s="122">
        <v>0</v>
      </c>
      <c r="JC17" s="122">
        <v>0</v>
      </c>
      <c r="JD17" s="123">
        <v>9047</v>
      </c>
      <c r="JE17" s="124">
        <v>9047</v>
      </c>
      <c r="JF17" s="159">
        <v>0</v>
      </c>
      <c r="JG17" s="122">
        <v>0</v>
      </c>
      <c r="JH17" s="158">
        <v>0</v>
      </c>
      <c r="JI17" s="121">
        <v>0</v>
      </c>
      <c r="JJ17" s="122">
        <v>434563</v>
      </c>
      <c r="JK17" s="122">
        <v>187897</v>
      </c>
      <c r="JL17" s="122">
        <v>350942</v>
      </c>
      <c r="JM17" s="122">
        <v>118952</v>
      </c>
      <c r="JN17" s="122">
        <v>52938</v>
      </c>
      <c r="JO17" s="123">
        <v>1145292</v>
      </c>
      <c r="JP17" s="357">
        <v>1145292</v>
      </c>
      <c r="JQ17" s="159">
        <v>0</v>
      </c>
      <c r="JR17" s="122">
        <v>0</v>
      </c>
      <c r="JS17" s="158">
        <v>0</v>
      </c>
      <c r="JT17" s="121">
        <v>0</v>
      </c>
      <c r="JU17" s="122">
        <v>0</v>
      </c>
      <c r="JV17" s="122">
        <v>0</v>
      </c>
      <c r="JW17" s="122">
        <v>0</v>
      </c>
      <c r="JX17" s="122">
        <v>0</v>
      </c>
      <c r="JY17" s="122">
        <v>119842</v>
      </c>
      <c r="JZ17" s="123">
        <v>119842</v>
      </c>
      <c r="KA17" s="357">
        <v>119842</v>
      </c>
      <c r="KB17" s="264">
        <v>0</v>
      </c>
      <c r="KC17" s="258">
        <v>0</v>
      </c>
      <c r="KD17" s="123">
        <v>0</v>
      </c>
      <c r="KE17" s="121">
        <v>0</v>
      </c>
      <c r="KF17" s="122">
        <v>116084</v>
      </c>
      <c r="KG17" s="122">
        <v>295465</v>
      </c>
      <c r="KH17" s="122">
        <v>212193</v>
      </c>
      <c r="KI17" s="122">
        <v>187283</v>
      </c>
      <c r="KJ17" s="122">
        <v>0</v>
      </c>
      <c r="KK17" s="123">
        <v>811025</v>
      </c>
      <c r="KL17" s="160">
        <v>811025</v>
      </c>
      <c r="KM17" s="261">
        <v>0</v>
      </c>
      <c r="KN17" s="268">
        <v>0</v>
      </c>
      <c r="KO17" s="269">
        <v>0</v>
      </c>
      <c r="KP17" s="157"/>
      <c r="KQ17" s="122">
        <v>0</v>
      </c>
      <c r="KR17" s="122">
        <v>585176</v>
      </c>
      <c r="KS17" s="122">
        <v>0</v>
      </c>
      <c r="KT17" s="122">
        <v>611305</v>
      </c>
      <c r="KU17" s="122">
        <v>206809</v>
      </c>
      <c r="KV17" s="123">
        <v>1403290</v>
      </c>
      <c r="KW17" s="357">
        <v>1403290</v>
      </c>
      <c r="KX17" s="159">
        <v>0</v>
      </c>
      <c r="KY17" s="122">
        <v>0</v>
      </c>
      <c r="KZ17" s="123">
        <v>0</v>
      </c>
      <c r="LA17" s="162"/>
      <c r="LB17" s="122">
        <v>0</v>
      </c>
      <c r="LC17" s="122">
        <v>0</v>
      </c>
      <c r="LD17" s="122">
        <v>0</v>
      </c>
      <c r="LE17" s="122">
        <v>0</v>
      </c>
      <c r="LF17" s="122">
        <v>0</v>
      </c>
      <c r="LG17" s="123">
        <v>0</v>
      </c>
      <c r="LH17" s="124">
        <v>0</v>
      </c>
      <c r="LI17" s="159">
        <v>0</v>
      </c>
      <c r="LJ17" s="122">
        <v>0</v>
      </c>
      <c r="LK17" s="123">
        <v>0</v>
      </c>
      <c r="LL17" s="162"/>
      <c r="LM17" s="122">
        <v>0</v>
      </c>
      <c r="LN17" s="122">
        <v>0</v>
      </c>
      <c r="LO17" s="122">
        <v>0</v>
      </c>
      <c r="LP17" s="122">
        <v>0</v>
      </c>
      <c r="LQ17" s="122">
        <v>0</v>
      </c>
      <c r="LR17" s="123">
        <v>0</v>
      </c>
      <c r="LS17" s="357">
        <v>0</v>
      </c>
      <c r="LT17" s="159">
        <v>0</v>
      </c>
      <c r="LU17" s="122">
        <v>0</v>
      </c>
      <c r="LV17" s="123">
        <v>0</v>
      </c>
      <c r="LW17" s="162"/>
      <c r="LX17" s="122">
        <v>0</v>
      </c>
      <c r="LY17" s="122">
        <v>0</v>
      </c>
      <c r="LZ17" s="122">
        <v>0</v>
      </c>
      <c r="MA17" s="122">
        <v>0</v>
      </c>
      <c r="MB17" s="122">
        <v>0</v>
      </c>
      <c r="MC17" s="123">
        <v>0</v>
      </c>
      <c r="MD17" s="124">
        <v>0</v>
      </c>
      <c r="ME17" s="159">
        <v>0</v>
      </c>
      <c r="MF17" s="122">
        <v>0</v>
      </c>
      <c r="MG17" s="123">
        <v>0</v>
      </c>
      <c r="MH17" s="162"/>
      <c r="MI17" s="122">
        <v>573243</v>
      </c>
      <c r="MJ17" s="122">
        <v>199311</v>
      </c>
      <c r="MK17" s="122">
        <v>614362</v>
      </c>
      <c r="ML17" s="122">
        <v>2690074</v>
      </c>
      <c r="MM17" s="122">
        <v>1081468</v>
      </c>
      <c r="MN17" s="123">
        <v>5158458</v>
      </c>
      <c r="MO17" s="160">
        <v>5158458</v>
      </c>
      <c r="MP17" s="159">
        <v>0</v>
      </c>
      <c r="MQ17" s="122">
        <v>0</v>
      </c>
      <c r="MR17" s="123">
        <v>0</v>
      </c>
      <c r="MS17" s="162"/>
      <c r="MT17" s="122">
        <v>0</v>
      </c>
      <c r="MU17" s="122">
        <v>0</v>
      </c>
      <c r="MV17" s="122">
        <v>196890</v>
      </c>
      <c r="MW17" s="122">
        <v>1600265</v>
      </c>
      <c r="MX17" s="122">
        <v>837521</v>
      </c>
      <c r="MY17" s="123">
        <v>2634676</v>
      </c>
      <c r="MZ17" s="160">
        <v>2634676</v>
      </c>
      <c r="NA17" s="159">
        <v>0</v>
      </c>
      <c r="NB17" s="122">
        <v>0</v>
      </c>
      <c r="NC17" s="123">
        <v>0</v>
      </c>
      <c r="ND17" s="162"/>
      <c r="NE17" s="122">
        <v>573243</v>
      </c>
      <c r="NF17" s="122">
        <v>199311</v>
      </c>
      <c r="NG17" s="122">
        <v>417472</v>
      </c>
      <c r="NH17" s="122">
        <v>1089809</v>
      </c>
      <c r="NI17" s="122">
        <v>243947</v>
      </c>
      <c r="NJ17" s="123">
        <v>2523782</v>
      </c>
      <c r="NK17" s="357">
        <v>2523782</v>
      </c>
      <c r="NL17" s="159">
        <v>0</v>
      </c>
      <c r="NM17" s="122">
        <v>0</v>
      </c>
      <c r="NN17" s="123">
        <v>0</v>
      </c>
      <c r="NO17" s="162"/>
      <c r="NP17" s="122">
        <v>0</v>
      </c>
      <c r="NQ17" s="122">
        <v>0</v>
      </c>
      <c r="NR17" s="122">
        <v>0</v>
      </c>
      <c r="NS17" s="122">
        <v>0</v>
      </c>
      <c r="NT17" s="122">
        <v>0</v>
      </c>
      <c r="NU17" s="123">
        <v>0</v>
      </c>
      <c r="NV17" s="124">
        <v>0</v>
      </c>
      <c r="NW17" s="159">
        <v>0</v>
      </c>
      <c r="NX17" s="122">
        <v>0</v>
      </c>
      <c r="NY17" s="123">
        <v>0</v>
      </c>
      <c r="NZ17" s="162"/>
      <c r="OA17" s="122">
        <v>0</v>
      </c>
      <c r="OB17" s="122">
        <v>0</v>
      </c>
      <c r="OC17" s="122">
        <v>0</v>
      </c>
      <c r="OD17" s="122">
        <v>0</v>
      </c>
      <c r="OE17" s="122">
        <v>0</v>
      </c>
      <c r="OF17" s="123">
        <v>0</v>
      </c>
      <c r="OG17" s="124">
        <v>0</v>
      </c>
      <c r="OH17" s="159">
        <v>377492</v>
      </c>
      <c r="OI17" s="122">
        <v>587257</v>
      </c>
      <c r="OJ17" s="158">
        <v>964749</v>
      </c>
      <c r="OK17" s="121">
        <v>0</v>
      </c>
      <c r="OL17" s="122">
        <v>6071316</v>
      </c>
      <c r="OM17" s="122">
        <v>4049531</v>
      </c>
      <c r="ON17" s="122">
        <v>5346620</v>
      </c>
      <c r="OO17" s="122">
        <v>9846337</v>
      </c>
      <c r="OP17" s="122">
        <v>6143230</v>
      </c>
      <c r="OQ17" s="123">
        <v>31457034</v>
      </c>
      <c r="OR17" s="160">
        <v>32421783</v>
      </c>
    </row>
    <row r="18" spans="1:408" ht="20.25" customHeight="1" x14ac:dyDescent="0.2">
      <c r="A18" s="129" t="s">
        <v>12</v>
      </c>
      <c r="B18" s="112">
        <v>839724</v>
      </c>
      <c r="C18" s="116">
        <v>1370759</v>
      </c>
      <c r="D18" s="115">
        <v>2210483</v>
      </c>
      <c r="E18" s="111">
        <v>0</v>
      </c>
      <c r="F18" s="116">
        <v>4015402</v>
      </c>
      <c r="G18" s="187">
        <v>4151730</v>
      </c>
      <c r="H18" s="187">
        <v>6086598</v>
      </c>
      <c r="I18" s="187">
        <v>5425316</v>
      </c>
      <c r="J18" s="187">
        <v>5310099</v>
      </c>
      <c r="K18" s="114">
        <v>24989145</v>
      </c>
      <c r="L18" s="118">
        <v>27199628</v>
      </c>
      <c r="M18" s="112">
        <v>221169</v>
      </c>
      <c r="N18" s="116">
        <v>259786</v>
      </c>
      <c r="O18" s="115">
        <v>480955</v>
      </c>
      <c r="P18" s="112">
        <v>0</v>
      </c>
      <c r="Q18" s="116">
        <v>1391629</v>
      </c>
      <c r="R18" s="116">
        <v>1764546</v>
      </c>
      <c r="S18" s="116">
        <v>1960751</v>
      </c>
      <c r="T18" s="116">
        <v>1938665</v>
      </c>
      <c r="U18" s="116">
        <v>2697176</v>
      </c>
      <c r="V18" s="115">
        <v>9752767</v>
      </c>
      <c r="W18" s="118">
        <v>10233722</v>
      </c>
      <c r="X18" s="112">
        <v>0</v>
      </c>
      <c r="Y18" s="116">
        <v>0</v>
      </c>
      <c r="Z18" s="115">
        <v>0</v>
      </c>
      <c r="AA18" s="112">
        <v>0</v>
      </c>
      <c r="AB18" s="116">
        <v>819764</v>
      </c>
      <c r="AC18" s="116">
        <v>1161664</v>
      </c>
      <c r="AD18" s="116">
        <v>1142981</v>
      </c>
      <c r="AE18" s="116">
        <v>1334830</v>
      </c>
      <c r="AF18" s="116">
        <v>1440202</v>
      </c>
      <c r="AG18" s="115">
        <v>5899441</v>
      </c>
      <c r="AH18" s="118">
        <v>5899441</v>
      </c>
      <c r="AI18" s="112">
        <v>0</v>
      </c>
      <c r="AJ18" s="116">
        <v>0</v>
      </c>
      <c r="AK18" s="115">
        <v>0</v>
      </c>
      <c r="AL18" s="112">
        <v>0</v>
      </c>
      <c r="AM18" s="116">
        <v>0</v>
      </c>
      <c r="AN18" s="116">
        <v>82071</v>
      </c>
      <c r="AO18" s="116">
        <v>0</v>
      </c>
      <c r="AP18" s="116">
        <v>40458</v>
      </c>
      <c r="AQ18" s="116">
        <v>436971</v>
      </c>
      <c r="AR18" s="115">
        <v>559500</v>
      </c>
      <c r="AS18" s="118">
        <v>559500</v>
      </c>
      <c r="AT18" s="112">
        <v>148369</v>
      </c>
      <c r="AU18" s="116">
        <v>214307</v>
      </c>
      <c r="AV18" s="115">
        <v>362676</v>
      </c>
      <c r="AW18" s="112">
        <v>0</v>
      </c>
      <c r="AX18" s="116">
        <v>389557</v>
      </c>
      <c r="AY18" s="116">
        <v>359145</v>
      </c>
      <c r="AZ18" s="116">
        <v>549227</v>
      </c>
      <c r="BA18" s="116">
        <v>320890</v>
      </c>
      <c r="BB18" s="116">
        <v>594914</v>
      </c>
      <c r="BC18" s="115">
        <v>2213733</v>
      </c>
      <c r="BD18" s="118">
        <v>2576409</v>
      </c>
      <c r="BE18" s="112">
        <v>0</v>
      </c>
      <c r="BF18" s="116">
        <v>0</v>
      </c>
      <c r="BG18" s="114">
        <v>0</v>
      </c>
      <c r="BH18" s="113">
        <v>0</v>
      </c>
      <c r="BI18" s="116">
        <v>0</v>
      </c>
      <c r="BJ18" s="116">
        <v>13868</v>
      </c>
      <c r="BK18" s="116">
        <v>26238</v>
      </c>
      <c r="BL18" s="116">
        <v>0</v>
      </c>
      <c r="BM18" s="116">
        <v>42039</v>
      </c>
      <c r="BN18" s="115">
        <v>82145</v>
      </c>
      <c r="BO18" s="118">
        <v>82145</v>
      </c>
      <c r="BP18" s="112">
        <v>72800</v>
      </c>
      <c r="BQ18" s="116">
        <v>45479</v>
      </c>
      <c r="BR18" s="115">
        <v>118279</v>
      </c>
      <c r="BS18" s="112">
        <v>0</v>
      </c>
      <c r="BT18" s="116">
        <v>182308</v>
      </c>
      <c r="BU18" s="116">
        <v>147798</v>
      </c>
      <c r="BV18" s="116">
        <v>242305</v>
      </c>
      <c r="BW18" s="116">
        <v>242487</v>
      </c>
      <c r="BX18" s="116">
        <v>183050</v>
      </c>
      <c r="BY18" s="115">
        <v>997948</v>
      </c>
      <c r="BZ18" s="118">
        <v>1116227</v>
      </c>
      <c r="CA18" s="112">
        <v>210121</v>
      </c>
      <c r="CB18" s="116">
        <v>343268</v>
      </c>
      <c r="CC18" s="115">
        <v>553389</v>
      </c>
      <c r="CD18" s="112">
        <v>0</v>
      </c>
      <c r="CE18" s="116">
        <v>1769087</v>
      </c>
      <c r="CF18" s="116">
        <v>1125977</v>
      </c>
      <c r="CG18" s="116">
        <v>860601</v>
      </c>
      <c r="CH18" s="116">
        <v>1086183</v>
      </c>
      <c r="CI18" s="116">
        <v>580944</v>
      </c>
      <c r="CJ18" s="115">
        <v>5422792</v>
      </c>
      <c r="CK18" s="118">
        <v>5976181</v>
      </c>
      <c r="CL18" s="112">
        <v>0</v>
      </c>
      <c r="CM18" s="116">
        <v>0</v>
      </c>
      <c r="CN18" s="115">
        <v>0</v>
      </c>
      <c r="CO18" s="113">
        <v>0</v>
      </c>
      <c r="CP18" s="116">
        <v>1430418</v>
      </c>
      <c r="CQ18" s="116">
        <v>746653</v>
      </c>
      <c r="CR18" s="116">
        <v>465965</v>
      </c>
      <c r="CS18" s="116">
        <v>804397</v>
      </c>
      <c r="CT18" s="116">
        <v>365045</v>
      </c>
      <c r="CU18" s="115">
        <v>3812478</v>
      </c>
      <c r="CV18" s="118">
        <v>3812478</v>
      </c>
      <c r="CW18" s="112">
        <v>210121</v>
      </c>
      <c r="CX18" s="116">
        <v>343268</v>
      </c>
      <c r="CY18" s="115">
        <v>553389</v>
      </c>
      <c r="CZ18" s="112">
        <v>0</v>
      </c>
      <c r="DA18" s="116">
        <v>338669</v>
      </c>
      <c r="DB18" s="116">
        <v>379324</v>
      </c>
      <c r="DC18" s="116">
        <v>394636</v>
      </c>
      <c r="DD18" s="116">
        <v>281786</v>
      </c>
      <c r="DE18" s="116">
        <v>215899</v>
      </c>
      <c r="DF18" s="115">
        <v>1610314</v>
      </c>
      <c r="DG18" s="118">
        <v>2163703</v>
      </c>
      <c r="DH18" s="112">
        <v>0</v>
      </c>
      <c r="DI18" s="116">
        <v>22250</v>
      </c>
      <c r="DJ18" s="114">
        <v>22250</v>
      </c>
      <c r="DK18" s="113">
        <v>0</v>
      </c>
      <c r="DL18" s="116">
        <v>45652</v>
      </c>
      <c r="DM18" s="116">
        <v>69929</v>
      </c>
      <c r="DN18" s="116">
        <v>675605</v>
      </c>
      <c r="DO18" s="116">
        <v>313991</v>
      </c>
      <c r="DP18" s="116">
        <v>106299</v>
      </c>
      <c r="DQ18" s="115">
        <v>1211476</v>
      </c>
      <c r="DR18" s="118">
        <v>1233726</v>
      </c>
      <c r="DS18" s="112">
        <v>0</v>
      </c>
      <c r="DT18" s="116">
        <v>22250</v>
      </c>
      <c r="DU18" s="115">
        <v>22250</v>
      </c>
      <c r="DV18" s="112">
        <v>0</v>
      </c>
      <c r="DW18" s="116">
        <v>45652</v>
      </c>
      <c r="DX18" s="116">
        <v>69929</v>
      </c>
      <c r="DY18" s="116">
        <v>675605</v>
      </c>
      <c r="DZ18" s="116">
        <v>283707</v>
      </c>
      <c r="EA18" s="116">
        <v>106299</v>
      </c>
      <c r="EB18" s="115">
        <v>1181192</v>
      </c>
      <c r="EC18" s="118">
        <v>1203442</v>
      </c>
      <c r="ED18" s="112">
        <v>0</v>
      </c>
      <c r="EE18" s="114">
        <v>0</v>
      </c>
      <c r="EF18" s="115">
        <v>0</v>
      </c>
      <c r="EG18" s="112">
        <v>0</v>
      </c>
      <c r="EH18" s="116">
        <v>0</v>
      </c>
      <c r="EI18" s="116">
        <v>0</v>
      </c>
      <c r="EJ18" s="116">
        <v>0</v>
      </c>
      <c r="EK18" s="116">
        <v>30284</v>
      </c>
      <c r="EL18" s="116">
        <v>0</v>
      </c>
      <c r="EM18" s="114">
        <v>30284</v>
      </c>
      <c r="EN18" s="118">
        <v>30284</v>
      </c>
      <c r="EO18" s="112">
        <v>0</v>
      </c>
      <c r="EP18" s="116">
        <v>0</v>
      </c>
      <c r="EQ18" s="114">
        <v>0</v>
      </c>
      <c r="ER18" s="113">
        <v>0</v>
      </c>
      <c r="ES18" s="116">
        <v>0</v>
      </c>
      <c r="ET18" s="116">
        <v>0</v>
      </c>
      <c r="EU18" s="116">
        <v>0</v>
      </c>
      <c r="EV18" s="116">
        <v>0</v>
      </c>
      <c r="EW18" s="116">
        <v>0</v>
      </c>
      <c r="EX18" s="115">
        <v>0</v>
      </c>
      <c r="EY18" s="118">
        <v>0</v>
      </c>
      <c r="EZ18" s="112">
        <v>0</v>
      </c>
      <c r="FA18" s="116">
        <v>0</v>
      </c>
      <c r="FB18" s="114">
        <v>0</v>
      </c>
      <c r="FC18" s="390"/>
      <c r="FD18" s="116">
        <v>0</v>
      </c>
      <c r="FE18" s="116">
        <v>0</v>
      </c>
      <c r="FF18" s="116">
        <v>0</v>
      </c>
      <c r="FG18" s="116">
        <v>0</v>
      </c>
      <c r="FH18" s="116">
        <v>0</v>
      </c>
      <c r="FI18" s="115">
        <v>0</v>
      </c>
      <c r="FJ18" s="118">
        <v>0</v>
      </c>
      <c r="FK18" s="112">
        <v>199178</v>
      </c>
      <c r="FL18" s="116">
        <v>451475</v>
      </c>
      <c r="FM18" s="115">
        <v>650653</v>
      </c>
      <c r="FN18" s="112">
        <v>0</v>
      </c>
      <c r="FO18" s="116">
        <v>175105</v>
      </c>
      <c r="FP18" s="116">
        <v>485058</v>
      </c>
      <c r="FQ18" s="116">
        <v>665252</v>
      </c>
      <c r="FR18" s="116">
        <v>552006</v>
      </c>
      <c r="FS18" s="116">
        <v>412734</v>
      </c>
      <c r="FT18" s="115">
        <v>2290155</v>
      </c>
      <c r="FU18" s="118">
        <v>2940808</v>
      </c>
      <c r="FV18" s="117">
        <v>94668</v>
      </c>
      <c r="FW18" s="116">
        <v>155883</v>
      </c>
      <c r="FX18" s="114">
        <v>250551</v>
      </c>
      <c r="FY18" s="113">
        <v>0</v>
      </c>
      <c r="FZ18" s="116">
        <v>112105</v>
      </c>
      <c r="GA18" s="116">
        <v>477778</v>
      </c>
      <c r="GB18" s="116">
        <v>494151</v>
      </c>
      <c r="GC18" s="116">
        <v>504497</v>
      </c>
      <c r="GD18" s="116">
        <v>412734</v>
      </c>
      <c r="GE18" s="115">
        <v>2001265</v>
      </c>
      <c r="GF18" s="354">
        <v>2251816</v>
      </c>
      <c r="GG18" s="117">
        <v>48510</v>
      </c>
      <c r="GH18" s="116">
        <v>15592</v>
      </c>
      <c r="GI18" s="114">
        <v>64102</v>
      </c>
      <c r="GJ18" s="113">
        <v>0</v>
      </c>
      <c r="GK18" s="116">
        <v>0</v>
      </c>
      <c r="GL18" s="116">
        <v>7280</v>
      </c>
      <c r="GM18" s="116">
        <v>171101</v>
      </c>
      <c r="GN18" s="116">
        <v>47509</v>
      </c>
      <c r="GO18" s="116">
        <v>0</v>
      </c>
      <c r="GP18" s="115">
        <v>225890</v>
      </c>
      <c r="GQ18" s="118">
        <v>289992</v>
      </c>
      <c r="GR18" s="112">
        <v>56000</v>
      </c>
      <c r="GS18" s="116">
        <v>280000</v>
      </c>
      <c r="GT18" s="115">
        <v>336000</v>
      </c>
      <c r="GU18" s="112">
        <v>0</v>
      </c>
      <c r="GV18" s="116">
        <v>63000</v>
      </c>
      <c r="GW18" s="116">
        <v>0</v>
      </c>
      <c r="GX18" s="116">
        <v>0</v>
      </c>
      <c r="GY18" s="116">
        <v>0</v>
      </c>
      <c r="GZ18" s="116">
        <v>0</v>
      </c>
      <c r="HA18" s="114">
        <v>63000</v>
      </c>
      <c r="HB18" s="118">
        <v>399000</v>
      </c>
      <c r="HC18" s="112">
        <v>209256</v>
      </c>
      <c r="HD18" s="116">
        <v>293980</v>
      </c>
      <c r="HE18" s="114">
        <v>503236</v>
      </c>
      <c r="HF18" s="113">
        <v>0</v>
      </c>
      <c r="HG18" s="116">
        <v>633929</v>
      </c>
      <c r="HH18" s="116">
        <v>706220</v>
      </c>
      <c r="HI18" s="116">
        <v>1924389</v>
      </c>
      <c r="HJ18" s="116">
        <v>1534471</v>
      </c>
      <c r="HK18" s="116">
        <v>1512946</v>
      </c>
      <c r="HL18" s="115">
        <v>6311955</v>
      </c>
      <c r="HM18" s="111">
        <v>6815191</v>
      </c>
      <c r="HN18" s="370"/>
      <c r="HO18" s="371"/>
      <c r="HP18" s="372"/>
      <c r="HQ18" s="373"/>
      <c r="HR18" s="371"/>
      <c r="HS18" s="371"/>
      <c r="HT18" s="371"/>
      <c r="HU18" s="371"/>
      <c r="HV18" s="371"/>
      <c r="HW18" s="374"/>
      <c r="HX18" s="375"/>
      <c r="HY18" s="167">
        <v>34006</v>
      </c>
      <c r="HZ18" s="152">
        <v>0</v>
      </c>
      <c r="IA18" s="167">
        <v>34006</v>
      </c>
      <c r="IB18" s="151">
        <v>0</v>
      </c>
      <c r="IC18" s="152">
        <v>1506306</v>
      </c>
      <c r="ID18" s="153">
        <v>1281336</v>
      </c>
      <c r="IE18" s="154">
        <v>1188840</v>
      </c>
      <c r="IF18" s="152">
        <v>1447339</v>
      </c>
      <c r="IG18" s="154">
        <v>1120161</v>
      </c>
      <c r="IH18" s="155">
        <v>6543982</v>
      </c>
      <c r="II18" s="167">
        <v>6577988</v>
      </c>
      <c r="IJ18" s="261">
        <v>0</v>
      </c>
      <c r="IK18" s="268">
        <v>0</v>
      </c>
      <c r="IL18" s="269">
        <v>0</v>
      </c>
      <c r="IM18" s="157"/>
      <c r="IN18" s="122">
        <v>0</v>
      </c>
      <c r="IO18" s="122">
        <v>0</v>
      </c>
      <c r="IP18" s="122">
        <v>0</v>
      </c>
      <c r="IQ18" s="122">
        <v>0</v>
      </c>
      <c r="IR18" s="122">
        <v>0</v>
      </c>
      <c r="IS18" s="158">
        <v>0</v>
      </c>
      <c r="IT18" s="357">
        <v>0</v>
      </c>
      <c r="IU18" s="159">
        <v>0</v>
      </c>
      <c r="IV18" s="122">
        <v>0</v>
      </c>
      <c r="IW18" s="123">
        <v>0</v>
      </c>
      <c r="IX18" s="161"/>
      <c r="IY18" s="122">
        <v>0</v>
      </c>
      <c r="IZ18" s="122">
        <v>0</v>
      </c>
      <c r="JA18" s="122">
        <v>0</v>
      </c>
      <c r="JB18" s="122">
        <v>0</v>
      </c>
      <c r="JC18" s="122">
        <v>0</v>
      </c>
      <c r="JD18" s="123">
        <v>0</v>
      </c>
      <c r="JE18" s="124">
        <v>0</v>
      </c>
      <c r="JF18" s="159">
        <v>0</v>
      </c>
      <c r="JG18" s="122">
        <v>0</v>
      </c>
      <c r="JH18" s="158">
        <v>0</v>
      </c>
      <c r="JI18" s="121">
        <v>0</v>
      </c>
      <c r="JJ18" s="122">
        <v>646115</v>
      </c>
      <c r="JK18" s="122">
        <v>436727</v>
      </c>
      <c r="JL18" s="122">
        <v>521983</v>
      </c>
      <c r="JM18" s="122">
        <v>175360</v>
      </c>
      <c r="JN18" s="122">
        <v>0</v>
      </c>
      <c r="JO18" s="123">
        <v>1780185</v>
      </c>
      <c r="JP18" s="357">
        <v>1780185</v>
      </c>
      <c r="JQ18" s="159">
        <v>0</v>
      </c>
      <c r="JR18" s="122">
        <v>0</v>
      </c>
      <c r="JS18" s="158">
        <v>0</v>
      </c>
      <c r="JT18" s="121">
        <v>0</v>
      </c>
      <c r="JU18" s="122">
        <v>0</v>
      </c>
      <c r="JV18" s="122">
        <v>37175</v>
      </c>
      <c r="JW18" s="122">
        <v>0</v>
      </c>
      <c r="JX18" s="122">
        <v>0</v>
      </c>
      <c r="JY18" s="122">
        <v>0</v>
      </c>
      <c r="JZ18" s="123">
        <v>37175</v>
      </c>
      <c r="KA18" s="357">
        <v>37175</v>
      </c>
      <c r="KB18" s="264">
        <v>34006</v>
      </c>
      <c r="KC18" s="258">
        <v>0</v>
      </c>
      <c r="KD18" s="123">
        <v>34006</v>
      </c>
      <c r="KE18" s="121">
        <v>0</v>
      </c>
      <c r="KF18" s="122">
        <v>106801</v>
      </c>
      <c r="KG18" s="122">
        <v>162484</v>
      </c>
      <c r="KH18" s="122">
        <v>221098</v>
      </c>
      <c r="KI18" s="122">
        <v>193080</v>
      </c>
      <c r="KJ18" s="122">
        <v>0</v>
      </c>
      <c r="KK18" s="123">
        <v>683463</v>
      </c>
      <c r="KL18" s="160">
        <v>717469</v>
      </c>
      <c r="KM18" s="261">
        <v>0</v>
      </c>
      <c r="KN18" s="268">
        <v>0</v>
      </c>
      <c r="KO18" s="269">
        <v>0</v>
      </c>
      <c r="KP18" s="157"/>
      <c r="KQ18" s="122">
        <v>753390</v>
      </c>
      <c r="KR18" s="122">
        <v>192105</v>
      </c>
      <c r="KS18" s="122">
        <v>445759</v>
      </c>
      <c r="KT18" s="122">
        <v>202537</v>
      </c>
      <c r="KU18" s="122">
        <v>0</v>
      </c>
      <c r="KV18" s="123">
        <v>1593791</v>
      </c>
      <c r="KW18" s="357">
        <v>1593791</v>
      </c>
      <c r="KX18" s="159">
        <v>0</v>
      </c>
      <c r="KY18" s="122">
        <v>0</v>
      </c>
      <c r="KZ18" s="123">
        <v>0</v>
      </c>
      <c r="LA18" s="162"/>
      <c r="LB18" s="122">
        <v>0</v>
      </c>
      <c r="LC18" s="122">
        <v>284054</v>
      </c>
      <c r="LD18" s="122">
        <v>0</v>
      </c>
      <c r="LE18" s="122">
        <v>344548</v>
      </c>
      <c r="LF18" s="122">
        <v>0</v>
      </c>
      <c r="LG18" s="123">
        <v>628602</v>
      </c>
      <c r="LH18" s="124">
        <v>628602</v>
      </c>
      <c r="LI18" s="159">
        <v>0</v>
      </c>
      <c r="LJ18" s="122">
        <v>0</v>
      </c>
      <c r="LK18" s="123">
        <v>0</v>
      </c>
      <c r="LL18" s="162"/>
      <c r="LM18" s="122">
        <v>0</v>
      </c>
      <c r="LN18" s="122">
        <v>0</v>
      </c>
      <c r="LO18" s="122">
        <v>0</v>
      </c>
      <c r="LP18" s="122">
        <v>0</v>
      </c>
      <c r="LQ18" s="122">
        <v>228491</v>
      </c>
      <c r="LR18" s="123">
        <v>228491</v>
      </c>
      <c r="LS18" s="357">
        <v>228491</v>
      </c>
      <c r="LT18" s="159">
        <v>0</v>
      </c>
      <c r="LU18" s="122">
        <v>0</v>
      </c>
      <c r="LV18" s="123">
        <v>0</v>
      </c>
      <c r="LW18" s="162"/>
      <c r="LX18" s="122">
        <v>0</v>
      </c>
      <c r="LY18" s="122">
        <v>168791</v>
      </c>
      <c r="LZ18" s="122">
        <v>0</v>
      </c>
      <c r="MA18" s="122">
        <v>531814</v>
      </c>
      <c r="MB18" s="122">
        <v>891670</v>
      </c>
      <c r="MC18" s="123">
        <v>1592275</v>
      </c>
      <c r="MD18" s="124">
        <v>1592275</v>
      </c>
      <c r="ME18" s="159">
        <v>0</v>
      </c>
      <c r="MF18" s="122">
        <v>0</v>
      </c>
      <c r="MG18" s="123">
        <v>0</v>
      </c>
      <c r="MH18" s="162"/>
      <c r="MI18" s="122">
        <v>0</v>
      </c>
      <c r="MJ18" s="122">
        <v>999486</v>
      </c>
      <c r="MK18" s="122">
        <v>1996218</v>
      </c>
      <c r="ML18" s="122">
        <v>4125380</v>
      </c>
      <c r="MM18" s="122">
        <v>1532921</v>
      </c>
      <c r="MN18" s="123">
        <v>8654005</v>
      </c>
      <c r="MO18" s="160">
        <v>8654005</v>
      </c>
      <c r="MP18" s="159">
        <v>0</v>
      </c>
      <c r="MQ18" s="122">
        <v>0</v>
      </c>
      <c r="MR18" s="123">
        <v>0</v>
      </c>
      <c r="MS18" s="162"/>
      <c r="MT18" s="122">
        <v>0</v>
      </c>
      <c r="MU18" s="122">
        <v>180292</v>
      </c>
      <c r="MV18" s="122">
        <v>959577</v>
      </c>
      <c r="MW18" s="122">
        <v>2103692</v>
      </c>
      <c r="MX18" s="122">
        <v>1311094</v>
      </c>
      <c r="MY18" s="123">
        <v>4554655</v>
      </c>
      <c r="MZ18" s="160">
        <v>4554655</v>
      </c>
      <c r="NA18" s="159">
        <v>0</v>
      </c>
      <c r="NB18" s="122">
        <v>0</v>
      </c>
      <c r="NC18" s="123">
        <v>0</v>
      </c>
      <c r="ND18" s="162"/>
      <c r="NE18" s="122">
        <v>0</v>
      </c>
      <c r="NF18" s="122">
        <v>819194</v>
      </c>
      <c r="NG18" s="122">
        <v>1036641</v>
      </c>
      <c r="NH18" s="122">
        <v>2021688</v>
      </c>
      <c r="NI18" s="122">
        <v>221827</v>
      </c>
      <c r="NJ18" s="123">
        <v>4099350</v>
      </c>
      <c r="NK18" s="357">
        <v>4099350</v>
      </c>
      <c r="NL18" s="159">
        <v>0</v>
      </c>
      <c r="NM18" s="122">
        <v>0</v>
      </c>
      <c r="NN18" s="123">
        <v>0</v>
      </c>
      <c r="NO18" s="162"/>
      <c r="NP18" s="122">
        <v>0</v>
      </c>
      <c r="NQ18" s="122">
        <v>0</v>
      </c>
      <c r="NR18" s="122">
        <v>0</v>
      </c>
      <c r="NS18" s="122">
        <v>0</v>
      </c>
      <c r="NT18" s="122">
        <v>0</v>
      </c>
      <c r="NU18" s="123">
        <v>0</v>
      </c>
      <c r="NV18" s="124">
        <v>0</v>
      </c>
      <c r="NW18" s="159">
        <v>0</v>
      </c>
      <c r="NX18" s="122">
        <v>0</v>
      </c>
      <c r="NY18" s="123">
        <v>0</v>
      </c>
      <c r="NZ18" s="162"/>
      <c r="OA18" s="122">
        <v>0</v>
      </c>
      <c r="OB18" s="122">
        <v>0</v>
      </c>
      <c r="OC18" s="122">
        <v>0</v>
      </c>
      <c r="OD18" s="122">
        <v>0</v>
      </c>
      <c r="OE18" s="122">
        <v>0</v>
      </c>
      <c r="OF18" s="123">
        <v>0</v>
      </c>
      <c r="OG18" s="124">
        <v>0</v>
      </c>
      <c r="OH18" s="159">
        <v>873730</v>
      </c>
      <c r="OI18" s="122">
        <v>1370759</v>
      </c>
      <c r="OJ18" s="158">
        <v>2244489</v>
      </c>
      <c r="OK18" s="121">
        <v>0</v>
      </c>
      <c r="OL18" s="122">
        <v>5521708</v>
      </c>
      <c r="OM18" s="122">
        <v>6432552</v>
      </c>
      <c r="ON18" s="122">
        <v>9271656</v>
      </c>
      <c r="OO18" s="122">
        <v>10998035</v>
      </c>
      <c r="OP18" s="122">
        <v>7963181</v>
      </c>
      <c r="OQ18" s="123">
        <v>40187132</v>
      </c>
      <c r="OR18" s="160">
        <v>42431621</v>
      </c>
    </row>
    <row r="19" spans="1:408" ht="20.25" customHeight="1" x14ac:dyDescent="0.2">
      <c r="A19" s="129" t="s">
        <v>13</v>
      </c>
      <c r="B19" s="112">
        <v>404592</v>
      </c>
      <c r="C19" s="116">
        <v>421970</v>
      </c>
      <c r="D19" s="115">
        <v>826562</v>
      </c>
      <c r="E19" s="112">
        <v>0</v>
      </c>
      <c r="F19" s="187">
        <v>2677435</v>
      </c>
      <c r="G19" s="116">
        <v>3752733</v>
      </c>
      <c r="H19" s="116">
        <v>4580388</v>
      </c>
      <c r="I19" s="116">
        <v>3742932</v>
      </c>
      <c r="J19" s="116">
        <v>3357238</v>
      </c>
      <c r="K19" s="114">
        <v>18110726</v>
      </c>
      <c r="L19" s="118">
        <v>18937288</v>
      </c>
      <c r="M19" s="112">
        <v>94833</v>
      </c>
      <c r="N19" s="116">
        <v>111627</v>
      </c>
      <c r="O19" s="115">
        <v>206460</v>
      </c>
      <c r="P19" s="112">
        <v>0</v>
      </c>
      <c r="Q19" s="116">
        <v>689793</v>
      </c>
      <c r="R19" s="116">
        <v>1083277</v>
      </c>
      <c r="S19" s="116">
        <v>1752621</v>
      </c>
      <c r="T19" s="116">
        <v>1824838</v>
      </c>
      <c r="U19" s="116">
        <v>1764966</v>
      </c>
      <c r="V19" s="115">
        <v>7115495</v>
      </c>
      <c r="W19" s="118">
        <v>7321955</v>
      </c>
      <c r="X19" s="112">
        <v>0</v>
      </c>
      <c r="Y19" s="116">
        <v>0</v>
      </c>
      <c r="Z19" s="115">
        <v>0</v>
      </c>
      <c r="AA19" s="112">
        <v>0</v>
      </c>
      <c r="AB19" s="116">
        <v>362093</v>
      </c>
      <c r="AC19" s="116">
        <v>544225</v>
      </c>
      <c r="AD19" s="116">
        <v>1024058</v>
      </c>
      <c r="AE19" s="116">
        <v>1153726</v>
      </c>
      <c r="AF19" s="116">
        <v>1258182</v>
      </c>
      <c r="AG19" s="115">
        <v>4342284</v>
      </c>
      <c r="AH19" s="118">
        <v>4342284</v>
      </c>
      <c r="AI19" s="112">
        <v>0</v>
      </c>
      <c r="AJ19" s="116">
        <v>0</v>
      </c>
      <c r="AK19" s="115">
        <v>0</v>
      </c>
      <c r="AL19" s="112">
        <v>0</v>
      </c>
      <c r="AM19" s="116">
        <v>0</v>
      </c>
      <c r="AN19" s="116">
        <v>0</v>
      </c>
      <c r="AO19" s="116">
        <v>73202</v>
      </c>
      <c r="AP19" s="116">
        <v>82717</v>
      </c>
      <c r="AQ19" s="116">
        <v>0</v>
      </c>
      <c r="AR19" s="115">
        <v>155919</v>
      </c>
      <c r="AS19" s="118">
        <v>155919</v>
      </c>
      <c r="AT19" s="112">
        <v>12884</v>
      </c>
      <c r="AU19" s="116">
        <v>61402</v>
      </c>
      <c r="AV19" s="115">
        <v>74286</v>
      </c>
      <c r="AW19" s="112">
        <v>0</v>
      </c>
      <c r="AX19" s="116">
        <v>183731</v>
      </c>
      <c r="AY19" s="116">
        <v>249814</v>
      </c>
      <c r="AZ19" s="116">
        <v>546605</v>
      </c>
      <c r="BA19" s="116">
        <v>388808</v>
      </c>
      <c r="BB19" s="116">
        <v>315181</v>
      </c>
      <c r="BC19" s="115">
        <v>1684139</v>
      </c>
      <c r="BD19" s="118">
        <v>1758425</v>
      </c>
      <c r="BE19" s="112">
        <v>0</v>
      </c>
      <c r="BF19" s="116">
        <v>0</v>
      </c>
      <c r="BG19" s="114">
        <v>0</v>
      </c>
      <c r="BH19" s="113">
        <v>0</v>
      </c>
      <c r="BI19" s="116">
        <v>0</v>
      </c>
      <c r="BJ19" s="116">
        <v>91103</v>
      </c>
      <c r="BK19" s="116">
        <v>-136538</v>
      </c>
      <c r="BL19" s="116">
        <v>17356</v>
      </c>
      <c r="BM19" s="116">
        <v>42321</v>
      </c>
      <c r="BN19" s="115">
        <v>14242</v>
      </c>
      <c r="BO19" s="118">
        <v>14242</v>
      </c>
      <c r="BP19" s="112">
        <v>81949</v>
      </c>
      <c r="BQ19" s="116">
        <v>50225</v>
      </c>
      <c r="BR19" s="115">
        <v>132174</v>
      </c>
      <c r="BS19" s="112">
        <v>0</v>
      </c>
      <c r="BT19" s="116">
        <v>143969</v>
      </c>
      <c r="BU19" s="116">
        <v>198135</v>
      </c>
      <c r="BV19" s="116">
        <v>245294</v>
      </c>
      <c r="BW19" s="116">
        <v>182231</v>
      </c>
      <c r="BX19" s="116">
        <v>149282</v>
      </c>
      <c r="BY19" s="115">
        <v>918911</v>
      </c>
      <c r="BZ19" s="118">
        <v>1051085</v>
      </c>
      <c r="CA19" s="112">
        <v>0</v>
      </c>
      <c r="CB19" s="116">
        <v>31518</v>
      </c>
      <c r="CC19" s="115">
        <v>31518</v>
      </c>
      <c r="CD19" s="112">
        <v>0</v>
      </c>
      <c r="CE19" s="116">
        <v>398513</v>
      </c>
      <c r="CF19" s="116">
        <v>762984</v>
      </c>
      <c r="CG19" s="116">
        <v>1169495</v>
      </c>
      <c r="CH19" s="116">
        <v>385361</v>
      </c>
      <c r="CI19" s="116">
        <v>40500</v>
      </c>
      <c r="CJ19" s="115">
        <v>2756853</v>
      </c>
      <c r="CK19" s="118">
        <v>2788371</v>
      </c>
      <c r="CL19" s="112">
        <v>0</v>
      </c>
      <c r="CM19" s="116">
        <v>0</v>
      </c>
      <c r="CN19" s="115">
        <v>0</v>
      </c>
      <c r="CO19" s="113">
        <v>0</v>
      </c>
      <c r="CP19" s="116">
        <v>388835</v>
      </c>
      <c r="CQ19" s="116">
        <v>665711</v>
      </c>
      <c r="CR19" s="116">
        <v>1028253</v>
      </c>
      <c r="CS19" s="116">
        <v>346145</v>
      </c>
      <c r="CT19" s="116">
        <v>40500</v>
      </c>
      <c r="CU19" s="115">
        <v>2469444</v>
      </c>
      <c r="CV19" s="118">
        <v>2469444</v>
      </c>
      <c r="CW19" s="112">
        <v>0</v>
      </c>
      <c r="CX19" s="116">
        <v>31518</v>
      </c>
      <c r="CY19" s="115">
        <v>31518</v>
      </c>
      <c r="CZ19" s="112">
        <v>0</v>
      </c>
      <c r="DA19" s="116">
        <v>9678</v>
      </c>
      <c r="DB19" s="116">
        <v>97273</v>
      </c>
      <c r="DC19" s="116">
        <v>141242</v>
      </c>
      <c r="DD19" s="116">
        <v>39216</v>
      </c>
      <c r="DE19" s="116">
        <v>0</v>
      </c>
      <c r="DF19" s="115">
        <v>287409</v>
      </c>
      <c r="DG19" s="118">
        <v>318927</v>
      </c>
      <c r="DH19" s="112">
        <v>0</v>
      </c>
      <c r="DI19" s="116">
        <v>0</v>
      </c>
      <c r="DJ19" s="114">
        <v>0</v>
      </c>
      <c r="DK19" s="113">
        <v>0</v>
      </c>
      <c r="DL19" s="116">
        <v>51393</v>
      </c>
      <c r="DM19" s="116">
        <v>57276</v>
      </c>
      <c r="DN19" s="116">
        <v>172271</v>
      </c>
      <c r="DO19" s="116">
        <v>101462</v>
      </c>
      <c r="DP19" s="116">
        <v>227068</v>
      </c>
      <c r="DQ19" s="115">
        <v>609470</v>
      </c>
      <c r="DR19" s="118">
        <v>609470</v>
      </c>
      <c r="DS19" s="112">
        <v>0</v>
      </c>
      <c r="DT19" s="116">
        <v>0</v>
      </c>
      <c r="DU19" s="115">
        <v>0</v>
      </c>
      <c r="DV19" s="112">
        <v>0</v>
      </c>
      <c r="DW19" s="116">
        <v>51393</v>
      </c>
      <c r="DX19" s="116">
        <v>57276</v>
      </c>
      <c r="DY19" s="116">
        <v>172271</v>
      </c>
      <c r="DZ19" s="116">
        <v>75582</v>
      </c>
      <c r="EA19" s="116">
        <v>227068</v>
      </c>
      <c r="EB19" s="115">
        <v>583590</v>
      </c>
      <c r="EC19" s="118">
        <v>583590</v>
      </c>
      <c r="ED19" s="112">
        <v>0</v>
      </c>
      <c r="EE19" s="114">
        <v>0</v>
      </c>
      <c r="EF19" s="115">
        <v>0</v>
      </c>
      <c r="EG19" s="112">
        <v>0</v>
      </c>
      <c r="EH19" s="116">
        <v>0</v>
      </c>
      <c r="EI19" s="116">
        <v>0</v>
      </c>
      <c r="EJ19" s="116">
        <v>0</v>
      </c>
      <c r="EK19" s="116">
        <v>25880</v>
      </c>
      <c r="EL19" s="116">
        <v>0</v>
      </c>
      <c r="EM19" s="114">
        <v>25880</v>
      </c>
      <c r="EN19" s="118">
        <v>25880</v>
      </c>
      <c r="EO19" s="112">
        <v>0</v>
      </c>
      <c r="EP19" s="116">
        <v>0</v>
      </c>
      <c r="EQ19" s="114">
        <v>0</v>
      </c>
      <c r="ER19" s="113">
        <v>0</v>
      </c>
      <c r="ES19" s="116">
        <v>0</v>
      </c>
      <c r="ET19" s="116">
        <v>0</v>
      </c>
      <c r="EU19" s="116">
        <v>0</v>
      </c>
      <c r="EV19" s="116">
        <v>0</v>
      </c>
      <c r="EW19" s="116">
        <v>0</v>
      </c>
      <c r="EX19" s="115">
        <v>0</v>
      </c>
      <c r="EY19" s="118">
        <v>0</v>
      </c>
      <c r="EZ19" s="112">
        <v>0</v>
      </c>
      <c r="FA19" s="116">
        <v>0</v>
      </c>
      <c r="FB19" s="114">
        <v>0</v>
      </c>
      <c r="FC19" s="390"/>
      <c r="FD19" s="116">
        <v>0</v>
      </c>
      <c r="FE19" s="116">
        <v>0</v>
      </c>
      <c r="FF19" s="116">
        <v>0</v>
      </c>
      <c r="FG19" s="116">
        <v>0</v>
      </c>
      <c r="FH19" s="116">
        <v>0</v>
      </c>
      <c r="FI19" s="115">
        <v>0</v>
      </c>
      <c r="FJ19" s="118">
        <v>0</v>
      </c>
      <c r="FK19" s="112">
        <v>18900</v>
      </c>
      <c r="FL19" s="116">
        <v>51240</v>
      </c>
      <c r="FM19" s="115">
        <v>70140</v>
      </c>
      <c r="FN19" s="112">
        <v>0</v>
      </c>
      <c r="FO19" s="116">
        <v>206108</v>
      </c>
      <c r="FP19" s="116">
        <v>434413</v>
      </c>
      <c r="FQ19" s="116">
        <v>304016</v>
      </c>
      <c r="FR19" s="116">
        <v>278824</v>
      </c>
      <c r="FS19" s="116">
        <v>217567</v>
      </c>
      <c r="FT19" s="115">
        <v>1440928</v>
      </c>
      <c r="FU19" s="118">
        <v>1511068</v>
      </c>
      <c r="FV19" s="117">
        <v>18900</v>
      </c>
      <c r="FW19" s="116">
        <v>51240</v>
      </c>
      <c r="FX19" s="114">
        <v>70140</v>
      </c>
      <c r="FY19" s="113">
        <v>0</v>
      </c>
      <c r="FZ19" s="116">
        <v>206108</v>
      </c>
      <c r="GA19" s="116">
        <v>364413</v>
      </c>
      <c r="GB19" s="116">
        <v>255016</v>
      </c>
      <c r="GC19" s="116">
        <v>229824</v>
      </c>
      <c r="GD19" s="116">
        <v>170905</v>
      </c>
      <c r="GE19" s="115">
        <v>1226266</v>
      </c>
      <c r="GF19" s="354">
        <v>1296406</v>
      </c>
      <c r="GG19" s="117">
        <v>0</v>
      </c>
      <c r="GH19" s="116">
        <v>0</v>
      </c>
      <c r="GI19" s="114">
        <v>0</v>
      </c>
      <c r="GJ19" s="113">
        <v>0</v>
      </c>
      <c r="GK19" s="116">
        <v>0</v>
      </c>
      <c r="GL19" s="116">
        <v>70000</v>
      </c>
      <c r="GM19" s="116">
        <v>0</v>
      </c>
      <c r="GN19" s="116">
        <v>0</v>
      </c>
      <c r="GO19" s="116">
        <v>0</v>
      </c>
      <c r="GP19" s="115">
        <v>70000</v>
      </c>
      <c r="GQ19" s="118">
        <v>70000</v>
      </c>
      <c r="GR19" s="112">
        <v>0</v>
      </c>
      <c r="GS19" s="116">
        <v>0</v>
      </c>
      <c r="GT19" s="115">
        <v>0</v>
      </c>
      <c r="GU19" s="112">
        <v>0</v>
      </c>
      <c r="GV19" s="116">
        <v>0</v>
      </c>
      <c r="GW19" s="116">
        <v>0</v>
      </c>
      <c r="GX19" s="116">
        <v>49000</v>
      </c>
      <c r="GY19" s="116">
        <v>49000</v>
      </c>
      <c r="GZ19" s="116">
        <v>46662</v>
      </c>
      <c r="HA19" s="114">
        <v>144662</v>
      </c>
      <c r="HB19" s="118">
        <v>144662</v>
      </c>
      <c r="HC19" s="112">
        <v>290859</v>
      </c>
      <c r="HD19" s="116">
        <v>227585</v>
      </c>
      <c r="HE19" s="114">
        <v>518444</v>
      </c>
      <c r="HF19" s="113">
        <v>0</v>
      </c>
      <c r="HG19" s="116">
        <v>1331628</v>
      </c>
      <c r="HH19" s="116">
        <v>1414783</v>
      </c>
      <c r="HI19" s="116">
        <v>1181985</v>
      </c>
      <c r="HJ19" s="116">
        <v>1152447</v>
      </c>
      <c r="HK19" s="116">
        <v>1107137</v>
      </c>
      <c r="HL19" s="115">
        <v>6187980</v>
      </c>
      <c r="HM19" s="111">
        <v>6706424</v>
      </c>
      <c r="HN19" s="370"/>
      <c r="HO19" s="371"/>
      <c r="HP19" s="372"/>
      <c r="HQ19" s="373"/>
      <c r="HR19" s="371"/>
      <c r="HS19" s="371"/>
      <c r="HT19" s="371"/>
      <c r="HU19" s="371"/>
      <c r="HV19" s="371"/>
      <c r="HW19" s="374"/>
      <c r="HX19" s="375"/>
      <c r="HY19" s="148">
        <v>0</v>
      </c>
      <c r="HZ19" s="149">
        <v>0</v>
      </c>
      <c r="IA19" s="150">
        <v>0</v>
      </c>
      <c r="IB19" s="163">
        <v>0</v>
      </c>
      <c r="IC19" s="149">
        <v>104812</v>
      </c>
      <c r="ID19" s="164">
        <v>374441</v>
      </c>
      <c r="IE19" s="150">
        <v>1007006</v>
      </c>
      <c r="IF19" s="149">
        <v>307297</v>
      </c>
      <c r="IG19" s="150">
        <v>0</v>
      </c>
      <c r="IH19" s="165">
        <v>1793556</v>
      </c>
      <c r="II19" s="156">
        <v>1793556</v>
      </c>
      <c r="IJ19" s="261">
        <v>0</v>
      </c>
      <c r="IK19" s="268">
        <v>0</v>
      </c>
      <c r="IL19" s="269">
        <v>0</v>
      </c>
      <c r="IM19" s="157"/>
      <c r="IN19" s="122">
        <v>0</v>
      </c>
      <c r="IO19" s="122">
        <v>0</v>
      </c>
      <c r="IP19" s="122">
        <v>0</v>
      </c>
      <c r="IQ19" s="122">
        <v>0</v>
      </c>
      <c r="IR19" s="122">
        <v>0</v>
      </c>
      <c r="IS19" s="158">
        <v>0</v>
      </c>
      <c r="IT19" s="357">
        <v>0</v>
      </c>
      <c r="IU19" s="159">
        <v>0</v>
      </c>
      <c r="IV19" s="122">
        <v>0</v>
      </c>
      <c r="IW19" s="123">
        <v>0</v>
      </c>
      <c r="IX19" s="161"/>
      <c r="IY19" s="122">
        <v>0</v>
      </c>
      <c r="IZ19" s="122">
        <v>0</v>
      </c>
      <c r="JA19" s="122">
        <v>0</v>
      </c>
      <c r="JB19" s="122">
        <v>0</v>
      </c>
      <c r="JC19" s="122">
        <v>0</v>
      </c>
      <c r="JD19" s="123">
        <v>0</v>
      </c>
      <c r="JE19" s="124">
        <v>0</v>
      </c>
      <c r="JF19" s="159">
        <v>0</v>
      </c>
      <c r="JG19" s="122">
        <v>0</v>
      </c>
      <c r="JH19" s="158">
        <v>0</v>
      </c>
      <c r="JI19" s="121">
        <v>0</v>
      </c>
      <c r="JJ19" s="122">
        <v>104812</v>
      </c>
      <c r="JK19" s="122">
        <v>222575</v>
      </c>
      <c r="JL19" s="122">
        <v>289693</v>
      </c>
      <c r="JM19" s="122">
        <v>137146</v>
      </c>
      <c r="JN19" s="122">
        <v>0</v>
      </c>
      <c r="JO19" s="123">
        <v>754226</v>
      </c>
      <c r="JP19" s="357">
        <v>754226</v>
      </c>
      <c r="JQ19" s="159">
        <v>0</v>
      </c>
      <c r="JR19" s="122">
        <v>0</v>
      </c>
      <c r="JS19" s="158">
        <v>0</v>
      </c>
      <c r="JT19" s="121">
        <v>0</v>
      </c>
      <c r="JU19" s="122">
        <v>0</v>
      </c>
      <c r="JV19" s="122">
        <v>0</v>
      </c>
      <c r="JW19" s="122">
        <v>0</v>
      </c>
      <c r="JX19" s="122">
        <v>0</v>
      </c>
      <c r="JY19" s="122">
        <v>0</v>
      </c>
      <c r="JZ19" s="123">
        <v>0</v>
      </c>
      <c r="KA19" s="357">
        <v>0</v>
      </c>
      <c r="KB19" s="264">
        <v>0</v>
      </c>
      <c r="KC19" s="258">
        <v>0</v>
      </c>
      <c r="KD19" s="123">
        <v>0</v>
      </c>
      <c r="KE19" s="121">
        <v>0</v>
      </c>
      <c r="KF19" s="122">
        <v>0</v>
      </c>
      <c r="KG19" s="122">
        <v>151866</v>
      </c>
      <c r="KH19" s="122">
        <v>0</v>
      </c>
      <c r="KI19" s="122">
        <v>0</v>
      </c>
      <c r="KJ19" s="122">
        <v>0</v>
      </c>
      <c r="KK19" s="123">
        <v>151866</v>
      </c>
      <c r="KL19" s="160">
        <v>151866</v>
      </c>
      <c r="KM19" s="261">
        <v>0</v>
      </c>
      <c r="KN19" s="268">
        <v>0</v>
      </c>
      <c r="KO19" s="269">
        <v>0</v>
      </c>
      <c r="KP19" s="157"/>
      <c r="KQ19" s="122">
        <v>0</v>
      </c>
      <c r="KR19" s="122">
        <v>0</v>
      </c>
      <c r="KS19" s="122">
        <v>406407</v>
      </c>
      <c r="KT19" s="122">
        <v>0</v>
      </c>
      <c r="KU19" s="122">
        <v>0</v>
      </c>
      <c r="KV19" s="123">
        <v>406407</v>
      </c>
      <c r="KW19" s="357">
        <v>406407</v>
      </c>
      <c r="KX19" s="159">
        <v>0</v>
      </c>
      <c r="KY19" s="122">
        <v>0</v>
      </c>
      <c r="KZ19" s="123">
        <v>0</v>
      </c>
      <c r="LA19" s="162"/>
      <c r="LB19" s="122">
        <v>0</v>
      </c>
      <c r="LC19" s="122">
        <v>0</v>
      </c>
      <c r="LD19" s="122">
        <v>310906</v>
      </c>
      <c r="LE19" s="122">
        <v>170151</v>
      </c>
      <c r="LF19" s="122">
        <v>0</v>
      </c>
      <c r="LG19" s="123">
        <v>481057</v>
      </c>
      <c r="LH19" s="124">
        <v>481057</v>
      </c>
      <c r="LI19" s="159">
        <v>0</v>
      </c>
      <c r="LJ19" s="122">
        <v>0</v>
      </c>
      <c r="LK19" s="123">
        <v>0</v>
      </c>
      <c r="LL19" s="162"/>
      <c r="LM19" s="122">
        <v>0</v>
      </c>
      <c r="LN19" s="122">
        <v>0</v>
      </c>
      <c r="LO19" s="122">
        <v>0</v>
      </c>
      <c r="LP19" s="122">
        <v>0</v>
      </c>
      <c r="LQ19" s="122">
        <v>0</v>
      </c>
      <c r="LR19" s="123">
        <v>0</v>
      </c>
      <c r="LS19" s="357">
        <v>0</v>
      </c>
      <c r="LT19" s="159">
        <v>0</v>
      </c>
      <c r="LU19" s="122">
        <v>0</v>
      </c>
      <c r="LV19" s="123">
        <v>0</v>
      </c>
      <c r="LW19" s="162"/>
      <c r="LX19" s="122">
        <v>0</v>
      </c>
      <c r="LY19" s="122">
        <v>0</v>
      </c>
      <c r="LZ19" s="122">
        <v>0</v>
      </c>
      <c r="MA19" s="122">
        <v>0</v>
      </c>
      <c r="MB19" s="122">
        <v>0</v>
      </c>
      <c r="MC19" s="123">
        <v>0</v>
      </c>
      <c r="MD19" s="124">
        <v>0</v>
      </c>
      <c r="ME19" s="159">
        <v>0</v>
      </c>
      <c r="MF19" s="122">
        <v>0</v>
      </c>
      <c r="MG19" s="123">
        <v>0</v>
      </c>
      <c r="MH19" s="162"/>
      <c r="MI19" s="122">
        <v>0</v>
      </c>
      <c r="MJ19" s="122">
        <v>0</v>
      </c>
      <c r="MK19" s="122">
        <v>909723</v>
      </c>
      <c r="ML19" s="122">
        <v>1337174</v>
      </c>
      <c r="MM19" s="122">
        <v>1456300</v>
      </c>
      <c r="MN19" s="123">
        <v>3703197</v>
      </c>
      <c r="MO19" s="160">
        <v>3703197</v>
      </c>
      <c r="MP19" s="159">
        <v>0</v>
      </c>
      <c r="MQ19" s="122">
        <v>0</v>
      </c>
      <c r="MR19" s="123">
        <v>0</v>
      </c>
      <c r="MS19" s="162"/>
      <c r="MT19" s="122">
        <v>0</v>
      </c>
      <c r="MU19" s="122">
        <v>0</v>
      </c>
      <c r="MV19" s="122">
        <v>477417</v>
      </c>
      <c r="MW19" s="122">
        <v>856066</v>
      </c>
      <c r="MX19" s="122">
        <v>1325238</v>
      </c>
      <c r="MY19" s="123">
        <v>2658721</v>
      </c>
      <c r="MZ19" s="160">
        <v>2658721</v>
      </c>
      <c r="NA19" s="159">
        <v>0</v>
      </c>
      <c r="NB19" s="122">
        <v>0</v>
      </c>
      <c r="NC19" s="123">
        <v>0</v>
      </c>
      <c r="ND19" s="162"/>
      <c r="NE19" s="122">
        <v>0</v>
      </c>
      <c r="NF19" s="122">
        <v>0</v>
      </c>
      <c r="NG19" s="122">
        <v>432306</v>
      </c>
      <c r="NH19" s="122">
        <v>481108</v>
      </c>
      <c r="NI19" s="122">
        <v>131062</v>
      </c>
      <c r="NJ19" s="123">
        <v>1044476</v>
      </c>
      <c r="NK19" s="357">
        <v>1044476</v>
      </c>
      <c r="NL19" s="159">
        <v>0</v>
      </c>
      <c r="NM19" s="122">
        <v>0</v>
      </c>
      <c r="NN19" s="123">
        <v>0</v>
      </c>
      <c r="NO19" s="162"/>
      <c r="NP19" s="122">
        <v>0</v>
      </c>
      <c r="NQ19" s="122">
        <v>0</v>
      </c>
      <c r="NR19" s="122">
        <v>0</v>
      </c>
      <c r="NS19" s="122">
        <v>0</v>
      </c>
      <c r="NT19" s="122">
        <v>0</v>
      </c>
      <c r="NU19" s="123">
        <v>0</v>
      </c>
      <c r="NV19" s="124">
        <v>0</v>
      </c>
      <c r="NW19" s="159">
        <v>0</v>
      </c>
      <c r="NX19" s="122">
        <v>0</v>
      </c>
      <c r="NY19" s="123">
        <v>0</v>
      </c>
      <c r="NZ19" s="162"/>
      <c r="OA19" s="122">
        <v>0</v>
      </c>
      <c r="OB19" s="122">
        <v>0</v>
      </c>
      <c r="OC19" s="122">
        <v>0</v>
      </c>
      <c r="OD19" s="122">
        <v>0</v>
      </c>
      <c r="OE19" s="122">
        <v>0</v>
      </c>
      <c r="OF19" s="123">
        <v>0</v>
      </c>
      <c r="OG19" s="124">
        <v>0</v>
      </c>
      <c r="OH19" s="159">
        <v>404592</v>
      </c>
      <c r="OI19" s="122">
        <v>421970</v>
      </c>
      <c r="OJ19" s="158">
        <v>826562</v>
      </c>
      <c r="OK19" s="121">
        <v>0</v>
      </c>
      <c r="OL19" s="122">
        <v>2782247</v>
      </c>
      <c r="OM19" s="122">
        <v>4127174</v>
      </c>
      <c r="ON19" s="122">
        <v>6497117</v>
      </c>
      <c r="OO19" s="122">
        <v>5387403</v>
      </c>
      <c r="OP19" s="122">
        <v>4813538</v>
      </c>
      <c r="OQ19" s="123">
        <v>23607479</v>
      </c>
      <c r="OR19" s="160">
        <v>24434041</v>
      </c>
    </row>
    <row r="20" spans="1:408" ht="20.25" customHeight="1" x14ac:dyDescent="0.2">
      <c r="A20" s="129" t="s">
        <v>15</v>
      </c>
      <c r="B20" s="112">
        <v>131226</v>
      </c>
      <c r="C20" s="116">
        <v>302642</v>
      </c>
      <c r="D20" s="115">
        <v>433868</v>
      </c>
      <c r="E20" s="111">
        <v>0</v>
      </c>
      <c r="F20" s="116">
        <v>1126596</v>
      </c>
      <c r="G20" s="116">
        <v>613806</v>
      </c>
      <c r="H20" s="116">
        <v>1189079</v>
      </c>
      <c r="I20" s="116">
        <v>994389</v>
      </c>
      <c r="J20" s="116">
        <v>846110</v>
      </c>
      <c r="K20" s="111">
        <v>4769980</v>
      </c>
      <c r="L20" s="118">
        <v>5203848</v>
      </c>
      <c r="M20" s="112">
        <v>0</v>
      </c>
      <c r="N20" s="116">
        <v>24738</v>
      </c>
      <c r="O20" s="115">
        <v>24738</v>
      </c>
      <c r="P20" s="112">
        <v>0</v>
      </c>
      <c r="Q20" s="116">
        <v>164947</v>
      </c>
      <c r="R20" s="116">
        <v>170848</v>
      </c>
      <c r="S20" s="116">
        <v>366582</v>
      </c>
      <c r="T20" s="116">
        <v>272511</v>
      </c>
      <c r="U20" s="116">
        <v>582056</v>
      </c>
      <c r="V20" s="115">
        <v>1556944</v>
      </c>
      <c r="W20" s="118">
        <v>1581682</v>
      </c>
      <c r="X20" s="112">
        <v>0</v>
      </c>
      <c r="Y20" s="116">
        <v>0</v>
      </c>
      <c r="Z20" s="115">
        <v>0</v>
      </c>
      <c r="AA20" s="112">
        <v>0</v>
      </c>
      <c r="AB20" s="116">
        <v>57362</v>
      </c>
      <c r="AC20" s="116">
        <v>53544</v>
      </c>
      <c r="AD20" s="116">
        <v>188000</v>
      </c>
      <c r="AE20" s="116">
        <v>55796</v>
      </c>
      <c r="AF20" s="116">
        <v>172210</v>
      </c>
      <c r="AG20" s="115">
        <v>526912</v>
      </c>
      <c r="AH20" s="118">
        <v>526912</v>
      </c>
      <c r="AI20" s="112">
        <v>0</v>
      </c>
      <c r="AJ20" s="116">
        <v>0</v>
      </c>
      <c r="AK20" s="115">
        <v>0</v>
      </c>
      <c r="AL20" s="112">
        <v>0</v>
      </c>
      <c r="AM20" s="116">
        <v>0</v>
      </c>
      <c r="AN20" s="116">
        <v>0</v>
      </c>
      <c r="AO20" s="116">
        <v>0</v>
      </c>
      <c r="AP20" s="116">
        <v>19428</v>
      </c>
      <c r="AQ20" s="116">
        <v>245250</v>
      </c>
      <c r="AR20" s="115">
        <v>264678</v>
      </c>
      <c r="AS20" s="118">
        <v>264678</v>
      </c>
      <c r="AT20" s="112">
        <v>0</v>
      </c>
      <c r="AU20" s="116">
        <v>0</v>
      </c>
      <c r="AV20" s="115">
        <v>0</v>
      </c>
      <c r="AW20" s="112">
        <v>0</v>
      </c>
      <c r="AX20" s="116">
        <v>54497</v>
      </c>
      <c r="AY20" s="116">
        <v>57972</v>
      </c>
      <c r="AZ20" s="116">
        <v>103262</v>
      </c>
      <c r="BA20" s="116">
        <v>123613</v>
      </c>
      <c r="BB20" s="116">
        <v>117448</v>
      </c>
      <c r="BC20" s="115">
        <v>456792</v>
      </c>
      <c r="BD20" s="118">
        <v>456792</v>
      </c>
      <c r="BE20" s="112">
        <v>0</v>
      </c>
      <c r="BF20" s="116">
        <v>0</v>
      </c>
      <c r="BG20" s="114">
        <v>0</v>
      </c>
      <c r="BH20" s="113">
        <v>0</v>
      </c>
      <c r="BI20" s="116">
        <v>0</v>
      </c>
      <c r="BJ20" s="116">
        <v>0</v>
      </c>
      <c r="BK20" s="116">
        <v>0</v>
      </c>
      <c r="BL20" s="116">
        <v>55474</v>
      </c>
      <c r="BM20" s="116">
        <v>27737</v>
      </c>
      <c r="BN20" s="115">
        <v>83211</v>
      </c>
      <c r="BO20" s="118">
        <v>83211</v>
      </c>
      <c r="BP20" s="112">
        <v>0</v>
      </c>
      <c r="BQ20" s="116">
        <v>24738</v>
      </c>
      <c r="BR20" s="115">
        <v>24738</v>
      </c>
      <c r="BS20" s="112">
        <v>0</v>
      </c>
      <c r="BT20" s="116">
        <v>53088</v>
      </c>
      <c r="BU20" s="116">
        <v>59332</v>
      </c>
      <c r="BV20" s="116">
        <v>75320</v>
      </c>
      <c r="BW20" s="116">
        <v>18200</v>
      </c>
      <c r="BX20" s="116">
        <v>19411</v>
      </c>
      <c r="BY20" s="115">
        <v>225351</v>
      </c>
      <c r="BZ20" s="118">
        <v>250089</v>
      </c>
      <c r="CA20" s="112">
        <v>0</v>
      </c>
      <c r="CB20" s="116">
        <v>33949</v>
      </c>
      <c r="CC20" s="115">
        <v>33949</v>
      </c>
      <c r="CD20" s="112">
        <v>0</v>
      </c>
      <c r="CE20" s="116">
        <v>178131</v>
      </c>
      <c r="CF20" s="116">
        <v>57608</v>
      </c>
      <c r="CG20" s="116">
        <v>201278</v>
      </c>
      <c r="CH20" s="116">
        <v>103587</v>
      </c>
      <c r="CI20" s="116">
        <v>0</v>
      </c>
      <c r="CJ20" s="115">
        <v>540604</v>
      </c>
      <c r="CK20" s="118">
        <v>574553</v>
      </c>
      <c r="CL20" s="112">
        <v>0</v>
      </c>
      <c r="CM20" s="116">
        <v>0</v>
      </c>
      <c r="CN20" s="115">
        <v>0</v>
      </c>
      <c r="CO20" s="113">
        <v>0</v>
      </c>
      <c r="CP20" s="116">
        <v>130800</v>
      </c>
      <c r="CQ20" s="116">
        <v>50429</v>
      </c>
      <c r="CR20" s="116">
        <v>187265</v>
      </c>
      <c r="CS20" s="116">
        <v>94217</v>
      </c>
      <c r="CT20" s="116">
        <v>0</v>
      </c>
      <c r="CU20" s="115">
        <v>462711</v>
      </c>
      <c r="CV20" s="118">
        <v>462711</v>
      </c>
      <c r="CW20" s="112">
        <v>0</v>
      </c>
      <c r="CX20" s="116">
        <v>33949</v>
      </c>
      <c r="CY20" s="115">
        <v>33949</v>
      </c>
      <c r="CZ20" s="112">
        <v>0</v>
      </c>
      <c r="DA20" s="116">
        <v>47331</v>
      </c>
      <c r="DB20" s="116">
        <v>7179</v>
      </c>
      <c r="DC20" s="116">
        <v>14013</v>
      </c>
      <c r="DD20" s="116">
        <v>9370</v>
      </c>
      <c r="DE20" s="116">
        <v>0</v>
      </c>
      <c r="DF20" s="115">
        <v>77893</v>
      </c>
      <c r="DG20" s="118">
        <v>111842</v>
      </c>
      <c r="DH20" s="112">
        <v>0</v>
      </c>
      <c r="DI20" s="116">
        <v>0</v>
      </c>
      <c r="DJ20" s="114">
        <v>0</v>
      </c>
      <c r="DK20" s="113">
        <v>0</v>
      </c>
      <c r="DL20" s="116">
        <v>0</v>
      </c>
      <c r="DM20" s="116">
        <v>38418</v>
      </c>
      <c r="DN20" s="116">
        <v>146160</v>
      </c>
      <c r="DO20" s="116">
        <v>430278</v>
      </c>
      <c r="DP20" s="116">
        <v>181447</v>
      </c>
      <c r="DQ20" s="115">
        <v>796303</v>
      </c>
      <c r="DR20" s="118">
        <v>796303</v>
      </c>
      <c r="DS20" s="112">
        <v>0</v>
      </c>
      <c r="DT20" s="116">
        <v>0</v>
      </c>
      <c r="DU20" s="115">
        <v>0</v>
      </c>
      <c r="DV20" s="112">
        <v>0</v>
      </c>
      <c r="DW20" s="116">
        <v>0</v>
      </c>
      <c r="DX20" s="116">
        <v>38418</v>
      </c>
      <c r="DY20" s="116">
        <v>146160</v>
      </c>
      <c r="DZ20" s="116">
        <v>430278</v>
      </c>
      <c r="EA20" s="116">
        <v>181447</v>
      </c>
      <c r="EB20" s="115">
        <v>796303</v>
      </c>
      <c r="EC20" s="118">
        <v>796303</v>
      </c>
      <c r="ED20" s="112">
        <v>0</v>
      </c>
      <c r="EE20" s="114">
        <v>0</v>
      </c>
      <c r="EF20" s="115">
        <v>0</v>
      </c>
      <c r="EG20" s="112">
        <v>0</v>
      </c>
      <c r="EH20" s="116">
        <v>0</v>
      </c>
      <c r="EI20" s="116">
        <v>0</v>
      </c>
      <c r="EJ20" s="116">
        <v>0</v>
      </c>
      <c r="EK20" s="116">
        <v>0</v>
      </c>
      <c r="EL20" s="116">
        <v>0</v>
      </c>
      <c r="EM20" s="114">
        <v>0</v>
      </c>
      <c r="EN20" s="118">
        <v>0</v>
      </c>
      <c r="EO20" s="112">
        <v>0</v>
      </c>
      <c r="EP20" s="116">
        <v>0</v>
      </c>
      <c r="EQ20" s="114">
        <v>0</v>
      </c>
      <c r="ER20" s="113">
        <v>0</v>
      </c>
      <c r="ES20" s="116">
        <v>0</v>
      </c>
      <c r="ET20" s="116">
        <v>0</v>
      </c>
      <c r="EU20" s="116">
        <v>0</v>
      </c>
      <c r="EV20" s="116">
        <v>0</v>
      </c>
      <c r="EW20" s="116">
        <v>0</v>
      </c>
      <c r="EX20" s="115">
        <v>0</v>
      </c>
      <c r="EY20" s="118">
        <v>0</v>
      </c>
      <c r="EZ20" s="112">
        <v>0</v>
      </c>
      <c r="FA20" s="116">
        <v>0</v>
      </c>
      <c r="FB20" s="114">
        <v>0</v>
      </c>
      <c r="FC20" s="390"/>
      <c r="FD20" s="116">
        <v>0</v>
      </c>
      <c r="FE20" s="116">
        <v>0</v>
      </c>
      <c r="FF20" s="116">
        <v>0</v>
      </c>
      <c r="FG20" s="116">
        <v>0</v>
      </c>
      <c r="FH20" s="116">
        <v>0</v>
      </c>
      <c r="FI20" s="115">
        <v>0</v>
      </c>
      <c r="FJ20" s="118">
        <v>0</v>
      </c>
      <c r="FK20" s="112">
        <v>0</v>
      </c>
      <c r="FL20" s="116">
        <v>22400</v>
      </c>
      <c r="FM20" s="115">
        <v>22400</v>
      </c>
      <c r="FN20" s="112">
        <v>0</v>
      </c>
      <c r="FO20" s="116">
        <v>19404</v>
      </c>
      <c r="FP20" s="116">
        <v>66920</v>
      </c>
      <c r="FQ20" s="116">
        <v>99582</v>
      </c>
      <c r="FR20" s="116">
        <v>188013</v>
      </c>
      <c r="FS20" s="116">
        <v>82607</v>
      </c>
      <c r="FT20" s="115">
        <v>456526</v>
      </c>
      <c r="FU20" s="118">
        <v>478926</v>
      </c>
      <c r="FV20" s="117">
        <v>0</v>
      </c>
      <c r="FW20" s="116">
        <v>22400</v>
      </c>
      <c r="FX20" s="114">
        <v>22400</v>
      </c>
      <c r="FY20" s="113">
        <v>0</v>
      </c>
      <c r="FZ20" s="116">
        <v>19404</v>
      </c>
      <c r="GA20" s="116">
        <v>66920</v>
      </c>
      <c r="GB20" s="116">
        <v>99582</v>
      </c>
      <c r="GC20" s="116">
        <v>188013</v>
      </c>
      <c r="GD20" s="116">
        <v>82607</v>
      </c>
      <c r="GE20" s="115">
        <v>456526</v>
      </c>
      <c r="GF20" s="354">
        <v>478926</v>
      </c>
      <c r="GG20" s="117">
        <v>0</v>
      </c>
      <c r="GH20" s="116">
        <v>0</v>
      </c>
      <c r="GI20" s="114">
        <v>0</v>
      </c>
      <c r="GJ20" s="113">
        <v>0</v>
      </c>
      <c r="GK20" s="116">
        <v>0</v>
      </c>
      <c r="GL20" s="116">
        <v>0</v>
      </c>
      <c r="GM20" s="116">
        <v>0</v>
      </c>
      <c r="GN20" s="116">
        <v>0</v>
      </c>
      <c r="GO20" s="116">
        <v>0</v>
      </c>
      <c r="GP20" s="115">
        <v>0</v>
      </c>
      <c r="GQ20" s="118">
        <v>0</v>
      </c>
      <c r="GR20" s="112">
        <v>0</v>
      </c>
      <c r="GS20" s="116">
        <v>0</v>
      </c>
      <c r="GT20" s="115">
        <v>0</v>
      </c>
      <c r="GU20" s="112">
        <v>0</v>
      </c>
      <c r="GV20" s="116">
        <v>0</v>
      </c>
      <c r="GW20" s="116">
        <v>0</v>
      </c>
      <c r="GX20" s="116">
        <v>0</v>
      </c>
      <c r="GY20" s="116">
        <v>0</v>
      </c>
      <c r="GZ20" s="116">
        <v>0</v>
      </c>
      <c r="HA20" s="114">
        <v>0</v>
      </c>
      <c r="HB20" s="118">
        <v>0</v>
      </c>
      <c r="HC20" s="112">
        <v>131226</v>
      </c>
      <c r="HD20" s="116">
        <v>221555</v>
      </c>
      <c r="HE20" s="114">
        <v>352781</v>
      </c>
      <c r="HF20" s="113">
        <v>0</v>
      </c>
      <c r="HG20" s="116">
        <v>764114</v>
      </c>
      <c r="HH20" s="116">
        <v>280012</v>
      </c>
      <c r="HI20" s="116">
        <v>375477</v>
      </c>
      <c r="HJ20" s="116">
        <v>0</v>
      </c>
      <c r="HK20" s="116">
        <v>0</v>
      </c>
      <c r="HL20" s="115">
        <v>1419603</v>
      </c>
      <c r="HM20" s="111">
        <v>1772384</v>
      </c>
      <c r="HN20" s="370"/>
      <c r="HO20" s="371"/>
      <c r="HP20" s="372"/>
      <c r="HQ20" s="373"/>
      <c r="HR20" s="371"/>
      <c r="HS20" s="371"/>
      <c r="HT20" s="371"/>
      <c r="HU20" s="371"/>
      <c r="HV20" s="371"/>
      <c r="HW20" s="374"/>
      <c r="HX20" s="375"/>
      <c r="HY20" s="167">
        <v>0</v>
      </c>
      <c r="HZ20" s="152">
        <v>0</v>
      </c>
      <c r="IA20" s="167">
        <v>0</v>
      </c>
      <c r="IB20" s="151">
        <v>0</v>
      </c>
      <c r="IC20" s="152">
        <v>175851</v>
      </c>
      <c r="ID20" s="153">
        <v>448968</v>
      </c>
      <c r="IE20" s="154">
        <v>426888</v>
      </c>
      <c r="IF20" s="152">
        <v>425937</v>
      </c>
      <c r="IG20" s="154">
        <v>22357</v>
      </c>
      <c r="IH20" s="155">
        <v>1500001</v>
      </c>
      <c r="II20" s="167">
        <v>1500001</v>
      </c>
      <c r="IJ20" s="261">
        <v>0</v>
      </c>
      <c r="IK20" s="268">
        <v>0</v>
      </c>
      <c r="IL20" s="269">
        <v>0</v>
      </c>
      <c r="IM20" s="157"/>
      <c r="IN20" s="122">
        <v>0</v>
      </c>
      <c r="IO20" s="122">
        <v>0</v>
      </c>
      <c r="IP20" s="122">
        <v>0</v>
      </c>
      <c r="IQ20" s="122">
        <v>0</v>
      </c>
      <c r="IR20" s="122">
        <v>0</v>
      </c>
      <c r="IS20" s="158">
        <v>0</v>
      </c>
      <c r="IT20" s="357">
        <v>0</v>
      </c>
      <c r="IU20" s="159">
        <v>0</v>
      </c>
      <c r="IV20" s="122">
        <v>0</v>
      </c>
      <c r="IW20" s="123">
        <v>0</v>
      </c>
      <c r="IX20" s="161"/>
      <c r="IY20" s="122">
        <v>0</v>
      </c>
      <c r="IZ20" s="122">
        <v>0</v>
      </c>
      <c r="JA20" s="122">
        <v>0</v>
      </c>
      <c r="JB20" s="122">
        <v>0</v>
      </c>
      <c r="JC20" s="122">
        <v>0</v>
      </c>
      <c r="JD20" s="123">
        <v>0</v>
      </c>
      <c r="JE20" s="124">
        <v>0</v>
      </c>
      <c r="JF20" s="159">
        <v>0</v>
      </c>
      <c r="JG20" s="122">
        <v>0</v>
      </c>
      <c r="JH20" s="158">
        <v>0</v>
      </c>
      <c r="JI20" s="121">
        <v>0</v>
      </c>
      <c r="JJ20" s="122">
        <v>175851</v>
      </c>
      <c r="JK20" s="122">
        <v>257131</v>
      </c>
      <c r="JL20" s="122">
        <v>37943</v>
      </c>
      <c r="JM20" s="122">
        <v>227694</v>
      </c>
      <c r="JN20" s="122">
        <v>22357</v>
      </c>
      <c r="JO20" s="123">
        <v>720976</v>
      </c>
      <c r="JP20" s="357">
        <v>720976</v>
      </c>
      <c r="JQ20" s="159">
        <v>0</v>
      </c>
      <c r="JR20" s="122">
        <v>0</v>
      </c>
      <c r="JS20" s="158">
        <v>0</v>
      </c>
      <c r="JT20" s="121">
        <v>0</v>
      </c>
      <c r="JU20" s="122">
        <v>0</v>
      </c>
      <c r="JV20" s="122">
        <v>0</v>
      </c>
      <c r="JW20" s="122">
        <v>0</v>
      </c>
      <c r="JX20" s="122">
        <v>0</v>
      </c>
      <c r="JY20" s="122">
        <v>0</v>
      </c>
      <c r="JZ20" s="123">
        <v>0</v>
      </c>
      <c r="KA20" s="357">
        <v>0</v>
      </c>
      <c r="KB20" s="264">
        <v>0</v>
      </c>
      <c r="KC20" s="258">
        <v>0</v>
      </c>
      <c r="KD20" s="123">
        <v>0</v>
      </c>
      <c r="KE20" s="121">
        <v>0</v>
      </c>
      <c r="KF20" s="122">
        <v>0</v>
      </c>
      <c r="KG20" s="122">
        <v>0</v>
      </c>
      <c r="KH20" s="122">
        <v>0</v>
      </c>
      <c r="KI20" s="122">
        <v>0</v>
      </c>
      <c r="KJ20" s="122">
        <v>0</v>
      </c>
      <c r="KK20" s="123">
        <v>0</v>
      </c>
      <c r="KL20" s="160">
        <v>0</v>
      </c>
      <c r="KM20" s="261">
        <v>0</v>
      </c>
      <c r="KN20" s="268">
        <v>0</v>
      </c>
      <c r="KO20" s="269">
        <v>0</v>
      </c>
      <c r="KP20" s="157"/>
      <c r="KQ20" s="122">
        <v>0</v>
      </c>
      <c r="KR20" s="122">
        <v>191837</v>
      </c>
      <c r="KS20" s="122">
        <v>388945</v>
      </c>
      <c r="KT20" s="122">
        <v>198243</v>
      </c>
      <c r="KU20" s="122">
        <v>0</v>
      </c>
      <c r="KV20" s="123">
        <v>779025</v>
      </c>
      <c r="KW20" s="357">
        <v>779025</v>
      </c>
      <c r="KX20" s="159">
        <v>0</v>
      </c>
      <c r="KY20" s="122">
        <v>0</v>
      </c>
      <c r="KZ20" s="123">
        <v>0</v>
      </c>
      <c r="LA20" s="162"/>
      <c r="LB20" s="122">
        <v>0</v>
      </c>
      <c r="LC20" s="122">
        <v>0</v>
      </c>
      <c r="LD20" s="122">
        <v>0</v>
      </c>
      <c r="LE20" s="122">
        <v>0</v>
      </c>
      <c r="LF20" s="122">
        <v>0</v>
      </c>
      <c r="LG20" s="123">
        <v>0</v>
      </c>
      <c r="LH20" s="124">
        <v>0</v>
      </c>
      <c r="LI20" s="159">
        <v>0</v>
      </c>
      <c r="LJ20" s="122">
        <v>0</v>
      </c>
      <c r="LK20" s="123">
        <v>0</v>
      </c>
      <c r="LL20" s="162"/>
      <c r="LM20" s="122">
        <v>0</v>
      </c>
      <c r="LN20" s="122">
        <v>0</v>
      </c>
      <c r="LO20" s="122">
        <v>0</v>
      </c>
      <c r="LP20" s="122">
        <v>0</v>
      </c>
      <c r="LQ20" s="122">
        <v>0</v>
      </c>
      <c r="LR20" s="123">
        <v>0</v>
      </c>
      <c r="LS20" s="357">
        <v>0</v>
      </c>
      <c r="LT20" s="159">
        <v>0</v>
      </c>
      <c r="LU20" s="122">
        <v>0</v>
      </c>
      <c r="LV20" s="123">
        <v>0</v>
      </c>
      <c r="LW20" s="162"/>
      <c r="LX20" s="122">
        <v>0</v>
      </c>
      <c r="LY20" s="122">
        <v>0</v>
      </c>
      <c r="LZ20" s="122">
        <v>0</v>
      </c>
      <c r="MA20" s="122">
        <v>0</v>
      </c>
      <c r="MB20" s="122">
        <v>0</v>
      </c>
      <c r="MC20" s="123">
        <v>0</v>
      </c>
      <c r="MD20" s="124">
        <v>0</v>
      </c>
      <c r="ME20" s="159">
        <v>0</v>
      </c>
      <c r="MF20" s="122">
        <v>0</v>
      </c>
      <c r="MG20" s="123">
        <v>0</v>
      </c>
      <c r="MH20" s="162"/>
      <c r="MI20" s="122">
        <v>171658</v>
      </c>
      <c r="MJ20" s="122">
        <v>0</v>
      </c>
      <c r="MK20" s="122">
        <v>210910</v>
      </c>
      <c r="ML20" s="122">
        <v>276694</v>
      </c>
      <c r="MM20" s="122">
        <v>482045</v>
      </c>
      <c r="MN20" s="123">
        <v>1141307</v>
      </c>
      <c r="MO20" s="160">
        <v>1141307</v>
      </c>
      <c r="MP20" s="159">
        <v>0</v>
      </c>
      <c r="MQ20" s="122">
        <v>0</v>
      </c>
      <c r="MR20" s="123">
        <v>0</v>
      </c>
      <c r="MS20" s="162"/>
      <c r="MT20" s="122">
        <v>0</v>
      </c>
      <c r="MU20" s="122">
        <v>0</v>
      </c>
      <c r="MV20" s="122">
        <v>0</v>
      </c>
      <c r="MW20" s="122">
        <v>195258</v>
      </c>
      <c r="MX20" s="122">
        <v>235223</v>
      </c>
      <c r="MY20" s="123">
        <v>430481</v>
      </c>
      <c r="MZ20" s="160">
        <v>430481</v>
      </c>
      <c r="NA20" s="159">
        <v>0</v>
      </c>
      <c r="NB20" s="122">
        <v>0</v>
      </c>
      <c r="NC20" s="123">
        <v>0</v>
      </c>
      <c r="ND20" s="162"/>
      <c r="NE20" s="122">
        <v>171658</v>
      </c>
      <c r="NF20" s="122">
        <v>0</v>
      </c>
      <c r="NG20" s="122">
        <v>210910</v>
      </c>
      <c r="NH20" s="122">
        <v>81436</v>
      </c>
      <c r="NI20" s="122">
        <v>246822</v>
      </c>
      <c r="NJ20" s="123">
        <v>710826</v>
      </c>
      <c r="NK20" s="357">
        <v>710826</v>
      </c>
      <c r="NL20" s="159">
        <v>0</v>
      </c>
      <c r="NM20" s="122">
        <v>0</v>
      </c>
      <c r="NN20" s="123">
        <v>0</v>
      </c>
      <c r="NO20" s="162"/>
      <c r="NP20" s="122">
        <v>0</v>
      </c>
      <c r="NQ20" s="122">
        <v>0</v>
      </c>
      <c r="NR20" s="122">
        <v>0</v>
      </c>
      <c r="NS20" s="122">
        <v>0</v>
      </c>
      <c r="NT20" s="122">
        <v>0</v>
      </c>
      <c r="NU20" s="123">
        <v>0</v>
      </c>
      <c r="NV20" s="124">
        <v>0</v>
      </c>
      <c r="NW20" s="159">
        <v>0</v>
      </c>
      <c r="NX20" s="122">
        <v>0</v>
      </c>
      <c r="NY20" s="123">
        <v>0</v>
      </c>
      <c r="NZ20" s="162"/>
      <c r="OA20" s="122">
        <v>0</v>
      </c>
      <c r="OB20" s="122">
        <v>0</v>
      </c>
      <c r="OC20" s="122">
        <v>0</v>
      </c>
      <c r="OD20" s="122">
        <v>0</v>
      </c>
      <c r="OE20" s="122">
        <v>0</v>
      </c>
      <c r="OF20" s="123">
        <v>0</v>
      </c>
      <c r="OG20" s="124">
        <v>0</v>
      </c>
      <c r="OH20" s="159">
        <v>131226</v>
      </c>
      <c r="OI20" s="122">
        <v>302642</v>
      </c>
      <c r="OJ20" s="158">
        <v>433868</v>
      </c>
      <c r="OK20" s="121">
        <v>0</v>
      </c>
      <c r="OL20" s="122">
        <v>1474105</v>
      </c>
      <c r="OM20" s="122">
        <v>1062774</v>
      </c>
      <c r="ON20" s="122">
        <v>1826877</v>
      </c>
      <c r="OO20" s="122">
        <v>1697020</v>
      </c>
      <c r="OP20" s="122">
        <v>1350512</v>
      </c>
      <c r="OQ20" s="123">
        <v>7411288</v>
      </c>
      <c r="OR20" s="160">
        <v>7845156</v>
      </c>
    </row>
    <row r="21" spans="1:408" ht="20.25" customHeight="1" x14ac:dyDescent="0.2">
      <c r="A21" s="129" t="s">
        <v>16</v>
      </c>
      <c r="B21" s="112">
        <v>405709</v>
      </c>
      <c r="C21" s="116">
        <v>355884</v>
      </c>
      <c r="D21" s="115">
        <v>761593</v>
      </c>
      <c r="E21" s="111">
        <v>0</v>
      </c>
      <c r="F21" s="116">
        <v>3885038</v>
      </c>
      <c r="G21" s="116">
        <v>4245738</v>
      </c>
      <c r="H21" s="116">
        <v>2222468</v>
      </c>
      <c r="I21" s="116">
        <v>2367165</v>
      </c>
      <c r="J21" s="116">
        <v>1899699</v>
      </c>
      <c r="K21" s="111">
        <v>14620108</v>
      </c>
      <c r="L21" s="118">
        <v>15381701</v>
      </c>
      <c r="M21" s="112">
        <v>58815</v>
      </c>
      <c r="N21" s="116">
        <v>46203</v>
      </c>
      <c r="O21" s="115">
        <v>105018</v>
      </c>
      <c r="P21" s="112">
        <v>0</v>
      </c>
      <c r="Q21" s="116">
        <v>553535</v>
      </c>
      <c r="R21" s="116">
        <v>971784</v>
      </c>
      <c r="S21" s="116">
        <v>1136438</v>
      </c>
      <c r="T21" s="116">
        <v>295892</v>
      </c>
      <c r="U21" s="116">
        <v>378639</v>
      </c>
      <c r="V21" s="115">
        <v>3336288</v>
      </c>
      <c r="W21" s="118">
        <v>3441306</v>
      </c>
      <c r="X21" s="112">
        <v>0</v>
      </c>
      <c r="Y21" s="116">
        <v>0</v>
      </c>
      <c r="Z21" s="115">
        <v>0</v>
      </c>
      <c r="AA21" s="112">
        <v>0</v>
      </c>
      <c r="AB21" s="116">
        <v>183104</v>
      </c>
      <c r="AC21" s="116">
        <v>406738</v>
      </c>
      <c r="AD21" s="116">
        <v>599869</v>
      </c>
      <c r="AE21" s="116">
        <v>63383</v>
      </c>
      <c r="AF21" s="116">
        <v>124996</v>
      </c>
      <c r="AG21" s="115">
        <v>1378090</v>
      </c>
      <c r="AH21" s="118">
        <v>1378090</v>
      </c>
      <c r="AI21" s="112">
        <v>0</v>
      </c>
      <c r="AJ21" s="116">
        <v>0</v>
      </c>
      <c r="AK21" s="115">
        <v>0</v>
      </c>
      <c r="AL21" s="112">
        <v>0</v>
      </c>
      <c r="AM21" s="116">
        <v>0</v>
      </c>
      <c r="AN21" s="116">
        <v>39445</v>
      </c>
      <c r="AO21" s="116">
        <v>19722</v>
      </c>
      <c r="AP21" s="116">
        <v>0</v>
      </c>
      <c r="AQ21" s="116">
        <v>49882</v>
      </c>
      <c r="AR21" s="115">
        <v>109049</v>
      </c>
      <c r="AS21" s="118">
        <v>109049</v>
      </c>
      <c r="AT21" s="112">
        <v>18306</v>
      </c>
      <c r="AU21" s="116">
        <v>25834</v>
      </c>
      <c r="AV21" s="115">
        <v>44140</v>
      </c>
      <c r="AW21" s="112">
        <v>0</v>
      </c>
      <c r="AX21" s="116">
        <v>202249</v>
      </c>
      <c r="AY21" s="116">
        <v>411431</v>
      </c>
      <c r="AZ21" s="116">
        <v>404640</v>
      </c>
      <c r="BA21" s="116">
        <v>82821</v>
      </c>
      <c r="BB21" s="116">
        <v>71552</v>
      </c>
      <c r="BC21" s="115">
        <v>1172693</v>
      </c>
      <c r="BD21" s="118">
        <v>1216833</v>
      </c>
      <c r="BE21" s="112">
        <v>0</v>
      </c>
      <c r="BF21" s="116">
        <v>20369</v>
      </c>
      <c r="BG21" s="114">
        <v>20369</v>
      </c>
      <c r="BH21" s="113">
        <v>0</v>
      </c>
      <c r="BI21" s="116">
        <v>0</v>
      </c>
      <c r="BJ21" s="116">
        <v>0</v>
      </c>
      <c r="BK21" s="116">
        <v>43558</v>
      </c>
      <c r="BL21" s="116">
        <v>0</v>
      </c>
      <c r="BM21" s="116">
        <v>13825</v>
      </c>
      <c r="BN21" s="115">
        <v>57383</v>
      </c>
      <c r="BO21" s="118">
        <v>77752</v>
      </c>
      <c r="BP21" s="112">
        <v>40509</v>
      </c>
      <c r="BQ21" s="116">
        <v>0</v>
      </c>
      <c r="BR21" s="115">
        <v>40509</v>
      </c>
      <c r="BS21" s="112">
        <v>0</v>
      </c>
      <c r="BT21" s="116">
        <v>168182</v>
      </c>
      <c r="BU21" s="116">
        <v>114170</v>
      </c>
      <c r="BV21" s="116">
        <v>68649</v>
      </c>
      <c r="BW21" s="116">
        <v>149688</v>
      </c>
      <c r="BX21" s="116">
        <v>118384</v>
      </c>
      <c r="BY21" s="115">
        <v>619073</v>
      </c>
      <c r="BZ21" s="118">
        <v>659582</v>
      </c>
      <c r="CA21" s="112">
        <v>73998</v>
      </c>
      <c r="CB21" s="116">
        <v>171949</v>
      </c>
      <c r="CC21" s="115">
        <v>245947</v>
      </c>
      <c r="CD21" s="112">
        <v>0</v>
      </c>
      <c r="CE21" s="116">
        <v>968011</v>
      </c>
      <c r="CF21" s="116">
        <v>1477415</v>
      </c>
      <c r="CG21" s="116">
        <v>500431</v>
      </c>
      <c r="CH21" s="116">
        <v>152498</v>
      </c>
      <c r="CI21" s="116">
        <v>77574</v>
      </c>
      <c r="CJ21" s="115">
        <v>3175929</v>
      </c>
      <c r="CK21" s="118">
        <v>3421876</v>
      </c>
      <c r="CL21" s="112">
        <v>0</v>
      </c>
      <c r="CM21" s="116">
        <v>0</v>
      </c>
      <c r="CN21" s="115">
        <v>0</v>
      </c>
      <c r="CO21" s="113">
        <v>0</v>
      </c>
      <c r="CP21" s="116">
        <v>620373</v>
      </c>
      <c r="CQ21" s="116">
        <v>731865</v>
      </c>
      <c r="CR21" s="116">
        <v>294061</v>
      </c>
      <c r="CS21" s="116">
        <v>152498</v>
      </c>
      <c r="CT21" s="116">
        <v>77574</v>
      </c>
      <c r="CU21" s="115">
        <v>1876371</v>
      </c>
      <c r="CV21" s="118">
        <v>1876371</v>
      </c>
      <c r="CW21" s="112">
        <v>73998</v>
      </c>
      <c r="CX21" s="116">
        <v>171949</v>
      </c>
      <c r="CY21" s="115">
        <v>245947</v>
      </c>
      <c r="CZ21" s="112">
        <v>0</v>
      </c>
      <c r="DA21" s="116">
        <v>347638</v>
      </c>
      <c r="DB21" s="116">
        <v>745550</v>
      </c>
      <c r="DC21" s="116">
        <v>206370</v>
      </c>
      <c r="DD21" s="116">
        <v>0</v>
      </c>
      <c r="DE21" s="116">
        <v>0</v>
      </c>
      <c r="DF21" s="115">
        <v>1299558</v>
      </c>
      <c r="DG21" s="118">
        <v>1545505</v>
      </c>
      <c r="DH21" s="112">
        <v>0</v>
      </c>
      <c r="DI21" s="116">
        <v>0</v>
      </c>
      <c r="DJ21" s="114">
        <v>0</v>
      </c>
      <c r="DK21" s="113">
        <v>0</v>
      </c>
      <c r="DL21" s="116">
        <v>249298</v>
      </c>
      <c r="DM21" s="116">
        <v>61431</v>
      </c>
      <c r="DN21" s="116">
        <v>123872</v>
      </c>
      <c r="DO21" s="116">
        <v>0</v>
      </c>
      <c r="DP21" s="116">
        <v>82729</v>
      </c>
      <c r="DQ21" s="115">
        <v>517330</v>
      </c>
      <c r="DR21" s="118">
        <v>517330</v>
      </c>
      <c r="DS21" s="112">
        <v>0</v>
      </c>
      <c r="DT21" s="116">
        <v>0</v>
      </c>
      <c r="DU21" s="115">
        <v>0</v>
      </c>
      <c r="DV21" s="112">
        <v>0</v>
      </c>
      <c r="DW21" s="116">
        <v>192290</v>
      </c>
      <c r="DX21" s="116">
        <v>61431</v>
      </c>
      <c r="DY21" s="116">
        <v>123872</v>
      </c>
      <c r="DZ21" s="116">
        <v>0</v>
      </c>
      <c r="EA21" s="116">
        <v>82729</v>
      </c>
      <c r="EB21" s="115">
        <v>460322</v>
      </c>
      <c r="EC21" s="118">
        <v>460322</v>
      </c>
      <c r="ED21" s="112">
        <v>0</v>
      </c>
      <c r="EE21" s="114">
        <v>0</v>
      </c>
      <c r="EF21" s="115">
        <v>0</v>
      </c>
      <c r="EG21" s="112">
        <v>0</v>
      </c>
      <c r="EH21" s="116">
        <v>57008</v>
      </c>
      <c r="EI21" s="116">
        <v>0</v>
      </c>
      <c r="EJ21" s="116">
        <v>0</v>
      </c>
      <c r="EK21" s="116">
        <v>0</v>
      </c>
      <c r="EL21" s="116">
        <v>0</v>
      </c>
      <c r="EM21" s="114">
        <v>57008</v>
      </c>
      <c r="EN21" s="118">
        <v>57008</v>
      </c>
      <c r="EO21" s="112">
        <v>0</v>
      </c>
      <c r="EP21" s="116">
        <v>0</v>
      </c>
      <c r="EQ21" s="114">
        <v>0</v>
      </c>
      <c r="ER21" s="113">
        <v>0</v>
      </c>
      <c r="ES21" s="116">
        <v>0</v>
      </c>
      <c r="ET21" s="116">
        <v>0</v>
      </c>
      <c r="EU21" s="116">
        <v>0</v>
      </c>
      <c r="EV21" s="116">
        <v>0</v>
      </c>
      <c r="EW21" s="116">
        <v>0</v>
      </c>
      <c r="EX21" s="115">
        <v>0</v>
      </c>
      <c r="EY21" s="118">
        <v>0</v>
      </c>
      <c r="EZ21" s="112">
        <v>0</v>
      </c>
      <c r="FA21" s="116">
        <v>0</v>
      </c>
      <c r="FB21" s="114">
        <v>0</v>
      </c>
      <c r="FC21" s="390"/>
      <c r="FD21" s="116">
        <v>0</v>
      </c>
      <c r="FE21" s="116">
        <v>0</v>
      </c>
      <c r="FF21" s="116">
        <v>0</v>
      </c>
      <c r="FG21" s="116">
        <v>0</v>
      </c>
      <c r="FH21" s="116">
        <v>0</v>
      </c>
      <c r="FI21" s="115">
        <v>0</v>
      </c>
      <c r="FJ21" s="118">
        <v>0</v>
      </c>
      <c r="FK21" s="112">
        <v>19180</v>
      </c>
      <c r="FL21" s="116">
        <v>137732</v>
      </c>
      <c r="FM21" s="115">
        <v>156912</v>
      </c>
      <c r="FN21" s="112">
        <v>0</v>
      </c>
      <c r="FO21" s="116">
        <v>256319</v>
      </c>
      <c r="FP21" s="116">
        <v>337827</v>
      </c>
      <c r="FQ21" s="116">
        <v>301406</v>
      </c>
      <c r="FR21" s="116">
        <v>93100</v>
      </c>
      <c r="FS21" s="116">
        <v>253141</v>
      </c>
      <c r="FT21" s="115">
        <v>1241793</v>
      </c>
      <c r="FU21" s="118">
        <v>1398705</v>
      </c>
      <c r="FV21" s="117">
        <v>19180</v>
      </c>
      <c r="FW21" s="116">
        <v>137732</v>
      </c>
      <c r="FX21" s="114">
        <v>156912</v>
      </c>
      <c r="FY21" s="113">
        <v>0</v>
      </c>
      <c r="FZ21" s="116">
        <v>105959</v>
      </c>
      <c r="GA21" s="116">
        <v>304255</v>
      </c>
      <c r="GB21" s="116">
        <v>301406</v>
      </c>
      <c r="GC21" s="116">
        <v>93100</v>
      </c>
      <c r="GD21" s="116">
        <v>226191</v>
      </c>
      <c r="GE21" s="115">
        <v>1030911</v>
      </c>
      <c r="GF21" s="354">
        <v>1187823</v>
      </c>
      <c r="GG21" s="117">
        <v>0</v>
      </c>
      <c r="GH21" s="116">
        <v>0</v>
      </c>
      <c r="GI21" s="114">
        <v>0</v>
      </c>
      <c r="GJ21" s="113">
        <v>0</v>
      </c>
      <c r="GK21" s="116">
        <v>10360</v>
      </c>
      <c r="GL21" s="116">
        <v>33572</v>
      </c>
      <c r="GM21" s="116">
        <v>0</v>
      </c>
      <c r="GN21" s="116">
        <v>0</v>
      </c>
      <c r="GO21" s="116">
        <v>26950</v>
      </c>
      <c r="GP21" s="115">
        <v>70882</v>
      </c>
      <c r="GQ21" s="118">
        <v>70882</v>
      </c>
      <c r="GR21" s="112">
        <v>0</v>
      </c>
      <c r="GS21" s="116">
        <v>0</v>
      </c>
      <c r="GT21" s="115">
        <v>0</v>
      </c>
      <c r="GU21" s="112">
        <v>0</v>
      </c>
      <c r="GV21" s="116">
        <v>140000</v>
      </c>
      <c r="GW21" s="116">
        <v>0</v>
      </c>
      <c r="GX21" s="116">
        <v>0</v>
      </c>
      <c r="GY21" s="116">
        <v>0</v>
      </c>
      <c r="GZ21" s="116">
        <v>0</v>
      </c>
      <c r="HA21" s="114">
        <v>140000</v>
      </c>
      <c r="HB21" s="118">
        <v>140000</v>
      </c>
      <c r="HC21" s="112">
        <v>253716</v>
      </c>
      <c r="HD21" s="116">
        <v>0</v>
      </c>
      <c r="HE21" s="114">
        <v>253716</v>
      </c>
      <c r="HF21" s="113">
        <v>0</v>
      </c>
      <c r="HG21" s="116">
        <v>1857875</v>
      </c>
      <c r="HH21" s="116">
        <v>1397281</v>
      </c>
      <c r="HI21" s="116">
        <v>160321</v>
      </c>
      <c r="HJ21" s="116">
        <v>1825675</v>
      </c>
      <c r="HK21" s="116">
        <v>1107616</v>
      </c>
      <c r="HL21" s="115">
        <v>6348768</v>
      </c>
      <c r="HM21" s="111">
        <v>6602484</v>
      </c>
      <c r="HN21" s="370"/>
      <c r="HO21" s="371"/>
      <c r="HP21" s="372"/>
      <c r="HQ21" s="373"/>
      <c r="HR21" s="371"/>
      <c r="HS21" s="371"/>
      <c r="HT21" s="371"/>
      <c r="HU21" s="371"/>
      <c r="HV21" s="371"/>
      <c r="HW21" s="374"/>
      <c r="HX21" s="375"/>
      <c r="HY21" s="148">
        <v>0</v>
      </c>
      <c r="HZ21" s="149">
        <v>0</v>
      </c>
      <c r="IA21" s="150">
        <v>0</v>
      </c>
      <c r="IB21" s="163">
        <v>0</v>
      </c>
      <c r="IC21" s="149">
        <v>228908</v>
      </c>
      <c r="ID21" s="164">
        <v>514519</v>
      </c>
      <c r="IE21" s="150">
        <v>907561</v>
      </c>
      <c r="IF21" s="149">
        <v>200551</v>
      </c>
      <c r="IG21" s="150">
        <v>864430</v>
      </c>
      <c r="IH21" s="165">
        <v>2715969</v>
      </c>
      <c r="II21" s="156">
        <v>2715969</v>
      </c>
      <c r="IJ21" s="261">
        <v>0</v>
      </c>
      <c r="IK21" s="268">
        <v>0</v>
      </c>
      <c r="IL21" s="269">
        <v>0</v>
      </c>
      <c r="IM21" s="157"/>
      <c r="IN21" s="122">
        <v>0</v>
      </c>
      <c r="IO21" s="122">
        <v>0</v>
      </c>
      <c r="IP21" s="122">
        <v>81881</v>
      </c>
      <c r="IQ21" s="122">
        <v>0</v>
      </c>
      <c r="IR21" s="122">
        <v>230723</v>
      </c>
      <c r="IS21" s="158">
        <v>312604</v>
      </c>
      <c r="IT21" s="357">
        <v>312604</v>
      </c>
      <c r="IU21" s="159">
        <v>0</v>
      </c>
      <c r="IV21" s="122">
        <v>0</v>
      </c>
      <c r="IW21" s="123">
        <v>0</v>
      </c>
      <c r="IX21" s="161"/>
      <c r="IY21" s="122">
        <v>0</v>
      </c>
      <c r="IZ21" s="122">
        <v>0</v>
      </c>
      <c r="JA21" s="122">
        <v>0</v>
      </c>
      <c r="JB21" s="122">
        <v>0</v>
      </c>
      <c r="JC21" s="122">
        <v>0</v>
      </c>
      <c r="JD21" s="123">
        <v>0</v>
      </c>
      <c r="JE21" s="124">
        <v>0</v>
      </c>
      <c r="JF21" s="159">
        <v>0</v>
      </c>
      <c r="JG21" s="122">
        <v>0</v>
      </c>
      <c r="JH21" s="158">
        <v>0</v>
      </c>
      <c r="JI21" s="121">
        <v>0</v>
      </c>
      <c r="JJ21" s="122">
        <v>228908</v>
      </c>
      <c r="JK21" s="122">
        <v>197284</v>
      </c>
      <c r="JL21" s="122">
        <v>330474</v>
      </c>
      <c r="JM21" s="122">
        <v>0</v>
      </c>
      <c r="JN21" s="122">
        <v>184101</v>
      </c>
      <c r="JO21" s="123">
        <v>940767</v>
      </c>
      <c r="JP21" s="357">
        <v>940767</v>
      </c>
      <c r="JQ21" s="159">
        <v>0</v>
      </c>
      <c r="JR21" s="122">
        <v>0</v>
      </c>
      <c r="JS21" s="158">
        <v>0</v>
      </c>
      <c r="JT21" s="121">
        <v>0</v>
      </c>
      <c r="JU21" s="122">
        <v>0</v>
      </c>
      <c r="JV21" s="122">
        <v>126238</v>
      </c>
      <c r="JW21" s="122">
        <v>96707</v>
      </c>
      <c r="JX21" s="122">
        <v>0</v>
      </c>
      <c r="JY21" s="122">
        <v>202712</v>
      </c>
      <c r="JZ21" s="123">
        <v>425657</v>
      </c>
      <c r="KA21" s="357">
        <v>425657</v>
      </c>
      <c r="KB21" s="264">
        <v>0</v>
      </c>
      <c r="KC21" s="258">
        <v>0</v>
      </c>
      <c r="KD21" s="123">
        <v>0</v>
      </c>
      <c r="KE21" s="121">
        <v>0</v>
      </c>
      <c r="KF21" s="122">
        <v>0</v>
      </c>
      <c r="KG21" s="122">
        <v>0</v>
      </c>
      <c r="KH21" s="122">
        <v>0</v>
      </c>
      <c r="KI21" s="122">
        <v>0</v>
      </c>
      <c r="KJ21" s="122">
        <v>246894</v>
      </c>
      <c r="KK21" s="123">
        <v>246894</v>
      </c>
      <c r="KL21" s="160">
        <v>246894</v>
      </c>
      <c r="KM21" s="261">
        <v>0</v>
      </c>
      <c r="KN21" s="268">
        <v>0</v>
      </c>
      <c r="KO21" s="269">
        <v>0</v>
      </c>
      <c r="KP21" s="157"/>
      <c r="KQ21" s="122">
        <v>0</v>
      </c>
      <c r="KR21" s="122">
        <v>190997</v>
      </c>
      <c r="KS21" s="122">
        <v>398499</v>
      </c>
      <c r="KT21" s="122">
        <v>200551</v>
      </c>
      <c r="KU21" s="122">
        <v>0</v>
      </c>
      <c r="KV21" s="123">
        <v>790047</v>
      </c>
      <c r="KW21" s="357">
        <v>790047</v>
      </c>
      <c r="KX21" s="159">
        <v>0</v>
      </c>
      <c r="KY21" s="122">
        <v>0</v>
      </c>
      <c r="KZ21" s="123">
        <v>0</v>
      </c>
      <c r="LA21" s="162"/>
      <c r="LB21" s="122">
        <v>0</v>
      </c>
      <c r="LC21" s="122">
        <v>0</v>
      </c>
      <c r="LD21" s="122">
        <v>0</v>
      </c>
      <c r="LE21" s="122">
        <v>0</v>
      </c>
      <c r="LF21" s="122">
        <v>0</v>
      </c>
      <c r="LG21" s="123">
        <v>0</v>
      </c>
      <c r="LH21" s="124">
        <v>0</v>
      </c>
      <c r="LI21" s="159">
        <v>0</v>
      </c>
      <c r="LJ21" s="122">
        <v>0</v>
      </c>
      <c r="LK21" s="123">
        <v>0</v>
      </c>
      <c r="LL21" s="162"/>
      <c r="LM21" s="122">
        <v>0</v>
      </c>
      <c r="LN21" s="122">
        <v>0</v>
      </c>
      <c r="LO21" s="122">
        <v>0</v>
      </c>
      <c r="LP21" s="122">
        <v>0</v>
      </c>
      <c r="LQ21" s="122">
        <v>0</v>
      </c>
      <c r="LR21" s="123">
        <v>0</v>
      </c>
      <c r="LS21" s="357">
        <v>0</v>
      </c>
      <c r="LT21" s="159">
        <v>0</v>
      </c>
      <c r="LU21" s="122">
        <v>0</v>
      </c>
      <c r="LV21" s="123">
        <v>0</v>
      </c>
      <c r="LW21" s="162"/>
      <c r="LX21" s="122">
        <v>0</v>
      </c>
      <c r="LY21" s="122">
        <v>0</v>
      </c>
      <c r="LZ21" s="122">
        <v>0</v>
      </c>
      <c r="MA21" s="122">
        <v>0</v>
      </c>
      <c r="MB21" s="122">
        <v>0</v>
      </c>
      <c r="MC21" s="123">
        <v>0</v>
      </c>
      <c r="MD21" s="124">
        <v>0</v>
      </c>
      <c r="ME21" s="159">
        <v>0</v>
      </c>
      <c r="MF21" s="122">
        <v>0</v>
      </c>
      <c r="MG21" s="123">
        <v>0</v>
      </c>
      <c r="MH21" s="162"/>
      <c r="MI21" s="122">
        <v>407838</v>
      </c>
      <c r="MJ21" s="122">
        <v>609493</v>
      </c>
      <c r="MK21" s="122">
        <v>2128337</v>
      </c>
      <c r="ML21" s="122">
        <v>2677511</v>
      </c>
      <c r="MM21" s="122">
        <v>704117</v>
      </c>
      <c r="MN21" s="123">
        <v>6527296</v>
      </c>
      <c r="MO21" s="160">
        <v>6527296</v>
      </c>
      <c r="MP21" s="159">
        <v>0</v>
      </c>
      <c r="MQ21" s="122">
        <v>0</v>
      </c>
      <c r="MR21" s="123">
        <v>0</v>
      </c>
      <c r="MS21" s="162"/>
      <c r="MT21" s="122">
        <v>0</v>
      </c>
      <c r="MU21" s="122">
        <v>0</v>
      </c>
      <c r="MV21" s="122">
        <v>1247666</v>
      </c>
      <c r="MW21" s="122">
        <v>1150371</v>
      </c>
      <c r="MX21" s="122">
        <v>0</v>
      </c>
      <c r="MY21" s="123">
        <v>2398037</v>
      </c>
      <c r="MZ21" s="160">
        <v>2398037</v>
      </c>
      <c r="NA21" s="159">
        <v>0</v>
      </c>
      <c r="NB21" s="122">
        <v>0</v>
      </c>
      <c r="NC21" s="123">
        <v>0</v>
      </c>
      <c r="ND21" s="162"/>
      <c r="NE21" s="122">
        <v>407838</v>
      </c>
      <c r="NF21" s="122">
        <v>609493</v>
      </c>
      <c r="NG21" s="122">
        <v>880671</v>
      </c>
      <c r="NH21" s="122">
        <v>1231644</v>
      </c>
      <c r="NI21" s="122">
        <v>704117</v>
      </c>
      <c r="NJ21" s="123">
        <v>3833763</v>
      </c>
      <c r="NK21" s="357">
        <v>3833763</v>
      </c>
      <c r="NL21" s="159">
        <v>0</v>
      </c>
      <c r="NM21" s="122">
        <v>0</v>
      </c>
      <c r="NN21" s="123">
        <v>0</v>
      </c>
      <c r="NO21" s="162"/>
      <c r="NP21" s="122">
        <v>0</v>
      </c>
      <c r="NQ21" s="122">
        <v>0</v>
      </c>
      <c r="NR21" s="122">
        <v>0</v>
      </c>
      <c r="NS21" s="122">
        <v>0</v>
      </c>
      <c r="NT21" s="122">
        <v>0</v>
      </c>
      <c r="NU21" s="123">
        <v>0</v>
      </c>
      <c r="NV21" s="124">
        <v>0</v>
      </c>
      <c r="NW21" s="159">
        <v>0</v>
      </c>
      <c r="NX21" s="122">
        <v>0</v>
      </c>
      <c r="NY21" s="123">
        <v>0</v>
      </c>
      <c r="NZ21" s="162"/>
      <c r="OA21" s="122">
        <v>0</v>
      </c>
      <c r="OB21" s="122">
        <v>0</v>
      </c>
      <c r="OC21" s="122">
        <v>0</v>
      </c>
      <c r="OD21" s="122">
        <v>295496</v>
      </c>
      <c r="OE21" s="122">
        <v>0</v>
      </c>
      <c r="OF21" s="123">
        <v>295496</v>
      </c>
      <c r="OG21" s="124">
        <v>295496</v>
      </c>
      <c r="OH21" s="159">
        <v>405709</v>
      </c>
      <c r="OI21" s="122">
        <v>355884</v>
      </c>
      <c r="OJ21" s="158">
        <v>761593</v>
      </c>
      <c r="OK21" s="121">
        <v>0</v>
      </c>
      <c r="OL21" s="122">
        <v>4521784</v>
      </c>
      <c r="OM21" s="122">
        <v>5369750</v>
      </c>
      <c r="ON21" s="122">
        <v>5258366</v>
      </c>
      <c r="OO21" s="122">
        <v>5245227</v>
      </c>
      <c r="OP21" s="122">
        <v>3468246</v>
      </c>
      <c r="OQ21" s="123">
        <v>23863373</v>
      </c>
      <c r="OR21" s="160">
        <v>24624966</v>
      </c>
    </row>
    <row r="22" spans="1:408" ht="20.25" customHeight="1" x14ac:dyDescent="0.2">
      <c r="A22" s="129" t="s">
        <v>17</v>
      </c>
      <c r="B22" s="112">
        <v>281832</v>
      </c>
      <c r="C22" s="116">
        <v>735640</v>
      </c>
      <c r="D22" s="115">
        <v>1017472</v>
      </c>
      <c r="E22" s="111">
        <v>0</v>
      </c>
      <c r="F22" s="116">
        <v>3676311</v>
      </c>
      <c r="G22" s="116">
        <v>6358183</v>
      </c>
      <c r="H22" s="116">
        <v>5691083</v>
      </c>
      <c r="I22" s="116">
        <v>4987953</v>
      </c>
      <c r="J22" s="116">
        <v>3317419</v>
      </c>
      <c r="K22" s="111">
        <v>24030949</v>
      </c>
      <c r="L22" s="118">
        <v>25048421</v>
      </c>
      <c r="M22" s="112">
        <v>111114</v>
      </c>
      <c r="N22" s="116">
        <v>242258</v>
      </c>
      <c r="O22" s="115">
        <v>353372</v>
      </c>
      <c r="P22" s="112">
        <v>0</v>
      </c>
      <c r="Q22" s="116">
        <v>692971</v>
      </c>
      <c r="R22" s="116">
        <v>2035544</v>
      </c>
      <c r="S22" s="116">
        <v>2292229</v>
      </c>
      <c r="T22" s="116">
        <v>1301586</v>
      </c>
      <c r="U22" s="116">
        <v>1599536</v>
      </c>
      <c r="V22" s="115">
        <v>7921866</v>
      </c>
      <c r="W22" s="118">
        <v>8275238</v>
      </c>
      <c r="X22" s="112">
        <v>0</v>
      </c>
      <c r="Y22" s="116">
        <v>0</v>
      </c>
      <c r="Z22" s="115">
        <v>0</v>
      </c>
      <c r="AA22" s="112">
        <v>0</v>
      </c>
      <c r="AB22" s="116">
        <v>256909</v>
      </c>
      <c r="AC22" s="116">
        <v>875223</v>
      </c>
      <c r="AD22" s="116">
        <v>1449468</v>
      </c>
      <c r="AE22" s="116">
        <v>416243</v>
      </c>
      <c r="AF22" s="116">
        <v>898748</v>
      </c>
      <c r="AG22" s="115">
        <v>3896591</v>
      </c>
      <c r="AH22" s="118">
        <v>3896591</v>
      </c>
      <c r="AI22" s="112">
        <v>0</v>
      </c>
      <c r="AJ22" s="116">
        <v>0</v>
      </c>
      <c r="AK22" s="115">
        <v>0</v>
      </c>
      <c r="AL22" s="112">
        <v>0</v>
      </c>
      <c r="AM22" s="116">
        <v>0</v>
      </c>
      <c r="AN22" s="116">
        <v>133784</v>
      </c>
      <c r="AO22" s="116">
        <v>62971</v>
      </c>
      <c r="AP22" s="116">
        <v>164140</v>
      </c>
      <c r="AQ22" s="116">
        <v>223781</v>
      </c>
      <c r="AR22" s="115">
        <v>584676</v>
      </c>
      <c r="AS22" s="118">
        <v>584676</v>
      </c>
      <c r="AT22" s="112">
        <v>92508</v>
      </c>
      <c r="AU22" s="116">
        <v>179132</v>
      </c>
      <c r="AV22" s="115">
        <v>271640</v>
      </c>
      <c r="AW22" s="112">
        <v>0</v>
      </c>
      <c r="AX22" s="116">
        <v>240419</v>
      </c>
      <c r="AY22" s="116">
        <v>678814</v>
      </c>
      <c r="AZ22" s="116">
        <v>480458</v>
      </c>
      <c r="BA22" s="116">
        <v>371779</v>
      </c>
      <c r="BB22" s="116">
        <v>290415</v>
      </c>
      <c r="BC22" s="115">
        <v>2061885</v>
      </c>
      <c r="BD22" s="118">
        <v>2333525</v>
      </c>
      <c r="BE22" s="112">
        <v>0</v>
      </c>
      <c r="BF22" s="116">
        <v>0</v>
      </c>
      <c r="BG22" s="114">
        <v>0</v>
      </c>
      <c r="BH22" s="113">
        <v>0</v>
      </c>
      <c r="BI22" s="116">
        <v>0</v>
      </c>
      <c r="BJ22" s="116">
        <v>28026</v>
      </c>
      <c r="BK22" s="116">
        <v>35033</v>
      </c>
      <c r="BL22" s="116">
        <v>26444</v>
      </c>
      <c r="BM22" s="116">
        <v>0</v>
      </c>
      <c r="BN22" s="115">
        <v>89503</v>
      </c>
      <c r="BO22" s="118">
        <v>89503</v>
      </c>
      <c r="BP22" s="112">
        <v>18606</v>
      </c>
      <c r="BQ22" s="116">
        <v>63126</v>
      </c>
      <c r="BR22" s="115">
        <v>81732</v>
      </c>
      <c r="BS22" s="112">
        <v>0</v>
      </c>
      <c r="BT22" s="116">
        <v>195643</v>
      </c>
      <c r="BU22" s="116">
        <v>319697</v>
      </c>
      <c r="BV22" s="116">
        <v>264299</v>
      </c>
      <c r="BW22" s="116">
        <v>322980</v>
      </c>
      <c r="BX22" s="116">
        <v>186592</v>
      </c>
      <c r="BY22" s="115">
        <v>1289211</v>
      </c>
      <c r="BZ22" s="118">
        <v>1370943</v>
      </c>
      <c r="CA22" s="112">
        <v>19796</v>
      </c>
      <c r="CB22" s="116">
        <v>80750</v>
      </c>
      <c r="CC22" s="115">
        <v>100546</v>
      </c>
      <c r="CD22" s="112">
        <v>0</v>
      </c>
      <c r="CE22" s="116">
        <v>1416217</v>
      </c>
      <c r="CF22" s="116">
        <v>1787545</v>
      </c>
      <c r="CG22" s="116">
        <v>1428805</v>
      </c>
      <c r="CH22" s="116">
        <v>558796</v>
      </c>
      <c r="CI22" s="116">
        <v>172519</v>
      </c>
      <c r="CJ22" s="115">
        <v>5363882</v>
      </c>
      <c r="CK22" s="118">
        <v>5464428</v>
      </c>
      <c r="CL22" s="112">
        <v>0</v>
      </c>
      <c r="CM22" s="116">
        <v>0</v>
      </c>
      <c r="CN22" s="115">
        <v>0</v>
      </c>
      <c r="CO22" s="113">
        <v>0</v>
      </c>
      <c r="CP22" s="116">
        <v>1118305</v>
      </c>
      <c r="CQ22" s="116">
        <v>1611034</v>
      </c>
      <c r="CR22" s="116">
        <v>1097221</v>
      </c>
      <c r="CS22" s="116">
        <v>449405</v>
      </c>
      <c r="CT22" s="116">
        <v>172519</v>
      </c>
      <c r="CU22" s="115">
        <v>4448484</v>
      </c>
      <c r="CV22" s="118">
        <v>4448484</v>
      </c>
      <c r="CW22" s="112">
        <v>19796</v>
      </c>
      <c r="CX22" s="116">
        <v>80750</v>
      </c>
      <c r="CY22" s="115">
        <v>100546</v>
      </c>
      <c r="CZ22" s="112">
        <v>0</v>
      </c>
      <c r="DA22" s="116">
        <v>297912</v>
      </c>
      <c r="DB22" s="116">
        <v>176511</v>
      </c>
      <c r="DC22" s="116">
        <v>331584</v>
      </c>
      <c r="DD22" s="116">
        <v>109391</v>
      </c>
      <c r="DE22" s="116">
        <v>0</v>
      </c>
      <c r="DF22" s="115">
        <v>915398</v>
      </c>
      <c r="DG22" s="118">
        <v>1015944</v>
      </c>
      <c r="DH22" s="112">
        <v>0</v>
      </c>
      <c r="DI22" s="116">
        <v>0</v>
      </c>
      <c r="DJ22" s="114">
        <v>0</v>
      </c>
      <c r="DK22" s="113">
        <v>0</v>
      </c>
      <c r="DL22" s="116">
        <v>95025</v>
      </c>
      <c r="DM22" s="116">
        <v>452313</v>
      </c>
      <c r="DN22" s="116">
        <v>587365</v>
      </c>
      <c r="DO22" s="116">
        <v>344981</v>
      </c>
      <c r="DP22" s="116">
        <v>0</v>
      </c>
      <c r="DQ22" s="115">
        <v>1479684</v>
      </c>
      <c r="DR22" s="118">
        <v>1479684</v>
      </c>
      <c r="DS22" s="112">
        <v>0</v>
      </c>
      <c r="DT22" s="116">
        <v>0</v>
      </c>
      <c r="DU22" s="115">
        <v>0</v>
      </c>
      <c r="DV22" s="112">
        <v>0</v>
      </c>
      <c r="DW22" s="116">
        <v>95025</v>
      </c>
      <c r="DX22" s="116">
        <v>452313</v>
      </c>
      <c r="DY22" s="116">
        <v>341163</v>
      </c>
      <c r="DZ22" s="116">
        <v>344981</v>
      </c>
      <c r="EA22" s="116">
        <v>0</v>
      </c>
      <c r="EB22" s="115">
        <v>1233482</v>
      </c>
      <c r="EC22" s="118">
        <v>1233482</v>
      </c>
      <c r="ED22" s="112">
        <v>0</v>
      </c>
      <c r="EE22" s="114">
        <v>0</v>
      </c>
      <c r="EF22" s="115">
        <v>0</v>
      </c>
      <c r="EG22" s="112">
        <v>0</v>
      </c>
      <c r="EH22" s="116">
        <v>0</v>
      </c>
      <c r="EI22" s="116">
        <v>0</v>
      </c>
      <c r="EJ22" s="116">
        <v>246202</v>
      </c>
      <c r="EK22" s="116">
        <v>0</v>
      </c>
      <c r="EL22" s="116">
        <v>0</v>
      </c>
      <c r="EM22" s="114">
        <v>246202</v>
      </c>
      <c r="EN22" s="118">
        <v>246202</v>
      </c>
      <c r="EO22" s="112">
        <v>0</v>
      </c>
      <c r="EP22" s="116">
        <v>0</v>
      </c>
      <c r="EQ22" s="114">
        <v>0</v>
      </c>
      <c r="ER22" s="113">
        <v>0</v>
      </c>
      <c r="ES22" s="116">
        <v>0</v>
      </c>
      <c r="ET22" s="116">
        <v>0</v>
      </c>
      <c r="EU22" s="116">
        <v>0</v>
      </c>
      <c r="EV22" s="116">
        <v>0</v>
      </c>
      <c r="EW22" s="116">
        <v>0</v>
      </c>
      <c r="EX22" s="115">
        <v>0</v>
      </c>
      <c r="EY22" s="118">
        <v>0</v>
      </c>
      <c r="EZ22" s="112">
        <v>0</v>
      </c>
      <c r="FA22" s="116">
        <v>0</v>
      </c>
      <c r="FB22" s="114">
        <v>0</v>
      </c>
      <c r="FC22" s="390"/>
      <c r="FD22" s="116">
        <v>0</v>
      </c>
      <c r="FE22" s="116">
        <v>0</v>
      </c>
      <c r="FF22" s="116">
        <v>0</v>
      </c>
      <c r="FG22" s="116">
        <v>0</v>
      </c>
      <c r="FH22" s="116">
        <v>0</v>
      </c>
      <c r="FI22" s="115">
        <v>0</v>
      </c>
      <c r="FJ22" s="118">
        <v>0</v>
      </c>
      <c r="FK22" s="112">
        <v>61068</v>
      </c>
      <c r="FL22" s="116">
        <v>126903</v>
      </c>
      <c r="FM22" s="115">
        <v>187971</v>
      </c>
      <c r="FN22" s="112">
        <v>0</v>
      </c>
      <c r="FO22" s="116">
        <v>118825</v>
      </c>
      <c r="FP22" s="116">
        <v>689948</v>
      </c>
      <c r="FQ22" s="116">
        <v>607068</v>
      </c>
      <c r="FR22" s="116">
        <v>541989</v>
      </c>
      <c r="FS22" s="116">
        <v>186802</v>
      </c>
      <c r="FT22" s="115">
        <v>2144632</v>
      </c>
      <c r="FU22" s="118">
        <v>2332603</v>
      </c>
      <c r="FV22" s="117">
        <v>61068</v>
      </c>
      <c r="FW22" s="116">
        <v>126903</v>
      </c>
      <c r="FX22" s="114">
        <v>187971</v>
      </c>
      <c r="FY22" s="113">
        <v>0</v>
      </c>
      <c r="FZ22" s="116">
        <v>118825</v>
      </c>
      <c r="GA22" s="116">
        <v>589918</v>
      </c>
      <c r="GB22" s="116">
        <v>590436</v>
      </c>
      <c r="GC22" s="116">
        <v>445613</v>
      </c>
      <c r="GD22" s="116">
        <v>186802</v>
      </c>
      <c r="GE22" s="115">
        <v>1931594</v>
      </c>
      <c r="GF22" s="354">
        <v>2119565</v>
      </c>
      <c r="GG22" s="117">
        <v>0</v>
      </c>
      <c r="GH22" s="116">
        <v>0</v>
      </c>
      <c r="GI22" s="114">
        <v>0</v>
      </c>
      <c r="GJ22" s="113">
        <v>0</v>
      </c>
      <c r="GK22" s="116">
        <v>0</v>
      </c>
      <c r="GL22" s="116">
        <v>18830</v>
      </c>
      <c r="GM22" s="116">
        <v>16632</v>
      </c>
      <c r="GN22" s="116">
        <v>29876</v>
      </c>
      <c r="GO22" s="116">
        <v>0</v>
      </c>
      <c r="GP22" s="115">
        <v>65338</v>
      </c>
      <c r="GQ22" s="118">
        <v>65338</v>
      </c>
      <c r="GR22" s="112">
        <v>0</v>
      </c>
      <c r="GS22" s="116">
        <v>0</v>
      </c>
      <c r="GT22" s="115">
        <v>0</v>
      </c>
      <c r="GU22" s="112">
        <v>0</v>
      </c>
      <c r="GV22" s="116">
        <v>0</v>
      </c>
      <c r="GW22" s="116">
        <v>81200</v>
      </c>
      <c r="GX22" s="116">
        <v>0</v>
      </c>
      <c r="GY22" s="116">
        <v>66500</v>
      </c>
      <c r="GZ22" s="116">
        <v>0</v>
      </c>
      <c r="HA22" s="114">
        <v>147700</v>
      </c>
      <c r="HB22" s="118">
        <v>147700</v>
      </c>
      <c r="HC22" s="112">
        <v>89854</v>
      </c>
      <c r="HD22" s="116">
        <v>285729</v>
      </c>
      <c r="HE22" s="114">
        <v>375583</v>
      </c>
      <c r="HF22" s="113">
        <v>0</v>
      </c>
      <c r="HG22" s="116">
        <v>1353273</v>
      </c>
      <c r="HH22" s="116">
        <v>1392833</v>
      </c>
      <c r="HI22" s="116">
        <v>775616</v>
      </c>
      <c r="HJ22" s="116">
        <v>2240601</v>
      </c>
      <c r="HK22" s="116">
        <v>1358562</v>
      </c>
      <c r="HL22" s="115">
        <v>7120885</v>
      </c>
      <c r="HM22" s="111">
        <v>7496468</v>
      </c>
      <c r="HN22" s="370"/>
      <c r="HO22" s="371"/>
      <c r="HP22" s="372"/>
      <c r="HQ22" s="373"/>
      <c r="HR22" s="371"/>
      <c r="HS22" s="371"/>
      <c r="HT22" s="371"/>
      <c r="HU22" s="371"/>
      <c r="HV22" s="371"/>
      <c r="HW22" s="374"/>
      <c r="HX22" s="375"/>
      <c r="HY22" s="167">
        <v>0</v>
      </c>
      <c r="HZ22" s="152">
        <v>0</v>
      </c>
      <c r="IA22" s="167">
        <v>0</v>
      </c>
      <c r="IB22" s="151">
        <v>0</v>
      </c>
      <c r="IC22" s="152">
        <v>766082</v>
      </c>
      <c r="ID22" s="153">
        <v>2030769</v>
      </c>
      <c r="IE22" s="154">
        <v>1481024</v>
      </c>
      <c r="IF22" s="152">
        <v>1308117</v>
      </c>
      <c r="IG22" s="154">
        <v>1158268</v>
      </c>
      <c r="IH22" s="155">
        <v>6744260</v>
      </c>
      <c r="II22" s="167">
        <v>6744260</v>
      </c>
      <c r="IJ22" s="261">
        <v>0</v>
      </c>
      <c r="IK22" s="268">
        <v>0</v>
      </c>
      <c r="IL22" s="269">
        <v>0</v>
      </c>
      <c r="IM22" s="157"/>
      <c r="IN22" s="122">
        <v>0</v>
      </c>
      <c r="IO22" s="122">
        <v>0</v>
      </c>
      <c r="IP22" s="122">
        <v>0</v>
      </c>
      <c r="IQ22" s="122">
        <v>0</v>
      </c>
      <c r="IR22" s="122">
        <v>0</v>
      </c>
      <c r="IS22" s="158">
        <v>0</v>
      </c>
      <c r="IT22" s="357">
        <v>0</v>
      </c>
      <c r="IU22" s="159">
        <v>0</v>
      </c>
      <c r="IV22" s="122">
        <v>0</v>
      </c>
      <c r="IW22" s="123">
        <v>0</v>
      </c>
      <c r="IX22" s="161"/>
      <c r="IY22" s="122">
        <v>0</v>
      </c>
      <c r="IZ22" s="122">
        <v>0</v>
      </c>
      <c r="JA22" s="122">
        <v>0</v>
      </c>
      <c r="JB22" s="122">
        <v>0</v>
      </c>
      <c r="JC22" s="122">
        <v>0</v>
      </c>
      <c r="JD22" s="123">
        <v>0</v>
      </c>
      <c r="JE22" s="124">
        <v>0</v>
      </c>
      <c r="JF22" s="159">
        <v>0</v>
      </c>
      <c r="JG22" s="122">
        <v>0</v>
      </c>
      <c r="JH22" s="158">
        <v>0</v>
      </c>
      <c r="JI22" s="121">
        <v>0</v>
      </c>
      <c r="JJ22" s="122">
        <v>371503</v>
      </c>
      <c r="JK22" s="122">
        <v>642646</v>
      </c>
      <c r="JL22" s="122">
        <v>251276</v>
      </c>
      <c r="JM22" s="122">
        <v>271241</v>
      </c>
      <c r="JN22" s="122">
        <v>52877</v>
      </c>
      <c r="JO22" s="123">
        <v>1589543</v>
      </c>
      <c r="JP22" s="357">
        <v>1589543</v>
      </c>
      <c r="JQ22" s="159">
        <v>0</v>
      </c>
      <c r="JR22" s="122">
        <v>0</v>
      </c>
      <c r="JS22" s="158">
        <v>0</v>
      </c>
      <c r="JT22" s="121">
        <v>0</v>
      </c>
      <c r="JU22" s="122">
        <v>21534</v>
      </c>
      <c r="JV22" s="122">
        <v>0</v>
      </c>
      <c r="JW22" s="122">
        <v>0</v>
      </c>
      <c r="JX22" s="122">
        <v>0</v>
      </c>
      <c r="JY22" s="122">
        <v>0</v>
      </c>
      <c r="JZ22" s="123">
        <v>21534</v>
      </c>
      <c r="KA22" s="357">
        <v>21534</v>
      </c>
      <c r="KB22" s="264">
        <v>0</v>
      </c>
      <c r="KC22" s="258">
        <v>0</v>
      </c>
      <c r="KD22" s="123">
        <v>0</v>
      </c>
      <c r="KE22" s="121">
        <v>0</v>
      </c>
      <c r="KF22" s="122">
        <v>0</v>
      </c>
      <c r="KG22" s="122">
        <v>318111</v>
      </c>
      <c r="KH22" s="122">
        <v>220233</v>
      </c>
      <c r="KI22" s="122">
        <v>212749</v>
      </c>
      <c r="KJ22" s="122">
        <v>0</v>
      </c>
      <c r="KK22" s="123">
        <v>751093</v>
      </c>
      <c r="KL22" s="160">
        <v>751093</v>
      </c>
      <c r="KM22" s="261">
        <v>0</v>
      </c>
      <c r="KN22" s="268">
        <v>0</v>
      </c>
      <c r="KO22" s="269">
        <v>0</v>
      </c>
      <c r="KP22" s="157"/>
      <c r="KQ22" s="122">
        <v>373045</v>
      </c>
      <c r="KR22" s="122">
        <v>1070012</v>
      </c>
      <c r="KS22" s="122">
        <v>575897</v>
      </c>
      <c r="KT22" s="122">
        <v>616422</v>
      </c>
      <c r="KU22" s="122">
        <v>420603</v>
      </c>
      <c r="KV22" s="123">
        <v>3055979</v>
      </c>
      <c r="KW22" s="357">
        <v>3055979</v>
      </c>
      <c r="KX22" s="159">
        <v>0</v>
      </c>
      <c r="KY22" s="122">
        <v>0</v>
      </c>
      <c r="KZ22" s="123">
        <v>0</v>
      </c>
      <c r="LA22" s="162"/>
      <c r="LB22" s="122">
        <v>0</v>
      </c>
      <c r="LC22" s="122">
        <v>0</v>
      </c>
      <c r="LD22" s="122">
        <v>0</v>
      </c>
      <c r="LE22" s="122">
        <v>0</v>
      </c>
      <c r="LF22" s="122">
        <v>0</v>
      </c>
      <c r="LG22" s="123">
        <v>0</v>
      </c>
      <c r="LH22" s="124">
        <v>0</v>
      </c>
      <c r="LI22" s="159">
        <v>0</v>
      </c>
      <c r="LJ22" s="122">
        <v>0</v>
      </c>
      <c r="LK22" s="123">
        <v>0</v>
      </c>
      <c r="LL22" s="162"/>
      <c r="LM22" s="122">
        <v>0</v>
      </c>
      <c r="LN22" s="122">
        <v>0</v>
      </c>
      <c r="LO22" s="122">
        <v>433618</v>
      </c>
      <c r="LP22" s="122">
        <v>207705</v>
      </c>
      <c r="LQ22" s="122">
        <v>684788</v>
      </c>
      <c r="LR22" s="123">
        <v>1326111</v>
      </c>
      <c r="LS22" s="357">
        <v>1326111</v>
      </c>
      <c r="LT22" s="159">
        <v>0</v>
      </c>
      <c r="LU22" s="122">
        <v>0</v>
      </c>
      <c r="LV22" s="123">
        <v>0</v>
      </c>
      <c r="LW22" s="162"/>
      <c r="LX22" s="122">
        <v>0</v>
      </c>
      <c r="LY22" s="122">
        <v>0</v>
      </c>
      <c r="LZ22" s="122">
        <v>0</v>
      </c>
      <c r="MA22" s="122">
        <v>0</v>
      </c>
      <c r="MB22" s="122">
        <v>0</v>
      </c>
      <c r="MC22" s="123">
        <v>0</v>
      </c>
      <c r="MD22" s="124">
        <v>0</v>
      </c>
      <c r="ME22" s="159">
        <v>0</v>
      </c>
      <c r="MF22" s="122">
        <v>0</v>
      </c>
      <c r="MG22" s="123">
        <v>0</v>
      </c>
      <c r="MH22" s="162"/>
      <c r="MI22" s="122">
        <v>174105</v>
      </c>
      <c r="MJ22" s="122">
        <v>1189396</v>
      </c>
      <c r="MK22" s="122">
        <v>3578099</v>
      </c>
      <c r="ML22" s="122">
        <v>2908667</v>
      </c>
      <c r="MM22" s="122">
        <v>1403578</v>
      </c>
      <c r="MN22" s="123">
        <v>9253845</v>
      </c>
      <c r="MO22" s="160">
        <v>9253845</v>
      </c>
      <c r="MP22" s="159">
        <v>0</v>
      </c>
      <c r="MQ22" s="122">
        <v>0</v>
      </c>
      <c r="MR22" s="123">
        <v>0</v>
      </c>
      <c r="MS22" s="162"/>
      <c r="MT22" s="122">
        <v>174105</v>
      </c>
      <c r="MU22" s="122">
        <v>360060</v>
      </c>
      <c r="MV22" s="122">
        <v>1301906</v>
      </c>
      <c r="MW22" s="122">
        <v>1222907</v>
      </c>
      <c r="MX22" s="122">
        <v>887156</v>
      </c>
      <c r="MY22" s="123">
        <v>3946134</v>
      </c>
      <c r="MZ22" s="160">
        <v>3946134</v>
      </c>
      <c r="NA22" s="159">
        <v>0</v>
      </c>
      <c r="NB22" s="122">
        <v>0</v>
      </c>
      <c r="NC22" s="123">
        <v>0</v>
      </c>
      <c r="ND22" s="162"/>
      <c r="NE22" s="122">
        <v>0</v>
      </c>
      <c r="NF22" s="122">
        <v>829336</v>
      </c>
      <c r="NG22" s="122">
        <v>2276193</v>
      </c>
      <c r="NH22" s="122">
        <v>1685760</v>
      </c>
      <c r="NI22" s="122">
        <v>516422</v>
      </c>
      <c r="NJ22" s="123">
        <v>5307711</v>
      </c>
      <c r="NK22" s="357">
        <v>5307711</v>
      </c>
      <c r="NL22" s="159">
        <v>0</v>
      </c>
      <c r="NM22" s="122">
        <v>0</v>
      </c>
      <c r="NN22" s="123">
        <v>0</v>
      </c>
      <c r="NO22" s="162"/>
      <c r="NP22" s="122">
        <v>0</v>
      </c>
      <c r="NQ22" s="122">
        <v>0</v>
      </c>
      <c r="NR22" s="122">
        <v>0</v>
      </c>
      <c r="NS22" s="122">
        <v>0</v>
      </c>
      <c r="NT22" s="122">
        <v>0</v>
      </c>
      <c r="NU22" s="123">
        <v>0</v>
      </c>
      <c r="NV22" s="124">
        <v>0</v>
      </c>
      <c r="NW22" s="159">
        <v>0</v>
      </c>
      <c r="NX22" s="122">
        <v>0</v>
      </c>
      <c r="NY22" s="123">
        <v>0</v>
      </c>
      <c r="NZ22" s="162"/>
      <c r="OA22" s="122">
        <v>0</v>
      </c>
      <c r="OB22" s="122">
        <v>0</v>
      </c>
      <c r="OC22" s="122">
        <v>0</v>
      </c>
      <c r="OD22" s="122">
        <v>0</v>
      </c>
      <c r="OE22" s="122">
        <v>0</v>
      </c>
      <c r="OF22" s="123">
        <v>0</v>
      </c>
      <c r="OG22" s="124">
        <v>0</v>
      </c>
      <c r="OH22" s="159">
        <v>281832</v>
      </c>
      <c r="OI22" s="122">
        <v>735640</v>
      </c>
      <c r="OJ22" s="158">
        <v>1017472</v>
      </c>
      <c r="OK22" s="121">
        <v>0</v>
      </c>
      <c r="OL22" s="122">
        <v>4616498</v>
      </c>
      <c r="OM22" s="122">
        <v>9578348</v>
      </c>
      <c r="ON22" s="122">
        <v>10750206</v>
      </c>
      <c r="OO22" s="122">
        <v>9204737</v>
      </c>
      <c r="OP22" s="122">
        <v>5879265</v>
      </c>
      <c r="OQ22" s="123">
        <v>40029054</v>
      </c>
      <c r="OR22" s="160">
        <v>41046526</v>
      </c>
    </row>
    <row r="23" spans="1:408" ht="20.25" customHeight="1" x14ac:dyDescent="0.2">
      <c r="A23" s="129" t="s">
        <v>18</v>
      </c>
      <c r="B23" s="112">
        <v>409082</v>
      </c>
      <c r="C23" s="116">
        <v>370399</v>
      </c>
      <c r="D23" s="115">
        <v>779481</v>
      </c>
      <c r="E23" s="111">
        <v>0</v>
      </c>
      <c r="F23" s="116">
        <v>4524425</v>
      </c>
      <c r="G23" s="116">
        <v>8771409</v>
      </c>
      <c r="H23" s="116">
        <v>5800858</v>
      </c>
      <c r="I23" s="116">
        <v>7676059</v>
      </c>
      <c r="J23" s="116">
        <v>5184838</v>
      </c>
      <c r="K23" s="111">
        <v>31957589</v>
      </c>
      <c r="L23" s="118">
        <v>32737070</v>
      </c>
      <c r="M23" s="112">
        <v>174857</v>
      </c>
      <c r="N23" s="116">
        <v>195138</v>
      </c>
      <c r="O23" s="115">
        <v>369995</v>
      </c>
      <c r="P23" s="112">
        <v>0</v>
      </c>
      <c r="Q23" s="116">
        <v>1345881</v>
      </c>
      <c r="R23" s="116">
        <v>2639676</v>
      </c>
      <c r="S23" s="116">
        <v>1959390</v>
      </c>
      <c r="T23" s="116">
        <v>3263287</v>
      </c>
      <c r="U23" s="116">
        <v>1840262</v>
      </c>
      <c r="V23" s="115">
        <v>11048496</v>
      </c>
      <c r="W23" s="118">
        <v>11418491</v>
      </c>
      <c r="X23" s="112">
        <v>0</v>
      </c>
      <c r="Y23" s="116">
        <v>0</v>
      </c>
      <c r="Z23" s="115">
        <v>0</v>
      </c>
      <c r="AA23" s="112">
        <v>0</v>
      </c>
      <c r="AB23" s="116">
        <v>552758</v>
      </c>
      <c r="AC23" s="116">
        <v>1166782</v>
      </c>
      <c r="AD23" s="116">
        <v>1260936</v>
      </c>
      <c r="AE23" s="116">
        <v>1794192</v>
      </c>
      <c r="AF23" s="116">
        <v>855331</v>
      </c>
      <c r="AG23" s="115">
        <v>5629999</v>
      </c>
      <c r="AH23" s="118">
        <v>5629999</v>
      </c>
      <c r="AI23" s="112">
        <v>0</v>
      </c>
      <c r="AJ23" s="116">
        <v>0</v>
      </c>
      <c r="AK23" s="115">
        <v>0</v>
      </c>
      <c r="AL23" s="112">
        <v>0</v>
      </c>
      <c r="AM23" s="116">
        <v>0</v>
      </c>
      <c r="AN23" s="116">
        <v>52145</v>
      </c>
      <c r="AO23" s="116">
        <v>19968</v>
      </c>
      <c r="AP23" s="116">
        <v>123685</v>
      </c>
      <c r="AQ23" s="116">
        <v>201165</v>
      </c>
      <c r="AR23" s="115">
        <v>396963</v>
      </c>
      <c r="AS23" s="118">
        <v>396963</v>
      </c>
      <c r="AT23" s="112">
        <v>100076</v>
      </c>
      <c r="AU23" s="116">
        <v>188880</v>
      </c>
      <c r="AV23" s="115">
        <v>288956</v>
      </c>
      <c r="AW23" s="112">
        <v>0</v>
      </c>
      <c r="AX23" s="116">
        <v>430173</v>
      </c>
      <c r="AY23" s="116">
        <v>945645</v>
      </c>
      <c r="AZ23" s="116">
        <v>413870</v>
      </c>
      <c r="BA23" s="116">
        <v>839959</v>
      </c>
      <c r="BB23" s="116">
        <v>342213</v>
      </c>
      <c r="BC23" s="115">
        <v>2971860</v>
      </c>
      <c r="BD23" s="118">
        <v>3260816</v>
      </c>
      <c r="BE23" s="112">
        <v>0</v>
      </c>
      <c r="BF23" s="116">
        <v>0</v>
      </c>
      <c r="BG23" s="114">
        <v>0</v>
      </c>
      <c r="BH23" s="113">
        <v>0</v>
      </c>
      <c r="BI23" s="116">
        <v>57624</v>
      </c>
      <c r="BJ23" s="116">
        <v>109214</v>
      </c>
      <c r="BK23" s="116">
        <v>51221</v>
      </c>
      <c r="BL23" s="116">
        <v>164523</v>
      </c>
      <c r="BM23" s="116">
        <v>38556</v>
      </c>
      <c r="BN23" s="115">
        <v>421138</v>
      </c>
      <c r="BO23" s="118">
        <v>421138</v>
      </c>
      <c r="BP23" s="112">
        <v>74781</v>
      </c>
      <c r="BQ23" s="116">
        <v>6258</v>
      </c>
      <c r="BR23" s="115">
        <v>81039</v>
      </c>
      <c r="BS23" s="112">
        <v>0</v>
      </c>
      <c r="BT23" s="116">
        <v>305326</v>
      </c>
      <c r="BU23" s="116">
        <v>365890</v>
      </c>
      <c r="BV23" s="116">
        <v>213395</v>
      </c>
      <c r="BW23" s="116">
        <v>340928</v>
      </c>
      <c r="BX23" s="116">
        <v>402997</v>
      </c>
      <c r="BY23" s="115">
        <v>1628536</v>
      </c>
      <c r="BZ23" s="118">
        <v>1709575</v>
      </c>
      <c r="CA23" s="112">
        <v>57256</v>
      </c>
      <c r="CB23" s="116">
        <v>102699</v>
      </c>
      <c r="CC23" s="115">
        <v>159955</v>
      </c>
      <c r="CD23" s="112">
        <v>0</v>
      </c>
      <c r="CE23" s="116">
        <v>1109617</v>
      </c>
      <c r="CF23" s="116">
        <v>3205984</v>
      </c>
      <c r="CG23" s="116">
        <v>1256680</v>
      </c>
      <c r="CH23" s="116">
        <v>1212036</v>
      </c>
      <c r="CI23" s="116">
        <v>337815</v>
      </c>
      <c r="CJ23" s="115">
        <v>7122132</v>
      </c>
      <c r="CK23" s="118">
        <v>7282087</v>
      </c>
      <c r="CL23" s="112">
        <v>0</v>
      </c>
      <c r="CM23" s="116">
        <v>0</v>
      </c>
      <c r="CN23" s="115">
        <v>0</v>
      </c>
      <c r="CO23" s="113">
        <v>0</v>
      </c>
      <c r="CP23" s="116">
        <v>853205</v>
      </c>
      <c r="CQ23" s="116">
        <v>2732375</v>
      </c>
      <c r="CR23" s="116">
        <v>953125</v>
      </c>
      <c r="CS23" s="116">
        <v>789944</v>
      </c>
      <c r="CT23" s="116">
        <v>233936</v>
      </c>
      <c r="CU23" s="115">
        <v>5562585</v>
      </c>
      <c r="CV23" s="118">
        <v>5562585</v>
      </c>
      <c r="CW23" s="112">
        <v>57256</v>
      </c>
      <c r="CX23" s="116">
        <v>102699</v>
      </c>
      <c r="CY23" s="115">
        <v>159955</v>
      </c>
      <c r="CZ23" s="112">
        <v>0</v>
      </c>
      <c r="DA23" s="116">
        <v>256412</v>
      </c>
      <c r="DB23" s="116">
        <v>473609</v>
      </c>
      <c r="DC23" s="116">
        <v>303555</v>
      </c>
      <c r="DD23" s="116">
        <v>422092</v>
      </c>
      <c r="DE23" s="116">
        <v>103879</v>
      </c>
      <c r="DF23" s="115">
        <v>1559547</v>
      </c>
      <c r="DG23" s="118">
        <v>1719502</v>
      </c>
      <c r="DH23" s="112">
        <v>0</v>
      </c>
      <c r="DI23" s="116">
        <v>0</v>
      </c>
      <c r="DJ23" s="114">
        <v>0</v>
      </c>
      <c r="DK23" s="113">
        <v>0</v>
      </c>
      <c r="DL23" s="116">
        <v>249649</v>
      </c>
      <c r="DM23" s="116">
        <v>585205</v>
      </c>
      <c r="DN23" s="116">
        <v>800765</v>
      </c>
      <c r="DO23" s="116">
        <v>493866</v>
      </c>
      <c r="DP23" s="116">
        <v>250221</v>
      </c>
      <c r="DQ23" s="115">
        <v>2379706</v>
      </c>
      <c r="DR23" s="118">
        <v>2379706</v>
      </c>
      <c r="DS23" s="112">
        <v>0</v>
      </c>
      <c r="DT23" s="116">
        <v>0</v>
      </c>
      <c r="DU23" s="115">
        <v>0</v>
      </c>
      <c r="DV23" s="112">
        <v>0</v>
      </c>
      <c r="DW23" s="116">
        <v>249649</v>
      </c>
      <c r="DX23" s="116">
        <v>585205</v>
      </c>
      <c r="DY23" s="116">
        <v>800765</v>
      </c>
      <c r="DZ23" s="116">
        <v>493866</v>
      </c>
      <c r="EA23" s="116">
        <v>250221</v>
      </c>
      <c r="EB23" s="115">
        <v>2379706</v>
      </c>
      <c r="EC23" s="118">
        <v>2379706</v>
      </c>
      <c r="ED23" s="112">
        <v>0</v>
      </c>
      <c r="EE23" s="114">
        <v>0</v>
      </c>
      <c r="EF23" s="115">
        <v>0</v>
      </c>
      <c r="EG23" s="112">
        <v>0</v>
      </c>
      <c r="EH23" s="116">
        <v>0</v>
      </c>
      <c r="EI23" s="116">
        <v>0</v>
      </c>
      <c r="EJ23" s="116">
        <v>0</v>
      </c>
      <c r="EK23" s="116">
        <v>0</v>
      </c>
      <c r="EL23" s="116">
        <v>0</v>
      </c>
      <c r="EM23" s="114">
        <v>0</v>
      </c>
      <c r="EN23" s="118">
        <v>0</v>
      </c>
      <c r="EO23" s="112">
        <v>0</v>
      </c>
      <c r="EP23" s="116">
        <v>0</v>
      </c>
      <c r="EQ23" s="114">
        <v>0</v>
      </c>
      <c r="ER23" s="113">
        <v>0</v>
      </c>
      <c r="ES23" s="116">
        <v>0</v>
      </c>
      <c r="ET23" s="116">
        <v>0</v>
      </c>
      <c r="EU23" s="116">
        <v>0</v>
      </c>
      <c r="EV23" s="116">
        <v>0</v>
      </c>
      <c r="EW23" s="116">
        <v>0</v>
      </c>
      <c r="EX23" s="115">
        <v>0</v>
      </c>
      <c r="EY23" s="118">
        <v>0</v>
      </c>
      <c r="EZ23" s="112">
        <v>0</v>
      </c>
      <c r="FA23" s="116">
        <v>0</v>
      </c>
      <c r="FB23" s="114">
        <v>0</v>
      </c>
      <c r="FC23" s="390"/>
      <c r="FD23" s="116">
        <v>0</v>
      </c>
      <c r="FE23" s="116">
        <v>0</v>
      </c>
      <c r="FF23" s="116">
        <v>0</v>
      </c>
      <c r="FG23" s="116">
        <v>0</v>
      </c>
      <c r="FH23" s="116">
        <v>0</v>
      </c>
      <c r="FI23" s="115">
        <v>0</v>
      </c>
      <c r="FJ23" s="118">
        <v>0</v>
      </c>
      <c r="FK23" s="112">
        <v>46991</v>
      </c>
      <c r="FL23" s="116">
        <v>72562</v>
      </c>
      <c r="FM23" s="115">
        <v>119553</v>
      </c>
      <c r="FN23" s="112">
        <v>0</v>
      </c>
      <c r="FO23" s="116">
        <v>204183</v>
      </c>
      <c r="FP23" s="116">
        <v>648410</v>
      </c>
      <c r="FQ23" s="116">
        <v>567140</v>
      </c>
      <c r="FR23" s="116">
        <v>960918</v>
      </c>
      <c r="FS23" s="116">
        <v>314825</v>
      </c>
      <c r="FT23" s="115">
        <v>2695476</v>
      </c>
      <c r="FU23" s="118">
        <v>2815029</v>
      </c>
      <c r="FV23" s="117">
        <v>46991</v>
      </c>
      <c r="FW23" s="116">
        <v>72562</v>
      </c>
      <c r="FX23" s="114">
        <v>119553</v>
      </c>
      <c r="FY23" s="113">
        <v>0</v>
      </c>
      <c r="FZ23" s="116">
        <v>204183</v>
      </c>
      <c r="GA23" s="116">
        <v>648410</v>
      </c>
      <c r="GB23" s="116">
        <v>416360</v>
      </c>
      <c r="GC23" s="116">
        <v>896098</v>
      </c>
      <c r="GD23" s="116">
        <v>314825</v>
      </c>
      <c r="GE23" s="115">
        <v>2479876</v>
      </c>
      <c r="GF23" s="354">
        <v>2599429</v>
      </c>
      <c r="GG23" s="117">
        <v>0</v>
      </c>
      <c r="GH23" s="116">
        <v>0</v>
      </c>
      <c r="GI23" s="114">
        <v>0</v>
      </c>
      <c r="GJ23" s="113">
        <v>0</v>
      </c>
      <c r="GK23" s="116">
        <v>0</v>
      </c>
      <c r="GL23" s="116">
        <v>0</v>
      </c>
      <c r="GM23" s="116">
        <v>15400</v>
      </c>
      <c r="GN23" s="116">
        <v>64820</v>
      </c>
      <c r="GO23" s="116">
        <v>0</v>
      </c>
      <c r="GP23" s="115">
        <v>80220</v>
      </c>
      <c r="GQ23" s="118">
        <v>80220</v>
      </c>
      <c r="GR23" s="112">
        <v>0</v>
      </c>
      <c r="GS23" s="116">
        <v>0</v>
      </c>
      <c r="GT23" s="115">
        <v>0</v>
      </c>
      <c r="GU23" s="112">
        <v>0</v>
      </c>
      <c r="GV23" s="116">
        <v>0</v>
      </c>
      <c r="GW23" s="116">
        <v>0</v>
      </c>
      <c r="GX23" s="116">
        <v>135380</v>
      </c>
      <c r="GY23" s="116">
        <v>0</v>
      </c>
      <c r="GZ23" s="116">
        <v>0</v>
      </c>
      <c r="HA23" s="114">
        <v>135380</v>
      </c>
      <c r="HB23" s="118">
        <v>135380</v>
      </c>
      <c r="HC23" s="112">
        <v>129978</v>
      </c>
      <c r="HD23" s="116">
        <v>0</v>
      </c>
      <c r="HE23" s="114">
        <v>129978</v>
      </c>
      <c r="HF23" s="113">
        <v>0</v>
      </c>
      <c r="HG23" s="116">
        <v>1615095</v>
      </c>
      <c r="HH23" s="116">
        <v>1692134</v>
      </c>
      <c r="HI23" s="116">
        <v>1216883</v>
      </c>
      <c r="HJ23" s="116">
        <v>1745952</v>
      </c>
      <c r="HK23" s="116">
        <v>2441715</v>
      </c>
      <c r="HL23" s="115">
        <v>8711779</v>
      </c>
      <c r="HM23" s="111">
        <v>8841757</v>
      </c>
      <c r="HN23" s="370"/>
      <c r="HO23" s="371"/>
      <c r="HP23" s="372"/>
      <c r="HQ23" s="373"/>
      <c r="HR23" s="371"/>
      <c r="HS23" s="371"/>
      <c r="HT23" s="371"/>
      <c r="HU23" s="371"/>
      <c r="HV23" s="371"/>
      <c r="HW23" s="374"/>
      <c r="HX23" s="375"/>
      <c r="HY23" s="148">
        <v>0</v>
      </c>
      <c r="HZ23" s="149">
        <v>0</v>
      </c>
      <c r="IA23" s="150">
        <v>0</v>
      </c>
      <c r="IB23" s="163">
        <v>0</v>
      </c>
      <c r="IC23" s="149">
        <v>945220</v>
      </c>
      <c r="ID23" s="164">
        <v>1869477</v>
      </c>
      <c r="IE23" s="150">
        <v>815424</v>
      </c>
      <c r="IF23" s="149">
        <v>548104</v>
      </c>
      <c r="IG23" s="150">
        <v>1007601</v>
      </c>
      <c r="IH23" s="165">
        <v>5185826</v>
      </c>
      <c r="II23" s="156">
        <v>5185826</v>
      </c>
      <c r="IJ23" s="261">
        <v>0</v>
      </c>
      <c r="IK23" s="268">
        <v>0</v>
      </c>
      <c r="IL23" s="269">
        <v>0</v>
      </c>
      <c r="IM23" s="157"/>
      <c r="IN23" s="122">
        <v>0</v>
      </c>
      <c r="IO23" s="122">
        <v>0</v>
      </c>
      <c r="IP23" s="122">
        <v>0</v>
      </c>
      <c r="IQ23" s="122">
        <v>0</v>
      </c>
      <c r="IR23" s="122">
        <v>237450</v>
      </c>
      <c r="IS23" s="158">
        <v>237450</v>
      </c>
      <c r="IT23" s="357">
        <v>237450</v>
      </c>
      <c r="IU23" s="159">
        <v>0</v>
      </c>
      <c r="IV23" s="122">
        <v>0</v>
      </c>
      <c r="IW23" s="123">
        <v>0</v>
      </c>
      <c r="IX23" s="161"/>
      <c r="IY23" s="122">
        <v>0</v>
      </c>
      <c r="IZ23" s="122">
        <v>0</v>
      </c>
      <c r="JA23" s="122">
        <v>0</v>
      </c>
      <c r="JB23" s="122">
        <v>0</v>
      </c>
      <c r="JC23" s="122">
        <v>0</v>
      </c>
      <c r="JD23" s="123">
        <v>0</v>
      </c>
      <c r="JE23" s="124">
        <v>0</v>
      </c>
      <c r="JF23" s="159">
        <v>0</v>
      </c>
      <c r="JG23" s="122">
        <v>0</v>
      </c>
      <c r="JH23" s="158">
        <v>0</v>
      </c>
      <c r="JI23" s="121">
        <v>0</v>
      </c>
      <c r="JJ23" s="122">
        <v>742954</v>
      </c>
      <c r="JK23" s="122">
        <v>523993</v>
      </c>
      <c r="JL23" s="122">
        <v>316874</v>
      </c>
      <c r="JM23" s="122">
        <v>0</v>
      </c>
      <c r="JN23" s="122">
        <v>0</v>
      </c>
      <c r="JO23" s="123">
        <v>1583821</v>
      </c>
      <c r="JP23" s="357">
        <v>1583821</v>
      </c>
      <c r="JQ23" s="159">
        <v>0</v>
      </c>
      <c r="JR23" s="122">
        <v>0</v>
      </c>
      <c r="JS23" s="158">
        <v>0</v>
      </c>
      <c r="JT23" s="121">
        <v>0</v>
      </c>
      <c r="JU23" s="122">
        <v>0</v>
      </c>
      <c r="JV23" s="122">
        <v>0</v>
      </c>
      <c r="JW23" s="122">
        <v>251434</v>
      </c>
      <c r="JX23" s="122">
        <v>0</v>
      </c>
      <c r="JY23" s="122">
        <v>0</v>
      </c>
      <c r="JZ23" s="123">
        <v>251434</v>
      </c>
      <c r="KA23" s="357">
        <v>251434</v>
      </c>
      <c r="KB23" s="264">
        <v>0</v>
      </c>
      <c r="KC23" s="258">
        <v>0</v>
      </c>
      <c r="KD23" s="123">
        <v>0</v>
      </c>
      <c r="KE23" s="121">
        <v>0</v>
      </c>
      <c r="KF23" s="122">
        <v>202266</v>
      </c>
      <c r="KG23" s="122">
        <v>762386</v>
      </c>
      <c r="KH23" s="122">
        <v>0</v>
      </c>
      <c r="KI23" s="122">
        <v>223225</v>
      </c>
      <c r="KJ23" s="122">
        <v>0</v>
      </c>
      <c r="KK23" s="123">
        <v>1187877</v>
      </c>
      <c r="KL23" s="160">
        <v>1187877</v>
      </c>
      <c r="KM23" s="261">
        <v>0</v>
      </c>
      <c r="KN23" s="268">
        <v>0</v>
      </c>
      <c r="KO23" s="269">
        <v>0</v>
      </c>
      <c r="KP23" s="157"/>
      <c r="KQ23" s="122">
        <v>0</v>
      </c>
      <c r="KR23" s="122">
        <v>583098</v>
      </c>
      <c r="KS23" s="122">
        <v>0</v>
      </c>
      <c r="KT23" s="122">
        <v>0</v>
      </c>
      <c r="KU23" s="122">
        <v>205090</v>
      </c>
      <c r="KV23" s="123">
        <v>788188</v>
      </c>
      <c r="KW23" s="357">
        <v>788188</v>
      </c>
      <c r="KX23" s="159">
        <v>0</v>
      </c>
      <c r="KY23" s="122">
        <v>0</v>
      </c>
      <c r="KZ23" s="123">
        <v>0</v>
      </c>
      <c r="LA23" s="162"/>
      <c r="LB23" s="122">
        <v>0</v>
      </c>
      <c r="LC23" s="122">
        <v>0</v>
      </c>
      <c r="LD23" s="122">
        <v>0</v>
      </c>
      <c r="LE23" s="122">
        <v>0</v>
      </c>
      <c r="LF23" s="122">
        <v>0</v>
      </c>
      <c r="LG23" s="123">
        <v>0</v>
      </c>
      <c r="LH23" s="124">
        <v>0</v>
      </c>
      <c r="LI23" s="159">
        <v>0</v>
      </c>
      <c r="LJ23" s="122">
        <v>0</v>
      </c>
      <c r="LK23" s="123">
        <v>0</v>
      </c>
      <c r="LL23" s="162"/>
      <c r="LM23" s="122">
        <v>0</v>
      </c>
      <c r="LN23" s="122">
        <v>0</v>
      </c>
      <c r="LO23" s="122">
        <v>0</v>
      </c>
      <c r="LP23" s="122">
        <v>0</v>
      </c>
      <c r="LQ23" s="122">
        <v>0</v>
      </c>
      <c r="LR23" s="123">
        <v>0</v>
      </c>
      <c r="LS23" s="357">
        <v>0</v>
      </c>
      <c r="LT23" s="159">
        <v>0</v>
      </c>
      <c r="LU23" s="122">
        <v>0</v>
      </c>
      <c r="LV23" s="123">
        <v>0</v>
      </c>
      <c r="LW23" s="162"/>
      <c r="LX23" s="122">
        <v>0</v>
      </c>
      <c r="LY23" s="122">
        <v>0</v>
      </c>
      <c r="LZ23" s="122">
        <v>247116</v>
      </c>
      <c r="MA23" s="122">
        <v>324879</v>
      </c>
      <c r="MB23" s="122">
        <v>565061</v>
      </c>
      <c r="MC23" s="123">
        <v>1137056</v>
      </c>
      <c r="MD23" s="124">
        <v>1137056</v>
      </c>
      <c r="ME23" s="159">
        <v>0</v>
      </c>
      <c r="MF23" s="122">
        <v>0</v>
      </c>
      <c r="MG23" s="123">
        <v>0</v>
      </c>
      <c r="MH23" s="162"/>
      <c r="MI23" s="122">
        <v>793661</v>
      </c>
      <c r="MJ23" s="122">
        <v>477325</v>
      </c>
      <c r="MK23" s="122">
        <v>2481543</v>
      </c>
      <c r="ML23" s="122">
        <v>4376215</v>
      </c>
      <c r="MM23" s="122">
        <v>1915642</v>
      </c>
      <c r="MN23" s="123">
        <v>10044386</v>
      </c>
      <c r="MO23" s="160">
        <v>10044386</v>
      </c>
      <c r="MP23" s="159">
        <v>0</v>
      </c>
      <c r="MQ23" s="122">
        <v>0</v>
      </c>
      <c r="MR23" s="123">
        <v>0</v>
      </c>
      <c r="MS23" s="162"/>
      <c r="MT23" s="122">
        <v>0</v>
      </c>
      <c r="MU23" s="122">
        <v>0</v>
      </c>
      <c r="MV23" s="122">
        <v>1150329</v>
      </c>
      <c r="MW23" s="122">
        <v>3370016</v>
      </c>
      <c r="MX23" s="122">
        <v>691968</v>
      </c>
      <c r="MY23" s="123">
        <v>5212313</v>
      </c>
      <c r="MZ23" s="160">
        <v>5212313</v>
      </c>
      <c r="NA23" s="159">
        <v>0</v>
      </c>
      <c r="NB23" s="122">
        <v>0</v>
      </c>
      <c r="NC23" s="123">
        <v>0</v>
      </c>
      <c r="ND23" s="162"/>
      <c r="NE23" s="122">
        <v>793661</v>
      </c>
      <c r="NF23" s="122">
        <v>477325</v>
      </c>
      <c r="NG23" s="122">
        <v>1331214</v>
      </c>
      <c r="NH23" s="122">
        <v>1006199</v>
      </c>
      <c r="NI23" s="122">
        <v>977760</v>
      </c>
      <c r="NJ23" s="123">
        <v>4586159</v>
      </c>
      <c r="NK23" s="357">
        <v>4586159</v>
      </c>
      <c r="NL23" s="159">
        <v>0</v>
      </c>
      <c r="NM23" s="122">
        <v>0</v>
      </c>
      <c r="NN23" s="123">
        <v>0</v>
      </c>
      <c r="NO23" s="162"/>
      <c r="NP23" s="122">
        <v>0</v>
      </c>
      <c r="NQ23" s="122">
        <v>0</v>
      </c>
      <c r="NR23" s="122">
        <v>0</v>
      </c>
      <c r="NS23" s="122">
        <v>0</v>
      </c>
      <c r="NT23" s="122">
        <v>245914</v>
      </c>
      <c r="NU23" s="123">
        <v>245914</v>
      </c>
      <c r="NV23" s="124">
        <v>245914</v>
      </c>
      <c r="NW23" s="159">
        <v>0</v>
      </c>
      <c r="NX23" s="122">
        <v>0</v>
      </c>
      <c r="NY23" s="123">
        <v>0</v>
      </c>
      <c r="NZ23" s="162"/>
      <c r="OA23" s="122">
        <v>0</v>
      </c>
      <c r="OB23" s="122">
        <v>0</v>
      </c>
      <c r="OC23" s="122">
        <v>0</v>
      </c>
      <c r="OD23" s="122">
        <v>0</v>
      </c>
      <c r="OE23" s="122">
        <v>0</v>
      </c>
      <c r="OF23" s="123">
        <v>0</v>
      </c>
      <c r="OG23" s="124">
        <v>0</v>
      </c>
      <c r="OH23" s="159">
        <v>409082</v>
      </c>
      <c r="OI23" s="122">
        <v>370399</v>
      </c>
      <c r="OJ23" s="158">
        <v>779481</v>
      </c>
      <c r="OK23" s="121">
        <v>0</v>
      </c>
      <c r="OL23" s="122">
        <v>6263306</v>
      </c>
      <c r="OM23" s="122">
        <v>11118211</v>
      </c>
      <c r="ON23" s="122">
        <v>9097825</v>
      </c>
      <c r="OO23" s="122">
        <v>12600378</v>
      </c>
      <c r="OP23" s="122">
        <v>8108081</v>
      </c>
      <c r="OQ23" s="123">
        <v>47187801</v>
      </c>
      <c r="OR23" s="160">
        <v>47967282</v>
      </c>
    </row>
    <row r="24" spans="1:408" ht="20.25" customHeight="1" x14ac:dyDescent="0.2">
      <c r="A24" s="129" t="s">
        <v>19</v>
      </c>
      <c r="B24" s="112">
        <v>128137</v>
      </c>
      <c r="C24" s="116">
        <v>610540</v>
      </c>
      <c r="D24" s="115">
        <v>738677</v>
      </c>
      <c r="E24" s="111">
        <v>0</v>
      </c>
      <c r="F24" s="116">
        <v>2346209</v>
      </c>
      <c r="G24" s="116">
        <v>1929242</v>
      </c>
      <c r="H24" s="116">
        <v>2944110</v>
      </c>
      <c r="I24" s="116">
        <v>1379872</v>
      </c>
      <c r="J24" s="116">
        <v>1242243</v>
      </c>
      <c r="K24" s="111">
        <v>9841676</v>
      </c>
      <c r="L24" s="118">
        <v>10580353</v>
      </c>
      <c r="M24" s="112">
        <v>73173</v>
      </c>
      <c r="N24" s="116">
        <v>142099</v>
      </c>
      <c r="O24" s="115">
        <v>215272</v>
      </c>
      <c r="P24" s="112">
        <v>0</v>
      </c>
      <c r="Q24" s="116">
        <v>501111</v>
      </c>
      <c r="R24" s="116">
        <v>591573</v>
      </c>
      <c r="S24" s="116">
        <v>957180</v>
      </c>
      <c r="T24" s="116">
        <v>560061</v>
      </c>
      <c r="U24" s="116">
        <v>293555</v>
      </c>
      <c r="V24" s="115">
        <v>2903480</v>
      </c>
      <c r="W24" s="118">
        <v>3118752</v>
      </c>
      <c r="X24" s="112">
        <v>0</v>
      </c>
      <c r="Y24" s="116">
        <v>0</v>
      </c>
      <c r="Z24" s="115">
        <v>0</v>
      </c>
      <c r="AA24" s="112">
        <v>0</v>
      </c>
      <c r="AB24" s="116">
        <v>117208</v>
      </c>
      <c r="AC24" s="116">
        <v>357148</v>
      </c>
      <c r="AD24" s="116">
        <v>454208</v>
      </c>
      <c r="AE24" s="116">
        <v>217003</v>
      </c>
      <c r="AF24" s="116">
        <v>31201</v>
      </c>
      <c r="AG24" s="115">
        <v>1176768</v>
      </c>
      <c r="AH24" s="118">
        <v>1176768</v>
      </c>
      <c r="AI24" s="112">
        <v>0</v>
      </c>
      <c r="AJ24" s="116">
        <v>0</v>
      </c>
      <c r="AK24" s="115">
        <v>0</v>
      </c>
      <c r="AL24" s="112">
        <v>0</v>
      </c>
      <c r="AM24" s="116">
        <v>0</v>
      </c>
      <c r="AN24" s="116">
        <v>0</v>
      </c>
      <c r="AO24" s="116">
        <v>79381</v>
      </c>
      <c r="AP24" s="116">
        <v>39445</v>
      </c>
      <c r="AQ24" s="116">
        <v>61335</v>
      </c>
      <c r="AR24" s="115">
        <v>180161</v>
      </c>
      <c r="AS24" s="118">
        <v>180161</v>
      </c>
      <c r="AT24" s="112">
        <v>44578</v>
      </c>
      <c r="AU24" s="116">
        <v>92133</v>
      </c>
      <c r="AV24" s="115">
        <v>136711</v>
      </c>
      <c r="AW24" s="112">
        <v>0</v>
      </c>
      <c r="AX24" s="116">
        <v>235419</v>
      </c>
      <c r="AY24" s="116">
        <v>149725</v>
      </c>
      <c r="AZ24" s="116">
        <v>193211</v>
      </c>
      <c r="BA24" s="116">
        <v>191928</v>
      </c>
      <c r="BB24" s="116">
        <v>133861</v>
      </c>
      <c r="BC24" s="115">
        <v>904144</v>
      </c>
      <c r="BD24" s="118">
        <v>1040855</v>
      </c>
      <c r="BE24" s="112">
        <v>0</v>
      </c>
      <c r="BF24" s="116">
        <v>0</v>
      </c>
      <c r="BG24" s="114">
        <v>0</v>
      </c>
      <c r="BH24" s="113">
        <v>0</v>
      </c>
      <c r="BI24" s="116">
        <v>27650</v>
      </c>
      <c r="BJ24" s="116">
        <v>0</v>
      </c>
      <c r="BK24" s="116">
        <v>58649</v>
      </c>
      <c r="BL24" s="116">
        <v>0</v>
      </c>
      <c r="BM24" s="116">
        <v>0</v>
      </c>
      <c r="BN24" s="115">
        <v>86299</v>
      </c>
      <c r="BO24" s="118">
        <v>86299</v>
      </c>
      <c r="BP24" s="112">
        <v>28595</v>
      </c>
      <c r="BQ24" s="116">
        <v>49966</v>
      </c>
      <c r="BR24" s="115">
        <v>78561</v>
      </c>
      <c r="BS24" s="112">
        <v>0</v>
      </c>
      <c r="BT24" s="116">
        <v>120834</v>
      </c>
      <c r="BU24" s="116">
        <v>84700</v>
      </c>
      <c r="BV24" s="116">
        <v>171731</v>
      </c>
      <c r="BW24" s="116">
        <v>111685</v>
      </c>
      <c r="BX24" s="116">
        <v>67158</v>
      </c>
      <c r="BY24" s="115">
        <v>556108</v>
      </c>
      <c r="BZ24" s="118">
        <v>634669</v>
      </c>
      <c r="CA24" s="112">
        <v>0</v>
      </c>
      <c r="CB24" s="116">
        <v>104784</v>
      </c>
      <c r="CC24" s="115">
        <v>104784</v>
      </c>
      <c r="CD24" s="112">
        <v>0</v>
      </c>
      <c r="CE24" s="116">
        <v>763142</v>
      </c>
      <c r="CF24" s="116">
        <v>545780</v>
      </c>
      <c r="CG24" s="116">
        <v>619509</v>
      </c>
      <c r="CH24" s="116">
        <v>356347</v>
      </c>
      <c r="CI24" s="116">
        <v>299056</v>
      </c>
      <c r="CJ24" s="115">
        <v>2583834</v>
      </c>
      <c r="CK24" s="118">
        <v>2688618</v>
      </c>
      <c r="CL24" s="112">
        <v>0</v>
      </c>
      <c r="CM24" s="116">
        <v>0</v>
      </c>
      <c r="CN24" s="115">
        <v>0</v>
      </c>
      <c r="CO24" s="113">
        <v>0</v>
      </c>
      <c r="CP24" s="116">
        <v>649917</v>
      </c>
      <c r="CQ24" s="116">
        <v>404921</v>
      </c>
      <c r="CR24" s="116">
        <v>477145</v>
      </c>
      <c r="CS24" s="116">
        <v>7760</v>
      </c>
      <c r="CT24" s="116">
        <v>177559</v>
      </c>
      <c r="CU24" s="115">
        <v>1717302</v>
      </c>
      <c r="CV24" s="118">
        <v>1717302</v>
      </c>
      <c r="CW24" s="112">
        <v>0</v>
      </c>
      <c r="CX24" s="116">
        <v>104784</v>
      </c>
      <c r="CY24" s="115">
        <v>104784</v>
      </c>
      <c r="CZ24" s="112">
        <v>0</v>
      </c>
      <c r="DA24" s="116">
        <v>113225</v>
      </c>
      <c r="DB24" s="116">
        <v>140859</v>
      </c>
      <c r="DC24" s="116">
        <v>142364</v>
      </c>
      <c r="DD24" s="116">
        <v>348587</v>
      </c>
      <c r="DE24" s="116">
        <v>121497</v>
      </c>
      <c r="DF24" s="115">
        <v>866532</v>
      </c>
      <c r="DG24" s="118">
        <v>971316</v>
      </c>
      <c r="DH24" s="112">
        <v>0</v>
      </c>
      <c r="DI24" s="116">
        <v>16030</v>
      </c>
      <c r="DJ24" s="114">
        <v>16030</v>
      </c>
      <c r="DK24" s="113">
        <v>0</v>
      </c>
      <c r="DL24" s="116">
        <v>47269</v>
      </c>
      <c r="DM24" s="116">
        <v>128347</v>
      </c>
      <c r="DN24" s="116">
        <v>197579</v>
      </c>
      <c r="DO24" s="116">
        <v>112291</v>
      </c>
      <c r="DP24" s="116">
        <v>0</v>
      </c>
      <c r="DQ24" s="115">
        <v>485486</v>
      </c>
      <c r="DR24" s="118">
        <v>501516</v>
      </c>
      <c r="DS24" s="112">
        <v>0</v>
      </c>
      <c r="DT24" s="116">
        <v>16030</v>
      </c>
      <c r="DU24" s="115">
        <v>16030</v>
      </c>
      <c r="DV24" s="112">
        <v>0</v>
      </c>
      <c r="DW24" s="116">
        <v>47269</v>
      </c>
      <c r="DX24" s="116">
        <v>94077</v>
      </c>
      <c r="DY24" s="116">
        <v>161385</v>
      </c>
      <c r="DZ24" s="116">
        <v>0</v>
      </c>
      <c r="EA24" s="116">
        <v>0</v>
      </c>
      <c r="EB24" s="115">
        <v>302731</v>
      </c>
      <c r="EC24" s="118">
        <v>318761</v>
      </c>
      <c r="ED24" s="112">
        <v>0</v>
      </c>
      <c r="EE24" s="114">
        <v>0</v>
      </c>
      <c r="EF24" s="115">
        <v>0</v>
      </c>
      <c r="EG24" s="112">
        <v>0</v>
      </c>
      <c r="EH24" s="116">
        <v>0</v>
      </c>
      <c r="EI24" s="116">
        <v>34270</v>
      </c>
      <c r="EJ24" s="116">
        <v>36194</v>
      </c>
      <c r="EK24" s="116">
        <v>112291</v>
      </c>
      <c r="EL24" s="116">
        <v>0</v>
      </c>
      <c r="EM24" s="114">
        <v>182755</v>
      </c>
      <c r="EN24" s="118">
        <v>182755</v>
      </c>
      <c r="EO24" s="112">
        <v>0</v>
      </c>
      <c r="EP24" s="116">
        <v>0</v>
      </c>
      <c r="EQ24" s="114">
        <v>0</v>
      </c>
      <c r="ER24" s="113">
        <v>0</v>
      </c>
      <c r="ES24" s="116">
        <v>0</v>
      </c>
      <c r="ET24" s="116">
        <v>0</v>
      </c>
      <c r="EU24" s="116">
        <v>0</v>
      </c>
      <c r="EV24" s="116">
        <v>0</v>
      </c>
      <c r="EW24" s="116">
        <v>0</v>
      </c>
      <c r="EX24" s="115">
        <v>0</v>
      </c>
      <c r="EY24" s="118">
        <v>0</v>
      </c>
      <c r="EZ24" s="112">
        <v>0</v>
      </c>
      <c r="FA24" s="116">
        <v>0</v>
      </c>
      <c r="FB24" s="114">
        <v>0</v>
      </c>
      <c r="FC24" s="390"/>
      <c r="FD24" s="116">
        <v>0</v>
      </c>
      <c r="FE24" s="116">
        <v>0</v>
      </c>
      <c r="FF24" s="116">
        <v>0</v>
      </c>
      <c r="FG24" s="116">
        <v>0</v>
      </c>
      <c r="FH24" s="116">
        <v>0</v>
      </c>
      <c r="FI24" s="115">
        <v>0</v>
      </c>
      <c r="FJ24" s="118">
        <v>0</v>
      </c>
      <c r="FK24" s="112">
        <v>12460</v>
      </c>
      <c r="FL24" s="116">
        <v>54600</v>
      </c>
      <c r="FM24" s="115">
        <v>67060</v>
      </c>
      <c r="FN24" s="112">
        <v>0</v>
      </c>
      <c r="FO24" s="116">
        <v>70280</v>
      </c>
      <c r="FP24" s="116">
        <v>244650</v>
      </c>
      <c r="FQ24" s="116">
        <v>234430</v>
      </c>
      <c r="FR24" s="116">
        <v>181027</v>
      </c>
      <c r="FS24" s="116">
        <v>89068</v>
      </c>
      <c r="FT24" s="115">
        <v>819455</v>
      </c>
      <c r="FU24" s="118">
        <v>886515</v>
      </c>
      <c r="FV24" s="117">
        <v>12460</v>
      </c>
      <c r="FW24" s="116">
        <v>40740</v>
      </c>
      <c r="FX24" s="114">
        <v>53200</v>
      </c>
      <c r="FY24" s="113">
        <v>0</v>
      </c>
      <c r="FZ24" s="116">
        <v>70280</v>
      </c>
      <c r="GA24" s="116">
        <v>244650</v>
      </c>
      <c r="GB24" s="116">
        <v>234430</v>
      </c>
      <c r="GC24" s="116">
        <v>181027</v>
      </c>
      <c r="GD24" s="116">
        <v>89068</v>
      </c>
      <c r="GE24" s="115">
        <v>819455</v>
      </c>
      <c r="GF24" s="354">
        <v>872655</v>
      </c>
      <c r="GG24" s="117">
        <v>0</v>
      </c>
      <c r="GH24" s="116">
        <v>13860</v>
      </c>
      <c r="GI24" s="114">
        <v>13860</v>
      </c>
      <c r="GJ24" s="113">
        <v>0</v>
      </c>
      <c r="GK24" s="116">
        <v>0</v>
      </c>
      <c r="GL24" s="116">
        <v>0</v>
      </c>
      <c r="GM24" s="116">
        <v>0</v>
      </c>
      <c r="GN24" s="116">
        <v>0</v>
      </c>
      <c r="GO24" s="116">
        <v>0</v>
      </c>
      <c r="GP24" s="115">
        <v>0</v>
      </c>
      <c r="GQ24" s="118">
        <v>13860</v>
      </c>
      <c r="GR24" s="112">
        <v>0</v>
      </c>
      <c r="GS24" s="116">
        <v>0</v>
      </c>
      <c r="GT24" s="115">
        <v>0</v>
      </c>
      <c r="GU24" s="112">
        <v>0</v>
      </c>
      <c r="GV24" s="116">
        <v>0</v>
      </c>
      <c r="GW24" s="116">
        <v>0</v>
      </c>
      <c r="GX24" s="116">
        <v>0</v>
      </c>
      <c r="GY24" s="116">
        <v>0</v>
      </c>
      <c r="GZ24" s="116">
        <v>0</v>
      </c>
      <c r="HA24" s="114">
        <v>0</v>
      </c>
      <c r="HB24" s="118">
        <v>0</v>
      </c>
      <c r="HC24" s="112">
        <v>42504</v>
      </c>
      <c r="HD24" s="116">
        <v>293027</v>
      </c>
      <c r="HE24" s="114">
        <v>335531</v>
      </c>
      <c r="HF24" s="113">
        <v>0</v>
      </c>
      <c r="HG24" s="116">
        <v>964407</v>
      </c>
      <c r="HH24" s="116">
        <v>418892</v>
      </c>
      <c r="HI24" s="116">
        <v>935412</v>
      </c>
      <c r="HJ24" s="116">
        <v>170146</v>
      </c>
      <c r="HK24" s="116">
        <v>560564</v>
      </c>
      <c r="HL24" s="115">
        <v>3049421</v>
      </c>
      <c r="HM24" s="111">
        <v>3384952</v>
      </c>
      <c r="HN24" s="370"/>
      <c r="HO24" s="371"/>
      <c r="HP24" s="372"/>
      <c r="HQ24" s="373"/>
      <c r="HR24" s="371"/>
      <c r="HS24" s="371"/>
      <c r="HT24" s="371"/>
      <c r="HU24" s="371"/>
      <c r="HV24" s="371"/>
      <c r="HW24" s="374"/>
      <c r="HX24" s="375"/>
      <c r="HY24" s="167">
        <v>0</v>
      </c>
      <c r="HZ24" s="152">
        <v>0</v>
      </c>
      <c r="IA24" s="167">
        <v>0</v>
      </c>
      <c r="IB24" s="151">
        <v>0</v>
      </c>
      <c r="IC24" s="152">
        <v>661175</v>
      </c>
      <c r="ID24" s="153">
        <v>460015</v>
      </c>
      <c r="IE24" s="154">
        <v>542920</v>
      </c>
      <c r="IF24" s="152">
        <v>1156955</v>
      </c>
      <c r="IG24" s="154">
        <v>617929</v>
      </c>
      <c r="IH24" s="155">
        <v>3438994</v>
      </c>
      <c r="II24" s="167">
        <v>3438994</v>
      </c>
      <c r="IJ24" s="261">
        <v>0</v>
      </c>
      <c r="IK24" s="268">
        <v>0</v>
      </c>
      <c r="IL24" s="269">
        <v>0</v>
      </c>
      <c r="IM24" s="157"/>
      <c r="IN24" s="122">
        <v>0</v>
      </c>
      <c r="IO24" s="122">
        <v>0</v>
      </c>
      <c r="IP24" s="122">
        <v>0</v>
      </c>
      <c r="IQ24" s="122">
        <v>360979</v>
      </c>
      <c r="IR24" s="122">
        <v>0</v>
      </c>
      <c r="IS24" s="158">
        <v>360979</v>
      </c>
      <c r="IT24" s="357">
        <v>360979</v>
      </c>
      <c r="IU24" s="159">
        <v>0</v>
      </c>
      <c r="IV24" s="122">
        <v>0</v>
      </c>
      <c r="IW24" s="123">
        <v>0</v>
      </c>
      <c r="IX24" s="161"/>
      <c r="IY24" s="122">
        <v>0</v>
      </c>
      <c r="IZ24" s="122">
        <v>0</v>
      </c>
      <c r="JA24" s="122">
        <v>13736</v>
      </c>
      <c r="JB24" s="122">
        <v>8725</v>
      </c>
      <c r="JC24" s="122">
        <v>0</v>
      </c>
      <c r="JD24" s="123">
        <v>22461</v>
      </c>
      <c r="JE24" s="124">
        <v>22461</v>
      </c>
      <c r="JF24" s="159">
        <v>0</v>
      </c>
      <c r="JG24" s="122">
        <v>0</v>
      </c>
      <c r="JH24" s="158">
        <v>0</v>
      </c>
      <c r="JI24" s="121">
        <v>0</v>
      </c>
      <c r="JJ24" s="122">
        <v>317114</v>
      </c>
      <c r="JK24" s="122">
        <v>153836</v>
      </c>
      <c r="JL24" s="122">
        <v>304800</v>
      </c>
      <c r="JM24" s="122">
        <v>138086</v>
      </c>
      <c r="JN24" s="122">
        <v>0</v>
      </c>
      <c r="JO24" s="123">
        <v>913836</v>
      </c>
      <c r="JP24" s="357">
        <v>913836</v>
      </c>
      <c r="JQ24" s="159">
        <v>0</v>
      </c>
      <c r="JR24" s="122">
        <v>0</v>
      </c>
      <c r="JS24" s="158">
        <v>0</v>
      </c>
      <c r="JT24" s="121">
        <v>0</v>
      </c>
      <c r="JU24" s="122">
        <v>34332</v>
      </c>
      <c r="JV24" s="122">
        <v>145253</v>
      </c>
      <c r="JW24" s="122">
        <v>10131</v>
      </c>
      <c r="JX24" s="122">
        <v>0</v>
      </c>
      <c r="JY24" s="122">
        <v>0</v>
      </c>
      <c r="JZ24" s="123">
        <v>189716</v>
      </c>
      <c r="KA24" s="357">
        <v>189716</v>
      </c>
      <c r="KB24" s="264">
        <v>0</v>
      </c>
      <c r="KC24" s="258">
        <v>0</v>
      </c>
      <c r="KD24" s="123">
        <v>0</v>
      </c>
      <c r="KE24" s="121">
        <v>0</v>
      </c>
      <c r="KF24" s="122">
        <v>116424</v>
      </c>
      <c r="KG24" s="122">
        <v>160926</v>
      </c>
      <c r="KH24" s="122">
        <v>214253</v>
      </c>
      <c r="KI24" s="122">
        <v>438084</v>
      </c>
      <c r="KJ24" s="122">
        <v>617929</v>
      </c>
      <c r="KK24" s="123">
        <v>1547616</v>
      </c>
      <c r="KL24" s="160">
        <v>1547616</v>
      </c>
      <c r="KM24" s="261">
        <v>0</v>
      </c>
      <c r="KN24" s="268">
        <v>0</v>
      </c>
      <c r="KO24" s="269">
        <v>0</v>
      </c>
      <c r="KP24" s="157"/>
      <c r="KQ24" s="122">
        <v>193305</v>
      </c>
      <c r="KR24" s="122">
        <v>0</v>
      </c>
      <c r="KS24" s="122">
        <v>0</v>
      </c>
      <c r="KT24" s="122">
        <v>211081</v>
      </c>
      <c r="KU24" s="122">
        <v>0</v>
      </c>
      <c r="KV24" s="123">
        <v>404386</v>
      </c>
      <c r="KW24" s="357">
        <v>404386</v>
      </c>
      <c r="KX24" s="159">
        <v>0</v>
      </c>
      <c r="KY24" s="122">
        <v>0</v>
      </c>
      <c r="KZ24" s="123">
        <v>0</v>
      </c>
      <c r="LA24" s="162"/>
      <c r="LB24" s="122">
        <v>0</v>
      </c>
      <c r="LC24" s="122">
        <v>0</v>
      </c>
      <c r="LD24" s="122">
        <v>0</v>
      </c>
      <c r="LE24" s="122">
        <v>0</v>
      </c>
      <c r="LF24" s="122">
        <v>0</v>
      </c>
      <c r="LG24" s="123">
        <v>0</v>
      </c>
      <c r="LH24" s="124">
        <v>0</v>
      </c>
      <c r="LI24" s="159">
        <v>0</v>
      </c>
      <c r="LJ24" s="122">
        <v>0</v>
      </c>
      <c r="LK24" s="123">
        <v>0</v>
      </c>
      <c r="LL24" s="162"/>
      <c r="LM24" s="122">
        <v>0</v>
      </c>
      <c r="LN24" s="122">
        <v>0</v>
      </c>
      <c r="LO24" s="122">
        <v>0</v>
      </c>
      <c r="LP24" s="122">
        <v>0</v>
      </c>
      <c r="LQ24" s="122">
        <v>0</v>
      </c>
      <c r="LR24" s="123">
        <v>0</v>
      </c>
      <c r="LS24" s="357">
        <v>0</v>
      </c>
      <c r="LT24" s="159">
        <v>0</v>
      </c>
      <c r="LU24" s="122">
        <v>0</v>
      </c>
      <c r="LV24" s="123">
        <v>0</v>
      </c>
      <c r="LW24" s="162"/>
      <c r="LX24" s="122">
        <v>0</v>
      </c>
      <c r="LY24" s="122">
        <v>0</v>
      </c>
      <c r="LZ24" s="122">
        <v>0</v>
      </c>
      <c r="MA24" s="122">
        <v>0</v>
      </c>
      <c r="MB24" s="122">
        <v>0</v>
      </c>
      <c r="MC24" s="123">
        <v>0</v>
      </c>
      <c r="MD24" s="124">
        <v>0</v>
      </c>
      <c r="ME24" s="159">
        <v>0</v>
      </c>
      <c r="MF24" s="122">
        <v>0</v>
      </c>
      <c r="MG24" s="123">
        <v>0</v>
      </c>
      <c r="MH24" s="162"/>
      <c r="MI24" s="122">
        <v>190175</v>
      </c>
      <c r="MJ24" s="122">
        <v>383275</v>
      </c>
      <c r="MK24" s="122">
        <v>1194923</v>
      </c>
      <c r="ML24" s="122">
        <v>814266</v>
      </c>
      <c r="MM24" s="122">
        <v>676314</v>
      </c>
      <c r="MN24" s="123">
        <v>3258953</v>
      </c>
      <c r="MO24" s="160">
        <v>3258953</v>
      </c>
      <c r="MP24" s="159">
        <v>0</v>
      </c>
      <c r="MQ24" s="122">
        <v>0</v>
      </c>
      <c r="MR24" s="123">
        <v>0</v>
      </c>
      <c r="MS24" s="162"/>
      <c r="MT24" s="122">
        <v>0</v>
      </c>
      <c r="MU24" s="122">
        <v>0</v>
      </c>
      <c r="MV24" s="122">
        <v>554688</v>
      </c>
      <c r="MW24" s="122">
        <v>814266</v>
      </c>
      <c r="MX24" s="122">
        <v>676314</v>
      </c>
      <c r="MY24" s="123">
        <v>2045268</v>
      </c>
      <c r="MZ24" s="160">
        <v>2045268</v>
      </c>
      <c r="NA24" s="159">
        <v>0</v>
      </c>
      <c r="NB24" s="122">
        <v>0</v>
      </c>
      <c r="NC24" s="123">
        <v>0</v>
      </c>
      <c r="ND24" s="162"/>
      <c r="NE24" s="122">
        <v>190175</v>
      </c>
      <c r="NF24" s="122">
        <v>383275</v>
      </c>
      <c r="NG24" s="122">
        <v>640235</v>
      </c>
      <c r="NH24" s="122">
        <v>0</v>
      </c>
      <c r="NI24" s="122">
        <v>0</v>
      </c>
      <c r="NJ24" s="123">
        <v>1213685</v>
      </c>
      <c r="NK24" s="357">
        <v>1213685</v>
      </c>
      <c r="NL24" s="159">
        <v>0</v>
      </c>
      <c r="NM24" s="122">
        <v>0</v>
      </c>
      <c r="NN24" s="123">
        <v>0</v>
      </c>
      <c r="NO24" s="162"/>
      <c r="NP24" s="122">
        <v>0</v>
      </c>
      <c r="NQ24" s="122">
        <v>0</v>
      </c>
      <c r="NR24" s="122">
        <v>0</v>
      </c>
      <c r="NS24" s="122">
        <v>0</v>
      </c>
      <c r="NT24" s="122">
        <v>0</v>
      </c>
      <c r="NU24" s="123">
        <v>0</v>
      </c>
      <c r="NV24" s="124">
        <v>0</v>
      </c>
      <c r="NW24" s="159">
        <v>0</v>
      </c>
      <c r="NX24" s="122">
        <v>0</v>
      </c>
      <c r="NY24" s="123">
        <v>0</v>
      </c>
      <c r="NZ24" s="162"/>
      <c r="OA24" s="122">
        <v>0</v>
      </c>
      <c r="OB24" s="122">
        <v>0</v>
      </c>
      <c r="OC24" s="122">
        <v>0</v>
      </c>
      <c r="OD24" s="122">
        <v>0</v>
      </c>
      <c r="OE24" s="122">
        <v>0</v>
      </c>
      <c r="OF24" s="123">
        <v>0</v>
      </c>
      <c r="OG24" s="124">
        <v>0</v>
      </c>
      <c r="OH24" s="159">
        <v>128137</v>
      </c>
      <c r="OI24" s="122">
        <v>610540</v>
      </c>
      <c r="OJ24" s="158">
        <v>738677</v>
      </c>
      <c r="OK24" s="121">
        <v>0</v>
      </c>
      <c r="OL24" s="122">
        <v>3197559</v>
      </c>
      <c r="OM24" s="122">
        <v>2772532</v>
      </c>
      <c r="ON24" s="122">
        <v>4681953</v>
      </c>
      <c r="OO24" s="122">
        <v>3351093</v>
      </c>
      <c r="OP24" s="122">
        <v>2536486</v>
      </c>
      <c r="OQ24" s="123">
        <v>16539623</v>
      </c>
      <c r="OR24" s="160">
        <v>17278300</v>
      </c>
    </row>
    <row r="25" spans="1:408" ht="20.25" customHeight="1" x14ac:dyDescent="0.2">
      <c r="A25" s="129" t="s">
        <v>20</v>
      </c>
      <c r="B25" s="112">
        <v>171999</v>
      </c>
      <c r="C25" s="116">
        <v>517929</v>
      </c>
      <c r="D25" s="115">
        <v>689928</v>
      </c>
      <c r="E25" s="112">
        <v>0</v>
      </c>
      <c r="F25" s="116">
        <v>2858669</v>
      </c>
      <c r="G25" s="116">
        <v>2925491</v>
      </c>
      <c r="H25" s="116">
        <v>2373967</v>
      </c>
      <c r="I25" s="116">
        <v>3475637</v>
      </c>
      <c r="J25" s="116">
        <v>1753335</v>
      </c>
      <c r="K25" s="200">
        <v>13387099</v>
      </c>
      <c r="L25" s="118">
        <v>14077027</v>
      </c>
      <c r="M25" s="112">
        <v>65928</v>
      </c>
      <c r="N25" s="116">
        <v>110517</v>
      </c>
      <c r="O25" s="115">
        <v>176445</v>
      </c>
      <c r="P25" s="112">
        <v>0</v>
      </c>
      <c r="Q25" s="116">
        <v>1147651</v>
      </c>
      <c r="R25" s="116">
        <v>743476</v>
      </c>
      <c r="S25" s="116">
        <v>699838</v>
      </c>
      <c r="T25" s="116">
        <v>1055534</v>
      </c>
      <c r="U25" s="116">
        <v>676395</v>
      </c>
      <c r="V25" s="115">
        <v>4322894</v>
      </c>
      <c r="W25" s="118">
        <v>4499339</v>
      </c>
      <c r="X25" s="112">
        <v>0</v>
      </c>
      <c r="Y25" s="116">
        <v>0</v>
      </c>
      <c r="Z25" s="115">
        <v>0</v>
      </c>
      <c r="AA25" s="112">
        <v>0</v>
      </c>
      <c r="AB25" s="116">
        <v>433478</v>
      </c>
      <c r="AC25" s="116">
        <v>276340</v>
      </c>
      <c r="AD25" s="116">
        <v>234280</v>
      </c>
      <c r="AE25" s="116">
        <v>612871</v>
      </c>
      <c r="AF25" s="116">
        <v>283598</v>
      </c>
      <c r="AG25" s="115">
        <v>1840567</v>
      </c>
      <c r="AH25" s="118">
        <v>1840567</v>
      </c>
      <c r="AI25" s="112">
        <v>0</v>
      </c>
      <c r="AJ25" s="116">
        <v>0</v>
      </c>
      <c r="AK25" s="115">
        <v>0</v>
      </c>
      <c r="AL25" s="112">
        <v>0</v>
      </c>
      <c r="AM25" s="116">
        <v>10258</v>
      </c>
      <c r="AN25" s="116">
        <v>0</v>
      </c>
      <c r="AO25" s="116">
        <v>19492</v>
      </c>
      <c r="AP25" s="116">
        <v>0</v>
      </c>
      <c r="AQ25" s="116">
        <v>190757</v>
      </c>
      <c r="AR25" s="115">
        <v>220507</v>
      </c>
      <c r="AS25" s="118">
        <v>220507</v>
      </c>
      <c r="AT25" s="112">
        <v>18989</v>
      </c>
      <c r="AU25" s="116">
        <v>64029</v>
      </c>
      <c r="AV25" s="115">
        <v>83018</v>
      </c>
      <c r="AW25" s="112">
        <v>0</v>
      </c>
      <c r="AX25" s="116">
        <v>489810</v>
      </c>
      <c r="AY25" s="116">
        <v>208881</v>
      </c>
      <c r="AZ25" s="116">
        <v>283625</v>
      </c>
      <c r="BA25" s="116">
        <v>270519</v>
      </c>
      <c r="BB25" s="116">
        <v>105248</v>
      </c>
      <c r="BC25" s="115">
        <v>1358083</v>
      </c>
      <c r="BD25" s="118">
        <v>1441101</v>
      </c>
      <c r="BE25" s="112">
        <v>42935</v>
      </c>
      <c r="BF25" s="116">
        <v>38263</v>
      </c>
      <c r="BG25" s="114">
        <v>81198</v>
      </c>
      <c r="BH25" s="113">
        <v>0</v>
      </c>
      <c r="BI25" s="116">
        <v>23355</v>
      </c>
      <c r="BJ25" s="116">
        <v>130491</v>
      </c>
      <c r="BK25" s="116">
        <v>80163</v>
      </c>
      <c r="BL25" s="116">
        <v>0</v>
      </c>
      <c r="BM25" s="116">
        <v>12155</v>
      </c>
      <c r="BN25" s="115">
        <v>246164</v>
      </c>
      <c r="BO25" s="118">
        <v>327362</v>
      </c>
      <c r="BP25" s="112">
        <v>4004</v>
      </c>
      <c r="BQ25" s="116">
        <v>8225</v>
      </c>
      <c r="BR25" s="115">
        <v>12229</v>
      </c>
      <c r="BS25" s="112">
        <v>0</v>
      </c>
      <c r="BT25" s="116">
        <v>190750</v>
      </c>
      <c r="BU25" s="116">
        <v>127764</v>
      </c>
      <c r="BV25" s="116">
        <v>82278</v>
      </c>
      <c r="BW25" s="116">
        <v>172144</v>
      </c>
      <c r="BX25" s="116">
        <v>84637</v>
      </c>
      <c r="BY25" s="115">
        <v>657573</v>
      </c>
      <c r="BZ25" s="118">
        <v>669802</v>
      </c>
      <c r="CA25" s="112">
        <v>36837</v>
      </c>
      <c r="CB25" s="116">
        <v>134579</v>
      </c>
      <c r="CC25" s="115">
        <v>171416</v>
      </c>
      <c r="CD25" s="112">
        <v>0</v>
      </c>
      <c r="CE25" s="116">
        <v>462352</v>
      </c>
      <c r="CF25" s="116">
        <v>1096758</v>
      </c>
      <c r="CG25" s="116">
        <v>634893</v>
      </c>
      <c r="CH25" s="116">
        <v>370987</v>
      </c>
      <c r="CI25" s="116">
        <v>591469</v>
      </c>
      <c r="CJ25" s="115">
        <v>3156459</v>
      </c>
      <c r="CK25" s="118">
        <v>3327875</v>
      </c>
      <c r="CL25" s="112">
        <v>0</v>
      </c>
      <c r="CM25" s="116">
        <v>0</v>
      </c>
      <c r="CN25" s="115">
        <v>0</v>
      </c>
      <c r="CO25" s="113">
        <v>0</v>
      </c>
      <c r="CP25" s="116">
        <v>195556</v>
      </c>
      <c r="CQ25" s="116">
        <v>434500</v>
      </c>
      <c r="CR25" s="116">
        <v>435422</v>
      </c>
      <c r="CS25" s="116">
        <v>223363</v>
      </c>
      <c r="CT25" s="116">
        <v>492412</v>
      </c>
      <c r="CU25" s="115">
        <v>1781253</v>
      </c>
      <c r="CV25" s="118">
        <v>1781253</v>
      </c>
      <c r="CW25" s="112">
        <v>36837</v>
      </c>
      <c r="CX25" s="116">
        <v>134579</v>
      </c>
      <c r="CY25" s="115">
        <v>171416</v>
      </c>
      <c r="CZ25" s="112">
        <v>0</v>
      </c>
      <c r="DA25" s="116">
        <v>266796</v>
      </c>
      <c r="DB25" s="116">
        <v>662258</v>
      </c>
      <c r="DC25" s="116">
        <v>199471</v>
      </c>
      <c r="DD25" s="116">
        <v>147624</v>
      </c>
      <c r="DE25" s="116">
        <v>99057</v>
      </c>
      <c r="DF25" s="115">
        <v>1375206</v>
      </c>
      <c r="DG25" s="118">
        <v>1546622</v>
      </c>
      <c r="DH25" s="112">
        <v>0</v>
      </c>
      <c r="DI25" s="116">
        <v>39690</v>
      </c>
      <c r="DJ25" s="114">
        <v>39690</v>
      </c>
      <c r="DK25" s="113">
        <v>0</v>
      </c>
      <c r="DL25" s="116">
        <v>53821</v>
      </c>
      <c r="DM25" s="116">
        <v>75085</v>
      </c>
      <c r="DN25" s="116">
        <v>522325</v>
      </c>
      <c r="DO25" s="116">
        <v>344727</v>
      </c>
      <c r="DP25" s="116">
        <v>0</v>
      </c>
      <c r="DQ25" s="115">
        <v>995958</v>
      </c>
      <c r="DR25" s="118">
        <v>1035648</v>
      </c>
      <c r="DS25" s="112">
        <v>0</v>
      </c>
      <c r="DT25" s="116">
        <v>39690</v>
      </c>
      <c r="DU25" s="115">
        <v>39690</v>
      </c>
      <c r="DV25" s="112">
        <v>0</v>
      </c>
      <c r="DW25" s="116">
        <v>53821</v>
      </c>
      <c r="DX25" s="116">
        <v>0</v>
      </c>
      <c r="DY25" s="116">
        <v>443366</v>
      </c>
      <c r="DZ25" s="116">
        <v>344727</v>
      </c>
      <c r="EA25" s="116">
        <v>0</v>
      </c>
      <c r="EB25" s="115">
        <v>841914</v>
      </c>
      <c r="EC25" s="118">
        <v>881604</v>
      </c>
      <c r="ED25" s="112">
        <v>0</v>
      </c>
      <c r="EE25" s="114">
        <v>0</v>
      </c>
      <c r="EF25" s="115">
        <v>0</v>
      </c>
      <c r="EG25" s="112">
        <v>0</v>
      </c>
      <c r="EH25" s="116">
        <v>0</v>
      </c>
      <c r="EI25" s="116">
        <v>75085</v>
      </c>
      <c r="EJ25" s="116">
        <v>78959</v>
      </c>
      <c r="EK25" s="116">
        <v>0</v>
      </c>
      <c r="EL25" s="116">
        <v>0</v>
      </c>
      <c r="EM25" s="114">
        <v>154044</v>
      </c>
      <c r="EN25" s="118">
        <v>154044</v>
      </c>
      <c r="EO25" s="112">
        <v>0</v>
      </c>
      <c r="EP25" s="116">
        <v>0</v>
      </c>
      <c r="EQ25" s="114">
        <v>0</v>
      </c>
      <c r="ER25" s="113">
        <v>0</v>
      </c>
      <c r="ES25" s="116">
        <v>0</v>
      </c>
      <c r="ET25" s="116">
        <v>0</v>
      </c>
      <c r="EU25" s="116">
        <v>0</v>
      </c>
      <c r="EV25" s="116">
        <v>0</v>
      </c>
      <c r="EW25" s="116">
        <v>0</v>
      </c>
      <c r="EX25" s="115">
        <v>0</v>
      </c>
      <c r="EY25" s="118">
        <v>0</v>
      </c>
      <c r="EZ25" s="112">
        <v>0</v>
      </c>
      <c r="FA25" s="116">
        <v>0</v>
      </c>
      <c r="FB25" s="114">
        <v>0</v>
      </c>
      <c r="FC25" s="390"/>
      <c r="FD25" s="116">
        <v>0</v>
      </c>
      <c r="FE25" s="116">
        <v>0</v>
      </c>
      <c r="FF25" s="116">
        <v>0</v>
      </c>
      <c r="FG25" s="116">
        <v>0</v>
      </c>
      <c r="FH25" s="116">
        <v>0</v>
      </c>
      <c r="FI25" s="115">
        <v>0</v>
      </c>
      <c r="FJ25" s="118">
        <v>0</v>
      </c>
      <c r="FK25" s="112">
        <v>24955</v>
      </c>
      <c r="FL25" s="116">
        <v>129129</v>
      </c>
      <c r="FM25" s="115">
        <v>154084</v>
      </c>
      <c r="FN25" s="112">
        <v>0</v>
      </c>
      <c r="FO25" s="116">
        <v>206500</v>
      </c>
      <c r="FP25" s="116">
        <v>256074</v>
      </c>
      <c r="FQ25" s="116">
        <v>210070</v>
      </c>
      <c r="FR25" s="116">
        <v>151711</v>
      </c>
      <c r="FS25" s="116">
        <v>112182</v>
      </c>
      <c r="FT25" s="115">
        <v>936537</v>
      </c>
      <c r="FU25" s="118">
        <v>1090621</v>
      </c>
      <c r="FV25" s="117">
        <v>24955</v>
      </c>
      <c r="FW25" s="116">
        <v>57904</v>
      </c>
      <c r="FX25" s="114">
        <v>82859</v>
      </c>
      <c r="FY25" s="113">
        <v>0</v>
      </c>
      <c r="FZ25" s="116">
        <v>156205</v>
      </c>
      <c r="GA25" s="116">
        <v>256074</v>
      </c>
      <c r="GB25" s="116">
        <v>210070</v>
      </c>
      <c r="GC25" s="116">
        <v>151711</v>
      </c>
      <c r="GD25" s="116">
        <v>112182</v>
      </c>
      <c r="GE25" s="115">
        <v>886242</v>
      </c>
      <c r="GF25" s="354">
        <v>969101</v>
      </c>
      <c r="GG25" s="117">
        <v>0</v>
      </c>
      <c r="GH25" s="116">
        <v>21175</v>
      </c>
      <c r="GI25" s="114">
        <v>21175</v>
      </c>
      <c r="GJ25" s="113">
        <v>0</v>
      </c>
      <c r="GK25" s="116">
        <v>10395</v>
      </c>
      <c r="GL25" s="116">
        <v>0</v>
      </c>
      <c r="GM25" s="116">
        <v>0</v>
      </c>
      <c r="GN25" s="116">
        <v>0</v>
      </c>
      <c r="GO25" s="116">
        <v>0</v>
      </c>
      <c r="GP25" s="115">
        <v>10395</v>
      </c>
      <c r="GQ25" s="118">
        <v>31570</v>
      </c>
      <c r="GR25" s="112">
        <v>0</v>
      </c>
      <c r="GS25" s="116">
        <v>50050</v>
      </c>
      <c r="GT25" s="115">
        <v>50050</v>
      </c>
      <c r="GU25" s="112">
        <v>0</v>
      </c>
      <c r="GV25" s="116">
        <v>39900</v>
      </c>
      <c r="GW25" s="116">
        <v>0</v>
      </c>
      <c r="GX25" s="116">
        <v>0</v>
      </c>
      <c r="GY25" s="116">
        <v>0</v>
      </c>
      <c r="GZ25" s="116">
        <v>0</v>
      </c>
      <c r="HA25" s="114">
        <v>39900</v>
      </c>
      <c r="HB25" s="118">
        <v>89950</v>
      </c>
      <c r="HC25" s="112">
        <v>44279</v>
      </c>
      <c r="HD25" s="116">
        <v>104014</v>
      </c>
      <c r="HE25" s="114">
        <v>148293</v>
      </c>
      <c r="HF25" s="113">
        <v>0</v>
      </c>
      <c r="HG25" s="116">
        <v>988345</v>
      </c>
      <c r="HH25" s="116">
        <v>754098</v>
      </c>
      <c r="HI25" s="116">
        <v>306841</v>
      </c>
      <c r="HJ25" s="116">
        <v>1552678</v>
      </c>
      <c r="HK25" s="116">
        <v>373289</v>
      </c>
      <c r="HL25" s="115">
        <v>3975251</v>
      </c>
      <c r="HM25" s="111">
        <v>4123544</v>
      </c>
      <c r="HN25" s="370"/>
      <c r="HO25" s="371"/>
      <c r="HP25" s="372"/>
      <c r="HQ25" s="373"/>
      <c r="HR25" s="371"/>
      <c r="HS25" s="371"/>
      <c r="HT25" s="371"/>
      <c r="HU25" s="371"/>
      <c r="HV25" s="371"/>
      <c r="HW25" s="374"/>
      <c r="HX25" s="375"/>
      <c r="HY25" s="148">
        <v>0</v>
      </c>
      <c r="HZ25" s="149">
        <v>0</v>
      </c>
      <c r="IA25" s="150">
        <v>0</v>
      </c>
      <c r="IB25" s="163">
        <v>0</v>
      </c>
      <c r="IC25" s="149">
        <v>624133</v>
      </c>
      <c r="ID25" s="164">
        <v>513924</v>
      </c>
      <c r="IE25" s="150">
        <v>201234</v>
      </c>
      <c r="IF25" s="149">
        <v>355805</v>
      </c>
      <c r="IG25" s="150">
        <v>0</v>
      </c>
      <c r="IH25" s="165">
        <v>1695096</v>
      </c>
      <c r="II25" s="156">
        <v>1695096</v>
      </c>
      <c r="IJ25" s="261">
        <v>0</v>
      </c>
      <c r="IK25" s="268">
        <v>0</v>
      </c>
      <c r="IL25" s="269">
        <v>0</v>
      </c>
      <c r="IM25" s="157"/>
      <c r="IN25" s="122">
        <v>0</v>
      </c>
      <c r="IO25" s="122">
        <v>0</v>
      </c>
      <c r="IP25" s="122">
        <v>0</v>
      </c>
      <c r="IQ25" s="122">
        <v>0</v>
      </c>
      <c r="IR25" s="122">
        <v>0</v>
      </c>
      <c r="IS25" s="158">
        <v>0</v>
      </c>
      <c r="IT25" s="357">
        <v>0</v>
      </c>
      <c r="IU25" s="159">
        <v>0</v>
      </c>
      <c r="IV25" s="122">
        <v>0</v>
      </c>
      <c r="IW25" s="123">
        <v>0</v>
      </c>
      <c r="IX25" s="161"/>
      <c r="IY25" s="122">
        <v>0</v>
      </c>
      <c r="IZ25" s="122">
        <v>0</v>
      </c>
      <c r="JA25" s="122">
        <v>0</v>
      </c>
      <c r="JB25" s="122">
        <v>0</v>
      </c>
      <c r="JC25" s="122">
        <v>0</v>
      </c>
      <c r="JD25" s="123">
        <v>0</v>
      </c>
      <c r="JE25" s="124">
        <v>0</v>
      </c>
      <c r="JF25" s="159">
        <v>0</v>
      </c>
      <c r="JG25" s="122">
        <v>0</v>
      </c>
      <c r="JH25" s="158">
        <v>0</v>
      </c>
      <c r="JI25" s="121">
        <v>0</v>
      </c>
      <c r="JJ25" s="122">
        <v>161329</v>
      </c>
      <c r="JK25" s="122">
        <v>198797</v>
      </c>
      <c r="JL25" s="122">
        <v>0</v>
      </c>
      <c r="JM25" s="122">
        <v>61502</v>
      </c>
      <c r="JN25" s="122">
        <v>0</v>
      </c>
      <c r="JO25" s="123">
        <v>421628</v>
      </c>
      <c r="JP25" s="357">
        <v>421628</v>
      </c>
      <c r="JQ25" s="159">
        <v>0</v>
      </c>
      <c r="JR25" s="122">
        <v>0</v>
      </c>
      <c r="JS25" s="158">
        <v>0</v>
      </c>
      <c r="JT25" s="121">
        <v>0</v>
      </c>
      <c r="JU25" s="122">
        <v>0</v>
      </c>
      <c r="JV25" s="122">
        <v>0</v>
      </c>
      <c r="JW25" s="122">
        <v>0</v>
      </c>
      <c r="JX25" s="122">
        <v>84215</v>
      </c>
      <c r="JY25" s="122">
        <v>0</v>
      </c>
      <c r="JZ25" s="123">
        <v>84215</v>
      </c>
      <c r="KA25" s="357">
        <v>84215</v>
      </c>
      <c r="KB25" s="264">
        <v>0</v>
      </c>
      <c r="KC25" s="258">
        <v>0</v>
      </c>
      <c r="KD25" s="123">
        <v>0</v>
      </c>
      <c r="KE25" s="121">
        <v>0</v>
      </c>
      <c r="KF25" s="122">
        <v>84521</v>
      </c>
      <c r="KG25" s="122">
        <v>121286</v>
      </c>
      <c r="KH25" s="122">
        <v>0</v>
      </c>
      <c r="KI25" s="122">
        <v>0</v>
      </c>
      <c r="KJ25" s="122">
        <v>0</v>
      </c>
      <c r="KK25" s="123">
        <v>205807</v>
      </c>
      <c r="KL25" s="160">
        <v>205807</v>
      </c>
      <c r="KM25" s="261">
        <v>0</v>
      </c>
      <c r="KN25" s="268">
        <v>0</v>
      </c>
      <c r="KO25" s="269">
        <v>0</v>
      </c>
      <c r="KP25" s="157"/>
      <c r="KQ25" s="122">
        <v>378283</v>
      </c>
      <c r="KR25" s="122">
        <v>193841</v>
      </c>
      <c r="KS25" s="122">
        <v>201234</v>
      </c>
      <c r="KT25" s="122">
        <v>210088</v>
      </c>
      <c r="KU25" s="122">
        <v>0</v>
      </c>
      <c r="KV25" s="123">
        <v>983446</v>
      </c>
      <c r="KW25" s="357">
        <v>983446</v>
      </c>
      <c r="KX25" s="159">
        <v>0</v>
      </c>
      <c r="KY25" s="122">
        <v>0</v>
      </c>
      <c r="KZ25" s="123">
        <v>0</v>
      </c>
      <c r="LA25" s="162"/>
      <c r="LB25" s="122">
        <v>0</v>
      </c>
      <c r="LC25" s="122">
        <v>0</v>
      </c>
      <c r="LD25" s="122">
        <v>0</v>
      </c>
      <c r="LE25" s="122">
        <v>0</v>
      </c>
      <c r="LF25" s="122">
        <v>0</v>
      </c>
      <c r="LG25" s="123">
        <v>0</v>
      </c>
      <c r="LH25" s="124">
        <v>0</v>
      </c>
      <c r="LI25" s="159">
        <v>0</v>
      </c>
      <c r="LJ25" s="122">
        <v>0</v>
      </c>
      <c r="LK25" s="123">
        <v>0</v>
      </c>
      <c r="LL25" s="162"/>
      <c r="LM25" s="122">
        <v>0</v>
      </c>
      <c r="LN25" s="122">
        <v>0</v>
      </c>
      <c r="LO25" s="122">
        <v>0</v>
      </c>
      <c r="LP25" s="122">
        <v>0</v>
      </c>
      <c r="LQ25" s="122">
        <v>0</v>
      </c>
      <c r="LR25" s="123">
        <v>0</v>
      </c>
      <c r="LS25" s="357">
        <v>0</v>
      </c>
      <c r="LT25" s="159">
        <v>0</v>
      </c>
      <c r="LU25" s="122">
        <v>0</v>
      </c>
      <c r="LV25" s="123">
        <v>0</v>
      </c>
      <c r="LW25" s="162"/>
      <c r="LX25" s="122">
        <v>0</v>
      </c>
      <c r="LY25" s="122">
        <v>0</v>
      </c>
      <c r="LZ25" s="122">
        <v>0</v>
      </c>
      <c r="MA25" s="122">
        <v>0</v>
      </c>
      <c r="MB25" s="122">
        <v>0</v>
      </c>
      <c r="MC25" s="123">
        <v>0</v>
      </c>
      <c r="MD25" s="124">
        <v>0</v>
      </c>
      <c r="ME25" s="159">
        <v>0</v>
      </c>
      <c r="MF25" s="122">
        <v>0</v>
      </c>
      <c r="MG25" s="123">
        <v>0</v>
      </c>
      <c r="MH25" s="162"/>
      <c r="MI25" s="122">
        <v>186452</v>
      </c>
      <c r="MJ25" s="122">
        <v>416340</v>
      </c>
      <c r="MK25" s="122">
        <v>1132830</v>
      </c>
      <c r="ML25" s="122">
        <v>2487092</v>
      </c>
      <c r="MM25" s="122">
        <v>587921</v>
      </c>
      <c r="MN25" s="123">
        <v>4810635</v>
      </c>
      <c r="MO25" s="160">
        <v>4810635</v>
      </c>
      <c r="MP25" s="159">
        <v>0</v>
      </c>
      <c r="MQ25" s="122">
        <v>0</v>
      </c>
      <c r="MR25" s="123">
        <v>0</v>
      </c>
      <c r="MS25" s="162"/>
      <c r="MT25" s="122">
        <v>0</v>
      </c>
      <c r="MU25" s="122">
        <v>195738</v>
      </c>
      <c r="MV25" s="122">
        <v>613662</v>
      </c>
      <c r="MW25" s="122">
        <v>1798447</v>
      </c>
      <c r="MX25" s="122">
        <v>587921</v>
      </c>
      <c r="MY25" s="123">
        <v>3195768</v>
      </c>
      <c r="MZ25" s="160">
        <v>3195768</v>
      </c>
      <c r="NA25" s="159">
        <v>0</v>
      </c>
      <c r="NB25" s="122">
        <v>0</v>
      </c>
      <c r="NC25" s="123">
        <v>0</v>
      </c>
      <c r="ND25" s="162"/>
      <c r="NE25" s="122">
        <v>186452</v>
      </c>
      <c r="NF25" s="122">
        <v>220602</v>
      </c>
      <c r="NG25" s="122">
        <v>519168</v>
      </c>
      <c r="NH25" s="122">
        <v>688645</v>
      </c>
      <c r="NI25" s="122">
        <v>0</v>
      </c>
      <c r="NJ25" s="123">
        <v>1614867</v>
      </c>
      <c r="NK25" s="357">
        <v>1614867</v>
      </c>
      <c r="NL25" s="159">
        <v>0</v>
      </c>
      <c r="NM25" s="122">
        <v>0</v>
      </c>
      <c r="NN25" s="123">
        <v>0</v>
      </c>
      <c r="NO25" s="162"/>
      <c r="NP25" s="122">
        <v>0</v>
      </c>
      <c r="NQ25" s="122">
        <v>0</v>
      </c>
      <c r="NR25" s="122">
        <v>0</v>
      </c>
      <c r="NS25" s="122">
        <v>0</v>
      </c>
      <c r="NT25" s="122">
        <v>0</v>
      </c>
      <c r="NU25" s="123">
        <v>0</v>
      </c>
      <c r="NV25" s="124">
        <v>0</v>
      </c>
      <c r="NW25" s="159">
        <v>0</v>
      </c>
      <c r="NX25" s="122">
        <v>0</v>
      </c>
      <c r="NY25" s="123">
        <v>0</v>
      </c>
      <c r="NZ25" s="162"/>
      <c r="OA25" s="122">
        <v>0</v>
      </c>
      <c r="OB25" s="122">
        <v>0</v>
      </c>
      <c r="OC25" s="122">
        <v>0</v>
      </c>
      <c r="OD25" s="122">
        <v>0</v>
      </c>
      <c r="OE25" s="122">
        <v>0</v>
      </c>
      <c r="OF25" s="123">
        <v>0</v>
      </c>
      <c r="OG25" s="124">
        <v>0</v>
      </c>
      <c r="OH25" s="159">
        <v>171999</v>
      </c>
      <c r="OI25" s="122">
        <v>517929</v>
      </c>
      <c r="OJ25" s="158">
        <v>689928</v>
      </c>
      <c r="OK25" s="121">
        <v>0</v>
      </c>
      <c r="OL25" s="122">
        <v>3669254</v>
      </c>
      <c r="OM25" s="122">
        <v>3855755</v>
      </c>
      <c r="ON25" s="122">
        <v>3708031</v>
      </c>
      <c r="OO25" s="122">
        <v>6318534</v>
      </c>
      <c r="OP25" s="122">
        <v>2341256</v>
      </c>
      <c r="OQ25" s="123">
        <v>19892830</v>
      </c>
      <c r="OR25" s="160">
        <v>20582758</v>
      </c>
    </row>
    <row r="26" spans="1:408" ht="20.25" customHeight="1" x14ac:dyDescent="0.2">
      <c r="A26" s="129" t="s">
        <v>21</v>
      </c>
      <c r="B26" s="112">
        <v>404821</v>
      </c>
      <c r="C26" s="116">
        <v>184207</v>
      </c>
      <c r="D26" s="115">
        <v>589028</v>
      </c>
      <c r="E26" s="111">
        <v>0</v>
      </c>
      <c r="F26" s="116">
        <v>1634445</v>
      </c>
      <c r="G26" s="116">
        <v>2572296</v>
      </c>
      <c r="H26" s="116">
        <v>1730384</v>
      </c>
      <c r="I26" s="116">
        <v>1498106</v>
      </c>
      <c r="J26" s="116">
        <v>1137098</v>
      </c>
      <c r="K26" s="200">
        <v>8572329</v>
      </c>
      <c r="L26" s="118">
        <v>9161357</v>
      </c>
      <c r="M26" s="112">
        <v>115395</v>
      </c>
      <c r="N26" s="116">
        <v>47456</v>
      </c>
      <c r="O26" s="115">
        <v>162851</v>
      </c>
      <c r="P26" s="112">
        <v>0</v>
      </c>
      <c r="Q26" s="116">
        <v>719128</v>
      </c>
      <c r="R26" s="116">
        <v>780918</v>
      </c>
      <c r="S26" s="116">
        <v>794614</v>
      </c>
      <c r="T26" s="116">
        <v>328222</v>
      </c>
      <c r="U26" s="116">
        <v>391925</v>
      </c>
      <c r="V26" s="115">
        <v>3014807</v>
      </c>
      <c r="W26" s="118">
        <v>3177658</v>
      </c>
      <c r="X26" s="112">
        <v>0</v>
      </c>
      <c r="Y26" s="116">
        <v>0</v>
      </c>
      <c r="Z26" s="115">
        <v>0</v>
      </c>
      <c r="AA26" s="112">
        <v>0</v>
      </c>
      <c r="AB26" s="116">
        <v>272198</v>
      </c>
      <c r="AC26" s="116">
        <v>319009</v>
      </c>
      <c r="AD26" s="116">
        <v>326607</v>
      </c>
      <c r="AE26" s="116">
        <v>63207</v>
      </c>
      <c r="AF26" s="116">
        <v>0</v>
      </c>
      <c r="AG26" s="115">
        <v>981021</v>
      </c>
      <c r="AH26" s="118">
        <v>981021</v>
      </c>
      <c r="AI26" s="112">
        <v>0</v>
      </c>
      <c r="AJ26" s="116">
        <v>0</v>
      </c>
      <c r="AK26" s="115">
        <v>0</v>
      </c>
      <c r="AL26" s="112">
        <v>0</v>
      </c>
      <c r="AM26" s="116">
        <v>0</v>
      </c>
      <c r="AN26" s="116">
        <v>0</v>
      </c>
      <c r="AO26" s="116">
        <v>81011</v>
      </c>
      <c r="AP26" s="116">
        <v>113053</v>
      </c>
      <c r="AQ26" s="116">
        <v>110923</v>
      </c>
      <c r="AR26" s="115">
        <v>304987</v>
      </c>
      <c r="AS26" s="118">
        <v>304987</v>
      </c>
      <c r="AT26" s="112">
        <v>20327</v>
      </c>
      <c r="AU26" s="116">
        <v>47456</v>
      </c>
      <c r="AV26" s="115">
        <v>67783</v>
      </c>
      <c r="AW26" s="112">
        <v>0</v>
      </c>
      <c r="AX26" s="116">
        <v>335448</v>
      </c>
      <c r="AY26" s="116">
        <v>326793</v>
      </c>
      <c r="AZ26" s="116">
        <v>296241</v>
      </c>
      <c r="BA26" s="116">
        <v>86995</v>
      </c>
      <c r="BB26" s="116">
        <v>176641</v>
      </c>
      <c r="BC26" s="115">
        <v>1222118</v>
      </c>
      <c r="BD26" s="118">
        <v>1289901</v>
      </c>
      <c r="BE26" s="112">
        <v>13868</v>
      </c>
      <c r="BF26" s="116">
        <v>0</v>
      </c>
      <c r="BG26" s="114">
        <v>13868</v>
      </c>
      <c r="BH26" s="113">
        <v>0</v>
      </c>
      <c r="BI26" s="116">
        <v>0</v>
      </c>
      <c r="BJ26" s="116">
        <v>44907</v>
      </c>
      <c r="BK26" s="116">
        <v>0</v>
      </c>
      <c r="BL26" s="116">
        <v>0</v>
      </c>
      <c r="BM26" s="116">
        <v>28026</v>
      </c>
      <c r="BN26" s="115">
        <v>72933</v>
      </c>
      <c r="BO26" s="118">
        <v>86801</v>
      </c>
      <c r="BP26" s="112">
        <v>81200</v>
      </c>
      <c r="BQ26" s="116">
        <v>0</v>
      </c>
      <c r="BR26" s="115">
        <v>81200</v>
      </c>
      <c r="BS26" s="112">
        <v>0</v>
      </c>
      <c r="BT26" s="116">
        <v>111482</v>
      </c>
      <c r="BU26" s="116">
        <v>90209</v>
      </c>
      <c r="BV26" s="116">
        <v>90755</v>
      </c>
      <c r="BW26" s="116">
        <v>64967</v>
      </c>
      <c r="BX26" s="116">
        <v>76335</v>
      </c>
      <c r="BY26" s="115">
        <v>433748</v>
      </c>
      <c r="BZ26" s="118">
        <v>514948</v>
      </c>
      <c r="CA26" s="112">
        <v>35853</v>
      </c>
      <c r="CB26" s="116">
        <v>33195</v>
      </c>
      <c r="CC26" s="115">
        <v>69048</v>
      </c>
      <c r="CD26" s="112">
        <v>0</v>
      </c>
      <c r="CE26" s="116">
        <v>678066</v>
      </c>
      <c r="CF26" s="116">
        <v>888584</v>
      </c>
      <c r="CG26" s="116">
        <v>343190</v>
      </c>
      <c r="CH26" s="116">
        <v>492461</v>
      </c>
      <c r="CI26" s="116">
        <v>87939</v>
      </c>
      <c r="CJ26" s="115">
        <v>2490240</v>
      </c>
      <c r="CK26" s="118">
        <v>2559288</v>
      </c>
      <c r="CL26" s="112">
        <v>0</v>
      </c>
      <c r="CM26" s="116">
        <v>0</v>
      </c>
      <c r="CN26" s="115">
        <v>0</v>
      </c>
      <c r="CO26" s="113">
        <v>0</v>
      </c>
      <c r="CP26" s="116">
        <v>665018</v>
      </c>
      <c r="CQ26" s="116">
        <v>831722</v>
      </c>
      <c r="CR26" s="116">
        <v>271981</v>
      </c>
      <c r="CS26" s="116">
        <v>443459</v>
      </c>
      <c r="CT26" s="116">
        <v>0</v>
      </c>
      <c r="CU26" s="115">
        <v>2212180</v>
      </c>
      <c r="CV26" s="118">
        <v>2212180</v>
      </c>
      <c r="CW26" s="112">
        <v>35853</v>
      </c>
      <c r="CX26" s="116">
        <v>33195</v>
      </c>
      <c r="CY26" s="115">
        <v>69048</v>
      </c>
      <c r="CZ26" s="112">
        <v>0</v>
      </c>
      <c r="DA26" s="116">
        <v>13048</v>
      </c>
      <c r="DB26" s="116">
        <v>56862</v>
      </c>
      <c r="DC26" s="116">
        <v>71209</v>
      </c>
      <c r="DD26" s="116">
        <v>49002</v>
      </c>
      <c r="DE26" s="116">
        <v>87939</v>
      </c>
      <c r="DF26" s="115">
        <v>278060</v>
      </c>
      <c r="DG26" s="118">
        <v>347108</v>
      </c>
      <c r="DH26" s="112">
        <v>40092</v>
      </c>
      <c r="DI26" s="116">
        <v>0</v>
      </c>
      <c r="DJ26" s="114">
        <v>40092</v>
      </c>
      <c r="DK26" s="113">
        <v>0</v>
      </c>
      <c r="DL26" s="116">
        <v>15013</v>
      </c>
      <c r="DM26" s="116">
        <v>131351</v>
      </c>
      <c r="DN26" s="116">
        <v>-38018</v>
      </c>
      <c r="DO26" s="116">
        <v>36052</v>
      </c>
      <c r="DP26" s="116">
        <v>0</v>
      </c>
      <c r="DQ26" s="115">
        <v>144398</v>
      </c>
      <c r="DR26" s="118">
        <v>184490</v>
      </c>
      <c r="DS26" s="112">
        <v>40092</v>
      </c>
      <c r="DT26" s="116">
        <v>0</v>
      </c>
      <c r="DU26" s="115">
        <v>40092</v>
      </c>
      <c r="DV26" s="112">
        <v>0</v>
      </c>
      <c r="DW26" s="116">
        <v>15013</v>
      </c>
      <c r="DX26" s="116">
        <v>56295</v>
      </c>
      <c r="DY26" s="116">
        <v>-38018</v>
      </c>
      <c r="DZ26" s="116">
        <v>36052</v>
      </c>
      <c r="EA26" s="116">
        <v>0</v>
      </c>
      <c r="EB26" s="115">
        <v>69342</v>
      </c>
      <c r="EC26" s="118">
        <v>109434</v>
      </c>
      <c r="ED26" s="112">
        <v>0</v>
      </c>
      <c r="EE26" s="114">
        <v>0</v>
      </c>
      <c r="EF26" s="115">
        <v>0</v>
      </c>
      <c r="EG26" s="112">
        <v>0</v>
      </c>
      <c r="EH26" s="116">
        <v>0</v>
      </c>
      <c r="EI26" s="116">
        <v>75056</v>
      </c>
      <c r="EJ26" s="116">
        <v>0</v>
      </c>
      <c r="EK26" s="116">
        <v>0</v>
      </c>
      <c r="EL26" s="116">
        <v>0</v>
      </c>
      <c r="EM26" s="114">
        <v>75056</v>
      </c>
      <c r="EN26" s="118">
        <v>75056</v>
      </c>
      <c r="EO26" s="112">
        <v>0</v>
      </c>
      <c r="EP26" s="116">
        <v>0</v>
      </c>
      <c r="EQ26" s="114">
        <v>0</v>
      </c>
      <c r="ER26" s="113">
        <v>0</v>
      </c>
      <c r="ES26" s="116">
        <v>0</v>
      </c>
      <c r="ET26" s="116">
        <v>0</v>
      </c>
      <c r="EU26" s="116">
        <v>0</v>
      </c>
      <c r="EV26" s="116">
        <v>0</v>
      </c>
      <c r="EW26" s="116">
        <v>0</v>
      </c>
      <c r="EX26" s="115">
        <v>0</v>
      </c>
      <c r="EY26" s="118">
        <v>0</v>
      </c>
      <c r="EZ26" s="112">
        <v>0</v>
      </c>
      <c r="FA26" s="116">
        <v>0</v>
      </c>
      <c r="FB26" s="114">
        <v>0</v>
      </c>
      <c r="FC26" s="390"/>
      <c r="FD26" s="116">
        <v>0</v>
      </c>
      <c r="FE26" s="116">
        <v>0</v>
      </c>
      <c r="FF26" s="116">
        <v>0</v>
      </c>
      <c r="FG26" s="116">
        <v>0</v>
      </c>
      <c r="FH26" s="116">
        <v>0</v>
      </c>
      <c r="FI26" s="115">
        <v>0</v>
      </c>
      <c r="FJ26" s="118">
        <v>0</v>
      </c>
      <c r="FK26" s="112">
        <v>36204</v>
      </c>
      <c r="FL26" s="116">
        <v>26348</v>
      </c>
      <c r="FM26" s="115">
        <v>62552</v>
      </c>
      <c r="FN26" s="112">
        <v>0</v>
      </c>
      <c r="FO26" s="116">
        <v>131936</v>
      </c>
      <c r="FP26" s="116">
        <v>346794</v>
      </c>
      <c r="FQ26" s="116">
        <v>179095</v>
      </c>
      <c r="FR26" s="116">
        <v>109179</v>
      </c>
      <c r="FS26" s="116">
        <v>91280</v>
      </c>
      <c r="FT26" s="115">
        <v>858284</v>
      </c>
      <c r="FU26" s="118">
        <v>920836</v>
      </c>
      <c r="FV26" s="117">
        <v>36204</v>
      </c>
      <c r="FW26" s="116">
        <v>26348</v>
      </c>
      <c r="FX26" s="114">
        <v>62552</v>
      </c>
      <c r="FY26" s="113">
        <v>0</v>
      </c>
      <c r="FZ26" s="116">
        <v>115206</v>
      </c>
      <c r="GA26" s="116">
        <v>290794</v>
      </c>
      <c r="GB26" s="116">
        <v>155995</v>
      </c>
      <c r="GC26" s="116">
        <v>109179</v>
      </c>
      <c r="GD26" s="116">
        <v>91280</v>
      </c>
      <c r="GE26" s="115">
        <v>762454</v>
      </c>
      <c r="GF26" s="354">
        <v>825006</v>
      </c>
      <c r="GG26" s="117">
        <v>0</v>
      </c>
      <c r="GH26" s="116">
        <v>0</v>
      </c>
      <c r="GI26" s="114">
        <v>0</v>
      </c>
      <c r="GJ26" s="113">
        <v>0</v>
      </c>
      <c r="GK26" s="116">
        <v>16730</v>
      </c>
      <c r="GL26" s="116">
        <v>0</v>
      </c>
      <c r="GM26" s="116">
        <v>0</v>
      </c>
      <c r="GN26" s="116">
        <v>0</v>
      </c>
      <c r="GO26" s="116">
        <v>0</v>
      </c>
      <c r="GP26" s="115">
        <v>16730</v>
      </c>
      <c r="GQ26" s="118">
        <v>16730</v>
      </c>
      <c r="GR26" s="112">
        <v>0</v>
      </c>
      <c r="GS26" s="116">
        <v>0</v>
      </c>
      <c r="GT26" s="115">
        <v>0</v>
      </c>
      <c r="GU26" s="112">
        <v>0</v>
      </c>
      <c r="GV26" s="116">
        <v>0</v>
      </c>
      <c r="GW26" s="116">
        <v>56000</v>
      </c>
      <c r="GX26" s="116">
        <v>23100</v>
      </c>
      <c r="GY26" s="116">
        <v>0</v>
      </c>
      <c r="GZ26" s="116">
        <v>0</v>
      </c>
      <c r="HA26" s="114">
        <v>79100</v>
      </c>
      <c r="HB26" s="118">
        <v>79100</v>
      </c>
      <c r="HC26" s="112">
        <v>177277</v>
      </c>
      <c r="HD26" s="116">
        <v>77208</v>
      </c>
      <c r="HE26" s="114">
        <v>254485</v>
      </c>
      <c r="HF26" s="113">
        <v>0</v>
      </c>
      <c r="HG26" s="116">
        <v>90302</v>
      </c>
      <c r="HH26" s="116">
        <v>424649</v>
      </c>
      <c r="HI26" s="116">
        <v>451503</v>
      </c>
      <c r="HJ26" s="116">
        <v>532192</v>
      </c>
      <c r="HK26" s="116">
        <v>565954</v>
      </c>
      <c r="HL26" s="115">
        <v>2064600</v>
      </c>
      <c r="HM26" s="111">
        <v>2319085</v>
      </c>
      <c r="HN26" s="370"/>
      <c r="HO26" s="371"/>
      <c r="HP26" s="372"/>
      <c r="HQ26" s="373"/>
      <c r="HR26" s="371"/>
      <c r="HS26" s="371"/>
      <c r="HT26" s="371"/>
      <c r="HU26" s="371"/>
      <c r="HV26" s="371"/>
      <c r="HW26" s="374"/>
      <c r="HX26" s="375"/>
      <c r="HY26" s="167">
        <v>0</v>
      </c>
      <c r="HZ26" s="152">
        <v>0</v>
      </c>
      <c r="IA26" s="167">
        <v>0</v>
      </c>
      <c r="IB26" s="151">
        <v>0</v>
      </c>
      <c r="IC26" s="152">
        <v>737970</v>
      </c>
      <c r="ID26" s="153">
        <v>324535</v>
      </c>
      <c r="IE26" s="154">
        <v>452877</v>
      </c>
      <c r="IF26" s="152">
        <v>223230</v>
      </c>
      <c r="IG26" s="154">
        <v>0</v>
      </c>
      <c r="IH26" s="155">
        <v>1738612</v>
      </c>
      <c r="II26" s="167">
        <v>1738612</v>
      </c>
      <c r="IJ26" s="261">
        <v>0</v>
      </c>
      <c r="IK26" s="268">
        <v>0</v>
      </c>
      <c r="IL26" s="269">
        <v>0</v>
      </c>
      <c r="IM26" s="157"/>
      <c r="IN26" s="122">
        <v>0</v>
      </c>
      <c r="IO26" s="122">
        <v>0</v>
      </c>
      <c r="IP26" s="122">
        <v>0</v>
      </c>
      <c r="IQ26" s="122">
        <v>0</v>
      </c>
      <c r="IR26" s="122">
        <v>0</v>
      </c>
      <c r="IS26" s="158">
        <v>0</v>
      </c>
      <c r="IT26" s="357">
        <v>0</v>
      </c>
      <c r="IU26" s="159">
        <v>0</v>
      </c>
      <c r="IV26" s="122">
        <v>0</v>
      </c>
      <c r="IW26" s="123">
        <v>0</v>
      </c>
      <c r="IX26" s="161"/>
      <c r="IY26" s="122">
        <v>0</v>
      </c>
      <c r="IZ26" s="122">
        <v>0</v>
      </c>
      <c r="JA26" s="122">
        <v>0</v>
      </c>
      <c r="JB26" s="122">
        <v>0</v>
      </c>
      <c r="JC26" s="122">
        <v>0</v>
      </c>
      <c r="JD26" s="123">
        <v>0</v>
      </c>
      <c r="JE26" s="124">
        <v>0</v>
      </c>
      <c r="JF26" s="159">
        <v>0</v>
      </c>
      <c r="JG26" s="122">
        <v>0</v>
      </c>
      <c r="JH26" s="158">
        <v>0</v>
      </c>
      <c r="JI26" s="121">
        <v>0</v>
      </c>
      <c r="JJ26" s="122">
        <v>359903</v>
      </c>
      <c r="JK26" s="122">
        <v>130710</v>
      </c>
      <c r="JL26" s="122">
        <v>73002</v>
      </c>
      <c r="JM26" s="122">
        <v>19596</v>
      </c>
      <c r="JN26" s="122">
        <v>0</v>
      </c>
      <c r="JO26" s="123">
        <v>583211</v>
      </c>
      <c r="JP26" s="357">
        <v>583211</v>
      </c>
      <c r="JQ26" s="159">
        <v>0</v>
      </c>
      <c r="JR26" s="122">
        <v>0</v>
      </c>
      <c r="JS26" s="158">
        <v>0</v>
      </c>
      <c r="JT26" s="121">
        <v>0</v>
      </c>
      <c r="JU26" s="122">
        <v>0</v>
      </c>
      <c r="JV26" s="122">
        <v>0</v>
      </c>
      <c r="JW26" s="122">
        <v>0</v>
      </c>
      <c r="JX26" s="122">
        <v>0</v>
      </c>
      <c r="JY26" s="122">
        <v>0</v>
      </c>
      <c r="JZ26" s="123">
        <v>0</v>
      </c>
      <c r="KA26" s="357">
        <v>0</v>
      </c>
      <c r="KB26" s="264">
        <v>0</v>
      </c>
      <c r="KC26" s="258">
        <v>0</v>
      </c>
      <c r="KD26" s="123">
        <v>0</v>
      </c>
      <c r="KE26" s="121">
        <v>0</v>
      </c>
      <c r="KF26" s="122">
        <v>0</v>
      </c>
      <c r="KG26" s="122">
        <v>0</v>
      </c>
      <c r="KH26" s="122">
        <v>379875</v>
      </c>
      <c r="KI26" s="122">
        <v>0</v>
      </c>
      <c r="KJ26" s="122">
        <v>0</v>
      </c>
      <c r="KK26" s="123">
        <v>379875</v>
      </c>
      <c r="KL26" s="160">
        <v>379875</v>
      </c>
      <c r="KM26" s="261">
        <v>0</v>
      </c>
      <c r="KN26" s="268">
        <v>0</v>
      </c>
      <c r="KO26" s="269">
        <v>0</v>
      </c>
      <c r="KP26" s="157"/>
      <c r="KQ26" s="122">
        <v>378067</v>
      </c>
      <c r="KR26" s="122">
        <v>193825</v>
      </c>
      <c r="KS26" s="122">
        <v>0</v>
      </c>
      <c r="KT26" s="122">
        <v>203634</v>
      </c>
      <c r="KU26" s="122">
        <v>0</v>
      </c>
      <c r="KV26" s="123">
        <v>775526</v>
      </c>
      <c r="KW26" s="357">
        <v>775526</v>
      </c>
      <c r="KX26" s="159">
        <v>0</v>
      </c>
      <c r="KY26" s="122">
        <v>0</v>
      </c>
      <c r="KZ26" s="123">
        <v>0</v>
      </c>
      <c r="LA26" s="162"/>
      <c r="LB26" s="122">
        <v>0</v>
      </c>
      <c r="LC26" s="122">
        <v>0</v>
      </c>
      <c r="LD26" s="122">
        <v>0</v>
      </c>
      <c r="LE26" s="122">
        <v>0</v>
      </c>
      <c r="LF26" s="122">
        <v>0</v>
      </c>
      <c r="LG26" s="123">
        <v>0</v>
      </c>
      <c r="LH26" s="124">
        <v>0</v>
      </c>
      <c r="LI26" s="159">
        <v>0</v>
      </c>
      <c r="LJ26" s="122">
        <v>0</v>
      </c>
      <c r="LK26" s="123">
        <v>0</v>
      </c>
      <c r="LL26" s="162"/>
      <c r="LM26" s="122">
        <v>0</v>
      </c>
      <c r="LN26" s="122">
        <v>0</v>
      </c>
      <c r="LO26" s="122">
        <v>0</v>
      </c>
      <c r="LP26" s="122">
        <v>0</v>
      </c>
      <c r="LQ26" s="122">
        <v>0</v>
      </c>
      <c r="LR26" s="123">
        <v>0</v>
      </c>
      <c r="LS26" s="357">
        <v>0</v>
      </c>
      <c r="LT26" s="159">
        <v>0</v>
      </c>
      <c r="LU26" s="122">
        <v>0</v>
      </c>
      <c r="LV26" s="123">
        <v>0</v>
      </c>
      <c r="LW26" s="162"/>
      <c r="LX26" s="122">
        <v>0</v>
      </c>
      <c r="LY26" s="122">
        <v>0</v>
      </c>
      <c r="LZ26" s="122">
        <v>0</v>
      </c>
      <c r="MA26" s="122">
        <v>0</v>
      </c>
      <c r="MB26" s="122">
        <v>0</v>
      </c>
      <c r="MC26" s="123">
        <v>0</v>
      </c>
      <c r="MD26" s="124">
        <v>0</v>
      </c>
      <c r="ME26" s="159">
        <v>0</v>
      </c>
      <c r="MF26" s="122">
        <v>0</v>
      </c>
      <c r="MG26" s="123">
        <v>0</v>
      </c>
      <c r="MH26" s="162"/>
      <c r="MI26" s="122">
        <v>0</v>
      </c>
      <c r="MJ26" s="122">
        <v>675165</v>
      </c>
      <c r="MK26" s="122">
        <v>1098682</v>
      </c>
      <c r="ML26" s="122">
        <v>1743276</v>
      </c>
      <c r="MM26" s="122">
        <v>674105</v>
      </c>
      <c r="MN26" s="123">
        <v>4191228</v>
      </c>
      <c r="MO26" s="160">
        <v>4191228</v>
      </c>
      <c r="MP26" s="159">
        <v>0</v>
      </c>
      <c r="MQ26" s="122">
        <v>0</v>
      </c>
      <c r="MR26" s="123">
        <v>0</v>
      </c>
      <c r="MS26" s="162"/>
      <c r="MT26" s="122">
        <v>0</v>
      </c>
      <c r="MU26" s="122">
        <v>0</v>
      </c>
      <c r="MV26" s="122">
        <v>570418</v>
      </c>
      <c r="MW26" s="122">
        <v>807932</v>
      </c>
      <c r="MX26" s="122">
        <v>436675</v>
      </c>
      <c r="MY26" s="123">
        <v>1815025</v>
      </c>
      <c r="MZ26" s="160">
        <v>1815025</v>
      </c>
      <c r="NA26" s="159">
        <v>0</v>
      </c>
      <c r="NB26" s="122">
        <v>0</v>
      </c>
      <c r="NC26" s="123">
        <v>0</v>
      </c>
      <c r="ND26" s="162"/>
      <c r="NE26" s="122">
        <v>0</v>
      </c>
      <c r="NF26" s="122">
        <v>675165</v>
      </c>
      <c r="NG26" s="122">
        <v>528264</v>
      </c>
      <c r="NH26" s="122">
        <v>935344</v>
      </c>
      <c r="NI26" s="122">
        <v>237430</v>
      </c>
      <c r="NJ26" s="123">
        <v>2376203</v>
      </c>
      <c r="NK26" s="357">
        <v>2376203</v>
      </c>
      <c r="NL26" s="159">
        <v>0</v>
      </c>
      <c r="NM26" s="122">
        <v>0</v>
      </c>
      <c r="NN26" s="123">
        <v>0</v>
      </c>
      <c r="NO26" s="162"/>
      <c r="NP26" s="122">
        <v>0</v>
      </c>
      <c r="NQ26" s="122">
        <v>0</v>
      </c>
      <c r="NR26" s="122">
        <v>0</v>
      </c>
      <c r="NS26" s="122">
        <v>0</v>
      </c>
      <c r="NT26" s="122">
        <v>0</v>
      </c>
      <c r="NU26" s="123">
        <v>0</v>
      </c>
      <c r="NV26" s="124">
        <v>0</v>
      </c>
      <c r="NW26" s="159">
        <v>0</v>
      </c>
      <c r="NX26" s="122">
        <v>0</v>
      </c>
      <c r="NY26" s="123">
        <v>0</v>
      </c>
      <c r="NZ26" s="162"/>
      <c r="OA26" s="122">
        <v>0</v>
      </c>
      <c r="OB26" s="122">
        <v>0</v>
      </c>
      <c r="OC26" s="122">
        <v>0</v>
      </c>
      <c r="OD26" s="122">
        <v>0</v>
      </c>
      <c r="OE26" s="122">
        <v>0</v>
      </c>
      <c r="OF26" s="123">
        <v>0</v>
      </c>
      <c r="OG26" s="124">
        <v>0</v>
      </c>
      <c r="OH26" s="159">
        <v>404821</v>
      </c>
      <c r="OI26" s="122">
        <v>184207</v>
      </c>
      <c r="OJ26" s="158">
        <v>589028</v>
      </c>
      <c r="OK26" s="121">
        <v>0</v>
      </c>
      <c r="OL26" s="122">
        <v>2372415</v>
      </c>
      <c r="OM26" s="122">
        <v>3571996</v>
      </c>
      <c r="ON26" s="122">
        <v>3281943</v>
      </c>
      <c r="OO26" s="122">
        <v>3464612</v>
      </c>
      <c r="OP26" s="122">
        <v>1811203</v>
      </c>
      <c r="OQ26" s="123">
        <v>14502169</v>
      </c>
      <c r="OR26" s="160">
        <v>15091197</v>
      </c>
    </row>
    <row r="27" spans="1:408" ht="20.25" customHeight="1" x14ac:dyDescent="0.2">
      <c r="A27" s="129" t="s">
        <v>22</v>
      </c>
      <c r="B27" s="112">
        <v>11774</v>
      </c>
      <c r="C27" s="116">
        <v>118587</v>
      </c>
      <c r="D27" s="115">
        <v>130361</v>
      </c>
      <c r="E27" s="111">
        <v>0</v>
      </c>
      <c r="F27" s="116">
        <v>639191</v>
      </c>
      <c r="G27" s="116">
        <v>977679</v>
      </c>
      <c r="H27" s="116">
        <v>401993</v>
      </c>
      <c r="I27" s="116">
        <v>2018075</v>
      </c>
      <c r="J27" s="116">
        <v>1367822</v>
      </c>
      <c r="K27" s="200">
        <v>5404760</v>
      </c>
      <c r="L27" s="118">
        <v>5535121</v>
      </c>
      <c r="M27" s="112">
        <v>6384</v>
      </c>
      <c r="N27" s="116">
        <v>23373</v>
      </c>
      <c r="O27" s="115">
        <v>29757</v>
      </c>
      <c r="P27" s="112">
        <v>0</v>
      </c>
      <c r="Q27" s="116">
        <v>230760</v>
      </c>
      <c r="R27" s="116">
        <v>295684</v>
      </c>
      <c r="S27" s="116">
        <v>193046</v>
      </c>
      <c r="T27" s="116">
        <v>669678</v>
      </c>
      <c r="U27" s="116">
        <v>753203</v>
      </c>
      <c r="V27" s="115">
        <v>2142371</v>
      </c>
      <c r="W27" s="118">
        <v>2172128</v>
      </c>
      <c r="X27" s="112">
        <v>0</v>
      </c>
      <c r="Y27" s="116">
        <v>0</v>
      </c>
      <c r="Z27" s="115">
        <v>0</v>
      </c>
      <c r="AA27" s="112">
        <v>0</v>
      </c>
      <c r="AB27" s="116">
        <v>75255</v>
      </c>
      <c r="AC27" s="116">
        <v>9926</v>
      </c>
      <c r="AD27" s="116">
        <v>153608</v>
      </c>
      <c r="AE27" s="116">
        <v>363845</v>
      </c>
      <c r="AF27" s="116">
        <v>261513</v>
      </c>
      <c r="AG27" s="115">
        <v>864147</v>
      </c>
      <c r="AH27" s="118">
        <v>864147</v>
      </c>
      <c r="AI27" s="112">
        <v>0</v>
      </c>
      <c r="AJ27" s="116">
        <v>0</v>
      </c>
      <c r="AK27" s="115">
        <v>0</v>
      </c>
      <c r="AL27" s="112">
        <v>0</v>
      </c>
      <c r="AM27" s="116">
        <v>0</v>
      </c>
      <c r="AN27" s="116">
        <v>0</v>
      </c>
      <c r="AO27" s="116">
        <v>0</v>
      </c>
      <c r="AP27" s="116">
        <v>66248</v>
      </c>
      <c r="AQ27" s="116">
        <v>262237</v>
      </c>
      <c r="AR27" s="115">
        <v>328485</v>
      </c>
      <c r="AS27" s="118">
        <v>328485</v>
      </c>
      <c r="AT27" s="112">
        <v>6384</v>
      </c>
      <c r="AU27" s="116">
        <v>16786</v>
      </c>
      <c r="AV27" s="115">
        <v>23170</v>
      </c>
      <c r="AW27" s="112">
        <v>0</v>
      </c>
      <c r="AX27" s="116">
        <v>90034</v>
      </c>
      <c r="AY27" s="116">
        <v>264786</v>
      </c>
      <c r="AZ27" s="116">
        <v>0</v>
      </c>
      <c r="BA27" s="116">
        <v>160030</v>
      </c>
      <c r="BB27" s="116">
        <v>213115</v>
      </c>
      <c r="BC27" s="115">
        <v>727965</v>
      </c>
      <c r="BD27" s="118">
        <v>751135</v>
      </c>
      <c r="BE27" s="112">
        <v>0</v>
      </c>
      <c r="BF27" s="116">
        <v>0</v>
      </c>
      <c r="BG27" s="114">
        <v>0</v>
      </c>
      <c r="BH27" s="113">
        <v>0</v>
      </c>
      <c r="BI27" s="116">
        <v>26768</v>
      </c>
      <c r="BJ27" s="116">
        <v>0</v>
      </c>
      <c r="BK27" s="116">
        <v>0</v>
      </c>
      <c r="BL27" s="116">
        <v>0</v>
      </c>
      <c r="BM27" s="116">
        <v>0</v>
      </c>
      <c r="BN27" s="115">
        <v>26768</v>
      </c>
      <c r="BO27" s="118">
        <v>26768</v>
      </c>
      <c r="BP27" s="112">
        <v>0</v>
      </c>
      <c r="BQ27" s="116">
        <v>6587</v>
      </c>
      <c r="BR27" s="115">
        <v>6587</v>
      </c>
      <c r="BS27" s="112">
        <v>0</v>
      </c>
      <c r="BT27" s="116">
        <v>38703</v>
      </c>
      <c r="BU27" s="116">
        <v>20972</v>
      </c>
      <c r="BV27" s="116">
        <v>39438</v>
      </c>
      <c r="BW27" s="116">
        <v>79555</v>
      </c>
      <c r="BX27" s="116">
        <v>16338</v>
      </c>
      <c r="BY27" s="115">
        <v>195006</v>
      </c>
      <c r="BZ27" s="118">
        <v>201593</v>
      </c>
      <c r="CA27" s="112">
        <v>0</v>
      </c>
      <c r="CB27" s="116">
        <v>0</v>
      </c>
      <c r="CC27" s="115">
        <v>0</v>
      </c>
      <c r="CD27" s="112">
        <v>0</v>
      </c>
      <c r="CE27" s="116">
        <v>261186</v>
      </c>
      <c r="CF27" s="116">
        <v>268232</v>
      </c>
      <c r="CG27" s="116">
        <v>7487</v>
      </c>
      <c r="CH27" s="116">
        <v>392057</v>
      </c>
      <c r="CI27" s="116">
        <v>208348</v>
      </c>
      <c r="CJ27" s="115">
        <v>1137310</v>
      </c>
      <c r="CK27" s="118">
        <v>1137310</v>
      </c>
      <c r="CL27" s="112">
        <v>0</v>
      </c>
      <c r="CM27" s="116">
        <v>0</v>
      </c>
      <c r="CN27" s="115">
        <v>0</v>
      </c>
      <c r="CO27" s="113">
        <v>0</v>
      </c>
      <c r="CP27" s="116">
        <v>261186</v>
      </c>
      <c r="CQ27" s="116">
        <v>261151</v>
      </c>
      <c r="CR27" s="116">
        <v>0</v>
      </c>
      <c r="CS27" s="116">
        <v>317199</v>
      </c>
      <c r="CT27" s="116">
        <v>208348</v>
      </c>
      <c r="CU27" s="115">
        <v>1047884</v>
      </c>
      <c r="CV27" s="118">
        <v>1047884</v>
      </c>
      <c r="CW27" s="112">
        <v>0</v>
      </c>
      <c r="CX27" s="116">
        <v>0</v>
      </c>
      <c r="CY27" s="115">
        <v>0</v>
      </c>
      <c r="CZ27" s="112">
        <v>0</v>
      </c>
      <c r="DA27" s="116">
        <v>0</v>
      </c>
      <c r="DB27" s="116">
        <v>7081</v>
      </c>
      <c r="DC27" s="116">
        <v>7487</v>
      </c>
      <c r="DD27" s="116">
        <v>74858</v>
      </c>
      <c r="DE27" s="116">
        <v>0</v>
      </c>
      <c r="DF27" s="115">
        <v>89426</v>
      </c>
      <c r="DG27" s="118">
        <v>89426</v>
      </c>
      <c r="DH27" s="112">
        <v>0</v>
      </c>
      <c r="DI27" s="116">
        <v>0</v>
      </c>
      <c r="DJ27" s="114">
        <v>0</v>
      </c>
      <c r="DK27" s="113">
        <v>0</v>
      </c>
      <c r="DL27" s="116">
        <v>0</v>
      </c>
      <c r="DM27" s="116">
        <v>169134</v>
      </c>
      <c r="DN27" s="116">
        <v>0</v>
      </c>
      <c r="DO27" s="116">
        <v>0</v>
      </c>
      <c r="DP27" s="116">
        <v>140728</v>
      </c>
      <c r="DQ27" s="115">
        <v>309862</v>
      </c>
      <c r="DR27" s="118">
        <v>309862</v>
      </c>
      <c r="DS27" s="112">
        <v>0</v>
      </c>
      <c r="DT27" s="116">
        <v>0</v>
      </c>
      <c r="DU27" s="115">
        <v>0</v>
      </c>
      <c r="DV27" s="112">
        <v>0</v>
      </c>
      <c r="DW27" s="116">
        <v>0</v>
      </c>
      <c r="DX27" s="116">
        <v>0</v>
      </c>
      <c r="DY27" s="116">
        <v>0</v>
      </c>
      <c r="DZ27" s="116">
        <v>0</v>
      </c>
      <c r="EA27" s="116">
        <v>140728</v>
      </c>
      <c r="EB27" s="115">
        <v>140728</v>
      </c>
      <c r="EC27" s="118">
        <v>140728</v>
      </c>
      <c r="ED27" s="112">
        <v>0</v>
      </c>
      <c r="EE27" s="114">
        <v>0</v>
      </c>
      <c r="EF27" s="115">
        <v>0</v>
      </c>
      <c r="EG27" s="112">
        <v>0</v>
      </c>
      <c r="EH27" s="116">
        <v>0</v>
      </c>
      <c r="EI27" s="116">
        <v>169134</v>
      </c>
      <c r="EJ27" s="116">
        <v>0</v>
      </c>
      <c r="EK27" s="116">
        <v>0</v>
      </c>
      <c r="EL27" s="116">
        <v>0</v>
      </c>
      <c r="EM27" s="114">
        <v>169134</v>
      </c>
      <c r="EN27" s="118">
        <v>169134</v>
      </c>
      <c r="EO27" s="112">
        <v>0</v>
      </c>
      <c r="EP27" s="116">
        <v>0</v>
      </c>
      <c r="EQ27" s="114">
        <v>0</v>
      </c>
      <c r="ER27" s="113">
        <v>0</v>
      </c>
      <c r="ES27" s="116">
        <v>0</v>
      </c>
      <c r="ET27" s="116">
        <v>0</v>
      </c>
      <c r="EU27" s="116">
        <v>0</v>
      </c>
      <c r="EV27" s="116">
        <v>0</v>
      </c>
      <c r="EW27" s="116">
        <v>0</v>
      </c>
      <c r="EX27" s="115">
        <v>0</v>
      </c>
      <c r="EY27" s="118">
        <v>0</v>
      </c>
      <c r="EZ27" s="112">
        <v>0</v>
      </c>
      <c r="FA27" s="116">
        <v>0</v>
      </c>
      <c r="FB27" s="114">
        <v>0</v>
      </c>
      <c r="FC27" s="390"/>
      <c r="FD27" s="116">
        <v>0</v>
      </c>
      <c r="FE27" s="116">
        <v>0</v>
      </c>
      <c r="FF27" s="116">
        <v>0</v>
      </c>
      <c r="FG27" s="116">
        <v>0</v>
      </c>
      <c r="FH27" s="116">
        <v>0</v>
      </c>
      <c r="FI27" s="115">
        <v>0</v>
      </c>
      <c r="FJ27" s="118">
        <v>0</v>
      </c>
      <c r="FK27" s="112">
        <v>5390</v>
      </c>
      <c r="FL27" s="116">
        <v>26096</v>
      </c>
      <c r="FM27" s="115">
        <v>31486</v>
      </c>
      <c r="FN27" s="112">
        <v>0</v>
      </c>
      <c r="FO27" s="116">
        <v>27307</v>
      </c>
      <c r="FP27" s="116">
        <v>111076</v>
      </c>
      <c r="FQ27" s="116">
        <v>38731</v>
      </c>
      <c r="FR27" s="116">
        <v>132650</v>
      </c>
      <c r="FS27" s="116">
        <v>80248</v>
      </c>
      <c r="FT27" s="115">
        <v>390012</v>
      </c>
      <c r="FU27" s="118">
        <v>421498</v>
      </c>
      <c r="FV27" s="117">
        <v>5390</v>
      </c>
      <c r="FW27" s="116">
        <v>26096</v>
      </c>
      <c r="FX27" s="114">
        <v>31486</v>
      </c>
      <c r="FY27" s="113">
        <v>0</v>
      </c>
      <c r="FZ27" s="116">
        <v>27307</v>
      </c>
      <c r="GA27" s="116">
        <v>111076</v>
      </c>
      <c r="GB27" s="116">
        <v>38731</v>
      </c>
      <c r="GC27" s="116">
        <v>132650</v>
      </c>
      <c r="GD27" s="116">
        <v>80248</v>
      </c>
      <c r="GE27" s="115">
        <v>390012</v>
      </c>
      <c r="GF27" s="354">
        <v>421498</v>
      </c>
      <c r="GG27" s="117">
        <v>0</v>
      </c>
      <c r="GH27" s="116">
        <v>0</v>
      </c>
      <c r="GI27" s="114">
        <v>0</v>
      </c>
      <c r="GJ27" s="113">
        <v>0</v>
      </c>
      <c r="GK27" s="116">
        <v>0</v>
      </c>
      <c r="GL27" s="116">
        <v>0</v>
      </c>
      <c r="GM27" s="116">
        <v>0</v>
      </c>
      <c r="GN27" s="116">
        <v>0</v>
      </c>
      <c r="GO27" s="116">
        <v>0</v>
      </c>
      <c r="GP27" s="115">
        <v>0</v>
      </c>
      <c r="GQ27" s="118">
        <v>0</v>
      </c>
      <c r="GR27" s="112">
        <v>0</v>
      </c>
      <c r="GS27" s="116">
        <v>0</v>
      </c>
      <c r="GT27" s="115">
        <v>0</v>
      </c>
      <c r="GU27" s="112">
        <v>0</v>
      </c>
      <c r="GV27" s="116">
        <v>0</v>
      </c>
      <c r="GW27" s="116">
        <v>0</v>
      </c>
      <c r="GX27" s="116">
        <v>0</v>
      </c>
      <c r="GY27" s="116">
        <v>0</v>
      </c>
      <c r="GZ27" s="116">
        <v>0</v>
      </c>
      <c r="HA27" s="114">
        <v>0</v>
      </c>
      <c r="HB27" s="118">
        <v>0</v>
      </c>
      <c r="HC27" s="112">
        <v>0</v>
      </c>
      <c r="HD27" s="116">
        <v>69118</v>
      </c>
      <c r="HE27" s="114">
        <v>69118</v>
      </c>
      <c r="HF27" s="113">
        <v>0</v>
      </c>
      <c r="HG27" s="116">
        <v>119938</v>
      </c>
      <c r="HH27" s="116">
        <v>133553</v>
      </c>
      <c r="HI27" s="116">
        <v>162729</v>
      </c>
      <c r="HJ27" s="116">
        <v>823690</v>
      </c>
      <c r="HK27" s="116">
        <v>185295</v>
      </c>
      <c r="HL27" s="115">
        <v>1425205</v>
      </c>
      <c r="HM27" s="111">
        <v>1494323</v>
      </c>
      <c r="HN27" s="370"/>
      <c r="HO27" s="371"/>
      <c r="HP27" s="372"/>
      <c r="HQ27" s="373"/>
      <c r="HR27" s="371"/>
      <c r="HS27" s="371"/>
      <c r="HT27" s="371"/>
      <c r="HU27" s="371"/>
      <c r="HV27" s="371"/>
      <c r="HW27" s="374"/>
      <c r="HX27" s="375"/>
      <c r="HY27" s="148">
        <v>34923</v>
      </c>
      <c r="HZ27" s="149">
        <v>0</v>
      </c>
      <c r="IA27" s="150">
        <v>34923</v>
      </c>
      <c r="IB27" s="163">
        <v>0</v>
      </c>
      <c r="IC27" s="149">
        <v>380471</v>
      </c>
      <c r="ID27" s="164">
        <v>210756</v>
      </c>
      <c r="IE27" s="150">
        <v>252357</v>
      </c>
      <c r="IF27" s="149">
        <v>439807</v>
      </c>
      <c r="IG27" s="150">
        <v>202573</v>
      </c>
      <c r="IH27" s="165">
        <v>1485964</v>
      </c>
      <c r="II27" s="156">
        <v>1520887</v>
      </c>
      <c r="IJ27" s="261">
        <v>0</v>
      </c>
      <c r="IK27" s="268">
        <v>0</v>
      </c>
      <c r="IL27" s="269">
        <v>0</v>
      </c>
      <c r="IM27" s="157"/>
      <c r="IN27" s="122">
        <v>154154</v>
      </c>
      <c r="IO27" s="122">
        <v>182693</v>
      </c>
      <c r="IP27" s="122">
        <v>0</v>
      </c>
      <c r="IQ27" s="122">
        <v>0</v>
      </c>
      <c r="IR27" s="122">
        <v>0</v>
      </c>
      <c r="IS27" s="158">
        <v>336847</v>
      </c>
      <c r="IT27" s="357">
        <v>336847</v>
      </c>
      <c r="IU27" s="159">
        <v>0</v>
      </c>
      <c r="IV27" s="122">
        <v>0</v>
      </c>
      <c r="IW27" s="123">
        <v>0</v>
      </c>
      <c r="IX27" s="161"/>
      <c r="IY27" s="122">
        <v>0</v>
      </c>
      <c r="IZ27" s="122">
        <v>0</v>
      </c>
      <c r="JA27" s="122">
        <v>0</v>
      </c>
      <c r="JB27" s="122">
        <v>0</v>
      </c>
      <c r="JC27" s="122">
        <v>0</v>
      </c>
      <c r="JD27" s="123">
        <v>0</v>
      </c>
      <c r="JE27" s="124">
        <v>0</v>
      </c>
      <c r="JF27" s="159">
        <v>0</v>
      </c>
      <c r="JG27" s="122">
        <v>0</v>
      </c>
      <c r="JH27" s="158">
        <v>0</v>
      </c>
      <c r="JI27" s="121">
        <v>0</v>
      </c>
      <c r="JJ27" s="122">
        <v>226317</v>
      </c>
      <c r="JK27" s="122">
        <v>28063</v>
      </c>
      <c r="JL27" s="122">
        <v>0</v>
      </c>
      <c r="JM27" s="122">
        <v>33114</v>
      </c>
      <c r="JN27" s="122">
        <v>0</v>
      </c>
      <c r="JO27" s="123">
        <v>287494</v>
      </c>
      <c r="JP27" s="357">
        <v>287494</v>
      </c>
      <c r="JQ27" s="159">
        <v>0</v>
      </c>
      <c r="JR27" s="122">
        <v>0</v>
      </c>
      <c r="JS27" s="158">
        <v>0</v>
      </c>
      <c r="JT27" s="121">
        <v>0</v>
      </c>
      <c r="JU27" s="122">
        <v>0</v>
      </c>
      <c r="JV27" s="122">
        <v>0</v>
      </c>
      <c r="JW27" s="122">
        <v>62874</v>
      </c>
      <c r="JX27" s="122">
        <v>0</v>
      </c>
      <c r="JY27" s="122">
        <v>0</v>
      </c>
      <c r="JZ27" s="123">
        <v>62874</v>
      </c>
      <c r="KA27" s="357">
        <v>62874</v>
      </c>
      <c r="KB27" s="264">
        <v>34923</v>
      </c>
      <c r="KC27" s="258">
        <v>0</v>
      </c>
      <c r="KD27" s="123">
        <v>34923</v>
      </c>
      <c r="KE27" s="121">
        <v>0</v>
      </c>
      <c r="KF27" s="122">
        <v>0</v>
      </c>
      <c r="KG27" s="122">
        <v>0</v>
      </c>
      <c r="KH27" s="122">
        <v>0</v>
      </c>
      <c r="KI27" s="122">
        <v>0</v>
      </c>
      <c r="KJ27" s="122">
        <v>0</v>
      </c>
      <c r="KK27" s="123">
        <v>0</v>
      </c>
      <c r="KL27" s="160">
        <v>34923</v>
      </c>
      <c r="KM27" s="261">
        <v>0</v>
      </c>
      <c r="KN27" s="268">
        <v>0</v>
      </c>
      <c r="KO27" s="269">
        <v>0</v>
      </c>
      <c r="KP27" s="157"/>
      <c r="KQ27" s="122">
        <v>0</v>
      </c>
      <c r="KR27" s="122">
        <v>0</v>
      </c>
      <c r="KS27" s="122">
        <v>189483</v>
      </c>
      <c r="KT27" s="122">
        <v>201033</v>
      </c>
      <c r="KU27" s="122">
        <v>202573</v>
      </c>
      <c r="KV27" s="123">
        <v>593089</v>
      </c>
      <c r="KW27" s="357">
        <v>593089</v>
      </c>
      <c r="KX27" s="159">
        <v>0</v>
      </c>
      <c r="KY27" s="122">
        <v>0</v>
      </c>
      <c r="KZ27" s="123">
        <v>0</v>
      </c>
      <c r="LA27" s="162"/>
      <c r="LB27" s="122">
        <v>0</v>
      </c>
      <c r="LC27" s="122">
        <v>0</v>
      </c>
      <c r="LD27" s="122">
        <v>0</v>
      </c>
      <c r="LE27" s="122">
        <v>0</v>
      </c>
      <c r="LF27" s="122">
        <v>0</v>
      </c>
      <c r="LG27" s="123">
        <v>0</v>
      </c>
      <c r="LH27" s="124">
        <v>0</v>
      </c>
      <c r="LI27" s="159">
        <v>0</v>
      </c>
      <c r="LJ27" s="122">
        <v>0</v>
      </c>
      <c r="LK27" s="123">
        <v>0</v>
      </c>
      <c r="LL27" s="162"/>
      <c r="LM27" s="122">
        <v>0</v>
      </c>
      <c r="LN27" s="122">
        <v>0</v>
      </c>
      <c r="LO27" s="122">
        <v>0</v>
      </c>
      <c r="LP27" s="122">
        <v>205660</v>
      </c>
      <c r="LQ27" s="122">
        <v>0</v>
      </c>
      <c r="LR27" s="123">
        <v>205660</v>
      </c>
      <c r="LS27" s="357">
        <v>205660</v>
      </c>
      <c r="LT27" s="159">
        <v>0</v>
      </c>
      <c r="LU27" s="122">
        <v>0</v>
      </c>
      <c r="LV27" s="123">
        <v>0</v>
      </c>
      <c r="LW27" s="162"/>
      <c r="LX27" s="122">
        <v>0</v>
      </c>
      <c r="LY27" s="122">
        <v>0</v>
      </c>
      <c r="LZ27" s="122">
        <v>0</v>
      </c>
      <c r="MA27" s="122">
        <v>0</v>
      </c>
      <c r="MB27" s="122">
        <v>0</v>
      </c>
      <c r="MC27" s="123">
        <v>0</v>
      </c>
      <c r="MD27" s="124">
        <v>0</v>
      </c>
      <c r="ME27" s="159">
        <v>0</v>
      </c>
      <c r="MF27" s="122">
        <v>0</v>
      </c>
      <c r="MG27" s="123">
        <v>0</v>
      </c>
      <c r="MH27" s="162"/>
      <c r="MI27" s="122">
        <v>175403</v>
      </c>
      <c r="MJ27" s="122">
        <v>66573</v>
      </c>
      <c r="MK27" s="122">
        <v>476555</v>
      </c>
      <c r="ML27" s="122">
        <v>259931</v>
      </c>
      <c r="MM27" s="122">
        <v>0</v>
      </c>
      <c r="MN27" s="123">
        <v>978462</v>
      </c>
      <c r="MO27" s="160">
        <v>978462</v>
      </c>
      <c r="MP27" s="159">
        <v>0</v>
      </c>
      <c r="MQ27" s="122">
        <v>0</v>
      </c>
      <c r="MR27" s="123">
        <v>0</v>
      </c>
      <c r="MS27" s="162"/>
      <c r="MT27" s="122">
        <v>0</v>
      </c>
      <c r="MU27" s="122">
        <v>0</v>
      </c>
      <c r="MV27" s="122">
        <v>0</v>
      </c>
      <c r="MW27" s="122">
        <v>0</v>
      </c>
      <c r="MX27" s="122">
        <v>0</v>
      </c>
      <c r="MY27" s="123">
        <v>0</v>
      </c>
      <c r="MZ27" s="160">
        <v>0</v>
      </c>
      <c r="NA27" s="159">
        <v>0</v>
      </c>
      <c r="NB27" s="122">
        <v>0</v>
      </c>
      <c r="NC27" s="123">
        <v>0</v>
      </c>
      <c r="ND27" s="162"/>
      <c r="NE27" s="122">
        <v>175403</v>
      </c>
      <c r="NF27" s="122">
        <v>66573</v>
      </c>
      <c r="NG27" s="122">
        <v>476555</v>
      </c>
      <c r="NH27" s="122">
        <v>259931</v>
      </c>
      <c r="NI27" s="122">
        <v>0</v>
      </c>
      <c r="NJ27" s="123">
        <v>978462</v>
      </c>
      <c r="NK27" s="357">
        <v>978462</v>
      </c>
      <c r="NL27" s="159">
        <v>0</v>
      </c>
      <c r="NM27" s="122">
        <v>0</v>
      </c>
      <c r="NN27" s="123">
        <v>0</v>
      </c>
      <c r="NO27" s="162"/>
      <c r="NP27" s="122">
        <v>0</v>
      </c>
      <c r="NQ27" s="122">
        <v>0</v>
      </c>
      <c r="NR27" s="122">
        <v>0</v>
      </c>
      <c r="NS27" s="122">
        <v>0</v>
      </c>
      <c r="NT27" s="122">
        <v>0</v>
      </c>
      <c r="NU27" s="123">
        <v>0</v>
      </c>
      <c r="NV27" s="124">
        <v>0</v>
      </c>
      <c r="NW27" s="159">
        <v>0</v>
      </c>
      <c r="NX27" s="122">
        <v>0</v>
      </c>
      <c r="NY27" s="123">
        <v>0</v>
      </c>
      <c r="NZ27" s="162"/>
      <c r="OA27" s="122">
        <v>0</v>
      </c>
      <c r="OB27" s="122">
        <v>0</v>
      </c>
      <c r="OC27" s="122">
        <v>0</v>
      </c>
      <c r="OD27" s="122">
        <v>0</v>
      </c>
      <c r="OE27" s="122">
        <v>0</v>
      </c>
      <c r="OF27" s="123">
        <v>0</v>
      </c>
      <c r="OG27" s="124">
        <v>0</v>
      </c>
      <c r="OH27" s="159">
        <v>46697</v>
      </c>
      <c r="OI27" s="122">
        <v>118587</v>
      </c>
      <c r="OJ27" s="158">
        <v>165284</v>
      </c>
      <c r="OK27" s="121">
        <v>0</v>
      </c>
      <c r="OL27" s="122">
        <v>1195065</v>
      </c>
      <c r="OM27" s="122">
        <v>1255008</v>
      </c>
      <c r="ON27" s="122">
        <v>1130905</v>
      </c>
      <c r="OO27" s="122">
        <v>2717813</v>
      </c>
      <c r="OP27" s="122">
        <v>1570395</v>
      </c>
      <c r="OQ27" s="123">
        <v>7869186</v>
      </c>
      <c r="OR27" s="160">
        <v>8034470</v>
      </c>
    </row>
    <row r="28" spans="1:408" ht="20.25" customHeight="1" x14ac:dyDescent="0.2">
      <c r="A28" s="129" t="s">
        <v>23</v>
      </c>
      <c r="B28" s="112">
        <v>31195</v>
      </c>
      <c r="C28" s="116">
        <v>231814</v>
      </c>
      <c r="D28" s="115">
        <v>263009</v>
      </c>
      <c r="E28" s="111">
        <v>0</v>
      </c>
      <c r="F28" s="116">
        <v>973742</v>
      </c>
      <c r="G28" s="116">
        <v>2549937</v>
      </c>
      <c r="H28" s="116">
        <v>1924210</v>
      </c>
      <c r="I28" s="116">
        <v>2780595</v>
      </c>
      <c r="J28" s="116">
        <v>145425</v>
      </c>
      <c r="K28" s="200">
        <v>8373909</v>
      </c>
      <c r="L28" s="118">
        <v>8636918</v>
      </c>
      <c r="M28" s="112">
        <v>20506</v>
      </c>
      <c r="N28" s="116">
        <v>79798</v>
      </c>
      <c r="O28" s="115">
        <v>100304</v>
      </c>
      <c r="P28" s="112">
        <v>0</v>
      </c>
      <c r="Q28" s="116">
        <v>109040</v>
      </c>
      <c r="R28" s="116">
        <v>565198</v>
      </c>
      <c r="S28" s="116">
        <v>772982</v>
      </c>
      <c r="T28" s="116">
        <v>727165</v>
      </c>
      <c r="U28" s="116">
        <v>99316</v>
      </c>
      <c r="V28" s="115">
        <v>2273701</v>
      </c>
      <c r="W28" s="118">
        <v>2374005</v>
      </c>
      <c r="X28" s="112">
        <v>0</v>
      </c>
      <c r="Y28" s="116">
        <v>0</v>
      </c>
      <c r="Z28" s="115">
        <v>0</v>
      </c>
      <c r="AA28" s="112">
        <v>0</v>
      </c>
      <c r="AB28" s="116">
        <v>26620</v>
      </c>
      <c r="AC28" s="116">
        <v>227624</v>
      </c>
      <c r="AD28" s="116">
        <v>281763</v>
      </c>
      <c r="AE28" s="116">
        <v>154446</v>
      </c>
      <c r="AF28" s="116">
        <v>0</v>
      </c>
      <c r="AG28" s="115">
        <v>690453</v>
      </c>
      <c r="AH28" s="118">
        <v>690453</v>
      </c>
      <c r="AI28" s="112">
        <v>0</v>
      </c>
      <c r="AJ28" s="116">
        <v>0</v>
      </c>
      <c r="AK28" s="115">
        <v>0</v>
      </c>
      <c r="AL28" s="112">
        <v>0</v>
      </c>
      <c r="AM28" s="116">
        <v>0</v>
      </c>
      <c r="AN28" s="116">
        <v>41035</v>
      </c>
      <c r="AO28" s="116">
        <v>70884</v>
      </c>
      <c r="AP28" s="116">
        <v>39936</v>
      </c>
      <c r="AQ28" s="116">
        <v>0</v>
      </c>
      <c r="AR28" s="115">
        <v>151855</v>
      </c>
      <c r="AS28" s="118">
        <v>151855</v>
      </c>
      <c r="AT28" s="112">
        <v>20506</v>
      </c>
      <c r="AU28" s="116">
        <v>41522</v>
      </c>
      <c r="AV28" s="115">
        <v>62028</v>
      </c>
      <c r="AW28" s="112">
        <v>0</v>
      </c>
      <c r="AX28" s="116">
        <v>36766</v>
      </c>
      <c r="AY28" s="116">
        <v>156507</v>
      </c>
      <c r="AZ28" s="116">
        <v>322209</v>
      </c>
      <c r="BA28" s="116">
        <v>369438</v>
      </c>
      <c r="BB28" s="116">
        <v>99316</v>
      </c>
      <c r="BC28" s="115">
        <v>984236</v>
      </c>
      <c r="BD28" s="118">
        <v>1046264</v>
      </c>
      <c r="BE28" s="112">
        <v>0</v>
      </c>
      <c r="BF28" s="116">
        <v>27489</v>
      </c>
      <c r="BG28" s="114">
        <v>27489</v>
      </c>
      <c r="BH28" s="113">
        <v>0</v>
      </c>
      <c r="BI28" s="116">
        <v>0</v>
      </c>
      <c r="BJ28" s="116">
        <v>80679</v>
      </c>
      <c r="BK28" s="116">
        <v>0</v>
      </c>
      <c r="BL28" s="116">
        <v>0</v>
      </c>
      <c r="BM28" s="116">
        <v>0</v>
      </c>
      <c r="BN28" s="115">
        <v>80679</v>
      </c>
      <c r="BO28" s="118">
        <v>108168</v>
      </c>
      <c r="BP28" s="112">
        <v>0</v>
      </c>
      <c r="BQ28" s="116">
        <v>10787</v>
      </c>
      <c r="BR28" s="115">
        <v>10787</v>
      </c>
      <c r="BS28" s="112">
        <v>0</v>
      </c>
      <c r="BT28" s="116">
        <v>45654</v>
      </c>
      <c r="BU28" s="116">
        <v>59353</v>
      </c>
      <c r="BV28" s="116">
        <v>98126</v>
      </c>
      <c r="BW28" s="116">
        <v>163345</v>
      </c>
      <c r="BX28" s="116">
        <v>0</v>
      </c>
      <c r="BY28" s="115">
        <v>366478</v>
      </c>
      <c r="BZ28" s="118">
        <v>377265</v>
      </c>
      <c r="CA28" s="112">
        <v>0</v>
      </c>
      <c r="CB28" s="116">
        <v>0</v>
      </c>
      <c r="CC28" s="115">
        <v>0</v>
      </c>
      <c r="CD28" s="112">
        <v>0</v>
      </c>
      <c r="CE28" s="116">
        <v>306234</v>
      </c>
      <c r="CF28" s="116">
        <v>1158412</v>
      </c>
      <c r="CG28" s="116">
        <v>614021</v>
      </c>
      <c r="CH28" s="116">
        <v>397333</v>
      </c>
      <c r="CI28" s="116">
        <v>0</v>
      </c>
      <c r="CJ28" s="115">
        <v>2476000</v>
      </c>
      <c r="CK28" s="118">
        <v>2476000</v>
      </c>
      <c r="CL28" s="112">
        <v>0</v>
      </c>
      <c r="CM28" s="116">
        <v>0</v>
      </c>
      <c r="CN28" s="115">
        <v>0</v>
      </c>
      <c r="CO28" s="113">
        <v>0</v>
      </c>
      <c r="CP28" s="116">
        <v>292206</v>
      </c>
      <c r="CQ28" s="116">
        <v>930520</v>
      </c>
      <c r="CR28" s="116">
        <v>260101</v>
      </c>
      <c r="CS28" s="116">
        <v>205966</v>
      </c>
      <c r="CT28" s="116">
        <v>0</v>
      </c>
      <c r="CU28" s="115">
        <v>1688793</v>
      </c>
      <c r="CV28" s="118">
        <v>1688793</v>
      </c>
      <c r="CW28" s="112">
        <v>0</v>
      </c>
      <c r="CX28" s="116">
        <v>0</v>
      </c>
      <c r="CY28" s="115">
        <v>0</v>
      </c>
      <c r="CZ28" s="112">
        <v>0</v>
      </c>
      <c r="DA28" s="116">
        <v>14028</v>
      </c>
      <c r="DB28" s="116">
        <v>227892</v>
      </c>
      <c r="DC28" s="116">
        <v>353920</v>
      </c>
      <c r="DD28" s="116">
        <v>191367</v>
      </c>
      <c r="DE28" s="116">
        <v>0</v>
      </c>
      <c r="DF28" s="115">
        <v>787207</v>
      </c>
      <c r="DG28" s="118">
        <v>787207</v>
      </c>
      <c r="DH28" s="112">
        <v>0</v>
      </c>
      <c r="DI28" s="116">
        <v>0</v>
      </c>
      <c r="DJ28" s="114">
        <v>0</v>
      </c>
      <c r="DK28" s="113">
        <v>0</v>
      </c>
      <c r="DL28" s="116">
        <v>0</v>
      </c>
      <c r="DM28" s="116">
        <v>22752</v>
      </c>
      <c r="DN28" s="116">
        <v>69021</v>
      </c>
      <c r="DO28" s="116">
        <v>26260</v>
      </c>
      <c r="DP28" s="116">
        <v>0</v>
      </c>
      <c r="DQ28" s="115">
        <v>118033</v>
      </c>
      <c r="DR28" s="118">
        <v>118033</v>
      </c>
      <c r="DS28" s="112">
        <v>0</v>
      </c>
      <c r="DT28" s="116">
        <v>0</v>
      </c>
      <c r="DU28" s="115">
        <v>0</v>
      </c>
      <c r="DV28" s="112">
        <v>0</v>
      </c>
      <c r="DW28" s="116">
        <v>0</v>
      </c>
      <c r="DX28" s="116">
        <v>22752</v>
      </c>
      <c r="DY28" s="116">
        <v>69021</v>
      </c>
      <c r="DZ28" s="116">
        <v>26260</v>
      </c>
      <c r="EA28" s="116">
        <v>0</v>
      </c>
      <c r="EB28" s="115">
        <v>118033</v>
      </c>
      <c r="EC28" s="118">
        <v>118033</v>
      </c>
      <c r="ED28" s="112">
        <v>0</v>
      </c>
      <c r="EE28" s="114">
        <v>0</v>
      </c>
      <c r="EF28" s="115">
        <v>0</v>
      </c>
      <c r="EG28" s="112">
        <v>0</v>
      </c>
      <c r="EH28" s="116">
        <v>0</v>
      </c>
      <c r="EI28" s="116">
        <v>0</v>
      </c>
      <c r="EJ28" s="116">
        <v>0</v>
      </c>
      <c r="EK28" s="116">
        <v>0</v>
      </c>
      <c r="EL28" s="116">
        <v>0</v>
      </c>
      <c r="EM28" s="114">
        <v>0</v>
      </c>
      <c r="EN28" s="118">
        <v>0</v>
      </c>
      <c r="EO28" s="112">
        <v>0</v>
      </c>
      <c r="EP28" s="116">
        <v>0</v>
      </c>
      <c r="EQ28" s="114">
        <v>0</v>
      </c>
      <c r="ER28" s="113">
        <v>0</v>
      </c>
      <c r="ES28" s="116">
        <v>0</v>
      </c>
      <c r="ET28" s="116">
        <v>0</v>
      </c>
      <c r="EU28" s="116">
        <v>0</v>
      </c>
      <c r="EV28" s="116">
        <v>0</v>
      </c>
      <c r="EW28" s="116">
        <v>0</v>
      </c>
      <c r="EX28" s="115">
        <v>0</v>
      </c>
      <c r="EY28" s="118">
        <v>0</v>
      </c>
      <c r="EZ28" s="112">
        <v>0</v>
      </c>
      <c r="FA28" s="116">
        <v>0</v>
      </c>
      <c r="FB28" s="114">
        <v>0</v>
      </c>
      <c r="FC28" s="390"/>
      <c r="FD28" s="116">
        <v>0</v>
      </c>
      <c r="FE28" s="116">
        <v>0</v>
      </c>
      <c r="FF28" s="116">
        <v>0</v>
      </c>
      <c r="FG28" s="116">
        <v>0</v>
      </c>
      <c r="FH28" s="116">
        <v>0</v>
      </c>
      <c r="FI28" s="115">
        <v>0</v>
      </c>
      <c r="FJ28" s="118">
        <v>0</v>
      </c>
      <c r="FK28" s="112">
        <v>10689</v>
      </c>
      <c r="FL28" s="116">
        <v>81690</v>
      </c>
      <c r="FM28" s="115">
        <v>92379</v>
      </c>
      <c r="FN28" s="112">
        <v>0</v>
      </c>
      <c r="FO28" s="116">
        <v>49858</v>
      </c>
      <c r="FP28" s="116">
        <v>384083</v>
      </c>
      <c r="FQ28" s="116">
        <v>155463</v>
      </c>
      <c r="FR28" s="116">
        <v>139083</v>
      </c>
      <c r="FS28" s="116">
        <v>46109</v>
      </c>
      <c r="FT28" s="115">
        <v>774596</v>
      </c>
      <c r="FU28" s="118">
        <v>866975</v>
      </c>
      <c r="FV28" s="117">
        <v>10689</v>
      </c>
      <c r="FW28" s="116">
        <v>16240</v>
      </c>
      <c r="FX28" s="114">
        <v>26929</v>
      </c>
      <c r="FY28" s="113">
        <v>0</v>
      </c>
      <c r="FZ28" s="116">
        <v>49858</v>
      </c>
      <c r="GA28" s="116">
        <v>264348</v>
      </c>
      <c r="GB28" s="116">
        <v>135163</v>
      </c>
      <c r="GC28" s="116">
        <v>139083</v>
      </c>
      <c r="GD28" s="116">
        <v>46109</v>
      </c>
      <c r="GE28" s="115">
        <v>634561</v>
      </c>
      <c r="GF28" s="354">
        <v>661490</v>
      </c>
      <c r="GG28" s="117">
        <v>0</v>
      </c>
      <c r="GH28" s="116">
        <v>10150</v>
      </c>
      <c r="GI28" s="114">
        <v>10150</v>
      </c>
      <c r="GJ28" s="113">
        <v>0</v>
      </c>
      <c r="GK28" s="116">
        <v>0</v>
      </c>
      <c r="GL28" s="116">
        <v>35035</v>
      </c>
      <c r="GM28" s="116">
        <v>20300</v>
      </c>
      <c r="GN28" s="116">
        <v>0</v>
      </c>
      <c r="GO28" s="116">
        <v>0</v>
      </c>
      <c r="GP28" s="115">
        <v>55335</v>
      </c>
      <c r="GQ28" s="118">
        <v>65485</v>
      </c>
      <c r="GR28" s="112">
        <v>0</v>
      </c>
      <c r="GS28" s="116">
        <v>55300</v>
      </c>
      <c r="GT28" s="115">
        <v>55300</v>
      </c>
      <c r="GU28" s="112">
        <v>0</v>
      </c>
      <c r="GV28" s="116">
        <v>0</v>
      </c>
      <c r="GW28" s="116">
        <v>84700</v>
      </c>
      <c r="GX28" s="116">
        <v>0</v>
      </c>
      <c r="GY28" s="116">
        <v>0</v>
      </c>
      <c r="GZ28" s="116">
        <v>0</v>
      </c>
      <c r="HA28" s="114">
        <v>84700</v>
      </c>
      <c r="HB28" s="118">
        <v>140000</v>
      </c>
      <c r="HC28" s="112">
        <v>0</v>
      </c>
      <c r="HD28" s="116">
        <v>70326</v>
      </c>
      <c r="HE28" s="114">
        <v>70326</v>
      </c>
      <c r="HF28" s="113">
        <v>0</v>
      </c>
      <c r="HG28" s="116">
        <v>508610</v>
      </c>
      <c r="HH28" s="116">
        <v>419492</v>
      </c>
      <c r="HI28" s="116">
        <v>312723</v>
      </c>
      <c r="HJ28" s="116">
        <v>1490754</v>
      </c>
      <c r="HK28" s="116">
        <v>0</v>
      </c>
      <c r="HL28" s="115">
        <v>2731579</v>
      </c>
      <c r="HM28" s="111">
        <v>2801905</v>
      </c>
      <c r="HN28" s="370"/>
      <c r="HO28" s="371"/>
      <c r="HP28" s="372"/>
      <c r="HQ28" s="373"/>
      <c r="HR28" s="371"/>
      <c r="HS28" s="371"/>
      <c r="HT28" s="371"/>
      <c r="HU28" s="371"/>
      <c r="HV28" s="371"/>
      <c r="HW28" s="374"/>
      <c r="HX28" s="375"/>
      <c r="HY28" s="167">
        <v>0</v>
      </c>
      <c r="HZ28" s="152">
        <v>0</v>
      </c>
      <c r="IA28" s="167">
        <v>0</v>
      </c>
      <c r="IB28" s="151">
        <v>0</v>
      </c>
      <c r="IC28" s="152">
        <v>70508</v>
      </c>
      <c r="ID28" s="153">
        <v>99759</v>
      </c>
      <c r="IE28" s="154">
        <v>242622</v>
      </c>
      <c r="IF28" s="152">
        <v>0</v>
      </c>
      <c r="IG28" s="154">
        <v>114391</v>
      </c>
      <c r="IH28" s="155">
        <v>527280</v>
      </c>
      <c r="II28" s="167">
        <v>527280</v>
      </c>
      <c r="IJ28" s="261">
        <v>0</v>
      </c>
      <c r="IK28" s="268">
        <v>0</v>
      </c>
      <c r="IL28" s="269">
        <v>0</v>
      </c>
      <c r="IM28" s="157"/>
      <c r="IN28" s="122">
        <v>0</v>
      </c>
      <c r="IO28" s="122">
        <v>0</v>
      </c>
      <c r="IP28" s="122">
        <v>0</v>
      </c>
      <c r="IQ28" s="122">
        <v>0</v>
      </c>
      <c r="IR28" s="122">
        <v>0</v>
      </c>
      <c r="IS28" s="158">
        <v>0</v>
      </c>
      <c r="IT28" s="357">
        <v>0</v>
      </c>
      <c r="IU28" s="159">
        <v>0</v>
      </c>
      <c r="IV28" s="122">
        <v>0</v>
      </c>
      <c r="IW28" s="123">
        <v>0</v>
      </c>
      <c r="IX28" s="161"/>
      <c r="IY28" s="122">
        <v>0</v>
      </c>
      <c r="IZ28" s="122">
        <v>0</v>
      </c>
      <c r="JA28" s="122">
        <v>0</v>
      </c>
      <c r="JB28" s="122">
        <v>0</v>
      </c>
      <c r="JC28" s="122">
        <v>0</v>
      </c>
      <c r="JD28" s="123">
        <v>0</v>
      </c>
      <c r="JE28" s="124">
        <v>0</v>
      </c>
      <c r="JF28" s="159">
        <v>0</v>
      </c>
      <c r="JG28" s="122">
        <v>0</v>
      </c>
      <c r="JH28" s="158">
        <v>0</v>
      </c>
      <c r="JI28" s="121">
        <v>0</v>
      </c>
      <c r="JJ28" s="122">
        <v>70508</v>
      </c>
      <c r="JK28" s="122">
        <v>99759</v>
      </c>
      <c r="JL28" s="122">
        <v>41314</v>
      </c>
      <c r="JM28" s="122">
        <v>0</v>
      </c>
      <c r="JN28" s="122">
        <v>114391</v>
      </c>
      <c r="JO28" s="123">
        <v>325972</v>
      </c>
      <c r="JP28" s="357">
        <v>325972</v>
      </c>
      <c r="JQ28" s="159">
        <v>0</v>
      </c>
      <c r="JR28" s="122">
        <v>0</v>
      </c>
      <c r="JS28" s="158">
        <v>0</v>
      </c>
      <c r="JT28" s="121">
        <v>0</v>
      </c>
      <c r="JU28" s="122">
        <v>0</v>
      </c>
      <c r="JV28" s="122">
        <v>0</v>
      </c>
      <c r="JW28" s="122">
        <v>0</v>
      </c>
      <c r="JX28" s="122">
        <v>0</v>
      </c>
      <c r="JY28" s="122">
        <v>0</v>
      </c>
      <c r="JZ28" s="123">
        <v>0</v>
      </c>
      <c r="KA28" s="357">
        <v>0</v>
      </c>
      <c r="KB28" s="264">
        <v>0</v>
      </c>
      <c r="KC28" s="258">
        <v>0</v>
      </c>
      <c r="KD28" s="123">
        <v>0</v>
      </c>
      <c r="KE28" s="121">
        <v>0</v>
      </c>
      <c r="KF28" s="122">
        <v>0</v>
      </c>
      <c r="KG28" s="122">
        <v>0</v>
      </c>
      <c r="KH28" s="122">
        <v>0</v>
      </c>
      <c r="KI28" s="122">
        <v>0</v>
      </c>
      <c r="KJ28" s="122">
        <v>0</v>
      </c>
      <c r="KK28" s="123">
        <v>0</v>
      </c>
      <c r="KL28" s="160">
        <v>0</v>
      </c>
      <c r="KM28" s="261">
        <v>0</v>
      </c>
      <c r="KN28" s="268">
        <v>0</v>
      </c>
      <c r="KO28" s="269">
        <v>0</v>
      </c>
      <c r="KP28" s="157"/>
      <c r="KQ28" s="122">
        <v>0</v>
      </c>
      <c r="KR28" s="122">
        <v>0</v>
      </c>
      <c r="KS28" s="122">
        <v>201308</v>
      </c>
      <c r="KT28" s="122">
        <v>0</v>
      </c>
      <c r="KU28" s="122">
        <v>0</v>
      </c>
      <c r="KV28" s="123">
        <v>201308</v>
      </c>
      <c r="KW28" s="357">
        <v>201308</v>
      </c>
      <c r="KX28" s="159">
        <v>0</v>
      </c>
      <c r="KY28" s="122">
        <v>0</v>
      </c>
      <c r="KZ28" s="123">
        <v>0</v>
      </c>
      <c r="LA28" s="162"/>
      <c r="LB28" s="122">
        <v>0</v>
      </c>
      <c r="LC28" s="122">
        <v>0</v>
      </c>
      <c r="LD28" s="122">
        <v>0</v>
      </c>
      <c r="LE28" s="122">
        <v>0</v>
      </c>
      <c r="LF28" s="122">
        <v>0</v>
      </c>
      <c r="LG28" s="123">
        <v>0</v>
      </c>
      <c r="LH28" s="124">
        <v>0</v>
      </c>
      <c r="LI28" s="159">
        <v>0</v>
      </c>
      <c r="LJ28" s="122">
        <v>0</v>
      </c>
      <c r="LK28" s="123">
        <v>0</v>
      </c>
      <c r="LL28" s="162"/>
      <c r="LM28" s="122">
        <v>0</v>
      </c>
      <c r="LN28" s="122">
        <v>0</v>
      </c>
      <c r="LO28" s="122">
        <v>0</v>
      </c>
      <c r="LP28" s="122">
        <v>0</v>
      </c>
      <c r="LQ28" s="122">
        <v>0</v>
      </c>
      <c r="LR28" s="123">
        <v>0</v>
      </c>
      <c r="LS28" s="357">
        <v>0</v>
      </c>
      <c r="LT28" s="159">
        <v>0</v>
      </c>
      <c r="LU28" s="122">
        <v>0</v>
      </c>
      <c r="LV28" s="123">
        <v>0</v>
      </c>
      <c r="LW28" s="162"/>
      <c r="LX28" s="122">
        <v>0</v>
      </c>
      <c r="LY28" s="122">
        <v>0</v>
      </c>
      <c r="LZ28" s="122">
        <v>0</v>
      </c>
      <c r="MA28" s="122">
        <v>0</v>
      </c>
      <c r="MB28" s="122">
        <v>0</v>
      </c>
      <c r="MC28" s="123">
        <v>0</v>
      </c>
      <c r="MD28" s="124">
        <v>0</v>
      </c>
      <c r="ME28" s="159">
        <v>0</v>
      </c>
      <c r="MF28" s="122">
        <v>0</v>
      </c>
      <c r="MG28" s="123">
        <v>0</v>
      </c>
      <c r="MH28" s="162"/>
      <c r="MI28" s="122">
        <v>0</v>
      </c>
      <c r="MJ28" s="122">
        <v>184744</v>
      </c>
      <c r="MK28" s="122">
        <v>557999</v>
      </c>
      <c r="ML28" s="122">
        <v>1411178</v>
      </c>
      <c r="MM28" s="122">
        <v>1157788</v>
      </c>
      <c r="MN28" s="123">
        <v>3311709</v>
      </c>
      <c r="MO28" s="160">
        <v>3311709</v>
      </c>
      <c r="MP28" s="159">
        <v>0</v>
      </c>
      <c r="MQ28" s="122">
        <v>0</v>
      </c>
      <c r="MR28" s="123">
        <v>0</v>
      </c>
      <c r="MS28" s="162"/>
      <c r="MT28" s="122">
        <v>0</v>
      </c>
      <c r="MU28" s="122">
        <v>0</v>
      </c>
      <c r="MV28" s="122">
        <v>193347</v>
      </c>
      <c r="MW28" s="122">
        <v>909466</v>
      </c>
      <c r="MX28" s="122">
        <v>454064</v>
      </c>
      <c r="MY28" s="123">
        <v>1556877</v>
      </c>
      <c r="MZ28" s="160">
        <v>1556877</v>
      </c>
      <c r="NA28" s="159">
        <v>0</v>
      </c>
      <c r="NB28" s="122">
        <v>0</v>
      </c>
      <c r="NC28" s="123">
        <v>0</v>
      </c>
      <c r="ND28" s="162"/>
      <c r="NE28" s="122">
        <v>0</v>
      </c>
      <c r="NF28" s="122">
        <v>184744</v>
      </c>
      <c r="NG28" s="122">
        <v>364652</v>
      </c>
      <c r="NH28" s="122">
        <v>501712</v>
      </c>
      <c r="NI28" s="122">
        <v>452891</v>
      </c>
      <c r="NJ28" s="123">
        <v>1503999</v>
      </c>
      <c r="NK28" s="357">
        <v>1503999</v>
      </c>
      <c r="NL28" s="159">
        <v>0</v>
      </c>
      <c r="NM28" s="122">
        <v>0</v>
      </c>
      <c r="NN28" s="123">
        <v>0</v>
      </c>
      <c r="NO28" s="162"/>
      <c r="NP28" s="122">
        <v>0</v>
      </c>
      <c r="NQ28" s="122">
        <v>0</v>
      </c>
      <c r="NR28" s="122">
        <v>0</v>
      </c>
      <c r="NS28" s="122">
        <v>0</v>
      </c>
      <c r="NT28" s="122">
        <v>250833</v>
      </c>
      <c r="NU28" s="123">
        <v>250833</v>
      </c>
      <c r="NV28" s="124">
        <v>250833</v>
      </c>
      <c r="NW28" s="159">
        <v>0</v>
      </c>
      <c r="NX28" s="122">
        <v>0</v>
      </c>
      <c r="NY28" s="123">
        <v>0</v>
      </c>
      <c r="NZ28" s="162"/>
      <c r="OA28" s="122">
        <v>0</v>
      </c>
      <c r="OB28" s="122">
        <v>0</v>
      </c>
      <c r="OC28" s="122">
        <v>0</v>
      </c>
      <c r="OD28" s="122">
        <v>0</v>
      </c>
      <c r="OE28" s="122">
        <v>0</v>
      </c>
      <c r="OF28" s="123">
        <v>0</v>
      </c>
      <c r="OG28" s="124">
        <v>0</v>
      </c>
      <c r="OH28" s="159">
        <v>31195</v>
      </c>
      <c r="OI28" s="122">
        <v>231814</v>
      </c>
      <c r="OJ28" s="158">
        <v>263009</v>
      </c>
      <c r="OK28" s="121">
        <v>0</v>
      </c>
      <c r="OL28" s="122">
        <v>1044250</v>
      </c>
      <c r="OM28" s="122">
        <v>2834440</v>
      </c>
      <c r="ON28" s="122">
        <v>2724831</v>
      </c>
      <c r="OO28" s="122">
        <v>4191773</v>
      </c>
      <c r="OP28" s="122">
        <v>1417604</v>
      </c>
      <c r="OQ28" s="123">
        <v>12212898</v>
      </c>
      <c r="OR28" s="160">
        <v>12475907</v>
      </c>
    </row>
    <row r="29" spans="1:408" ht="20.25" customHeight="1" x14ac:dyDescent="0.2">
      <c r="A29" s="129" t="s">
        <v>24</v>
      </c>
      <c r="B29" s="112">
        <v>251759</v>
      </c>
      <c r="C29" s="116">
        <v>155559</v>
      </c>
      <c r="D29" s="115">
        <v>407318</v>
      </c>
      <c r="E29" s="111">
        <v>0</v>
      </c>
      <c r="F29" s="116">
        <v>1503805</v>
      </c>
      <c r="G29" s="116">
        <v>2024854</v>
      </c>
      <c r="H29" s="116">
        <v>428184</v>
      </c>
      <c r="I29" s="116">
        <v>2287654</v>
      </c>
      <c r="J29" s="116">
        <v>1664574</v>
      </c>
      <c r="K29" s="200">
        <v>7909071</v>
      </c>
      <c r="L29" s="118">
        <v>8316389</v>
      </c>
      <c r="M29" s="112">
        <v>53963</v>
      </c>
      <c r="N29" s="116">
        <v>63646</v>
      </c>
      <c r="O29" s="115">
        <v>117609</v>
      </c>
      <c r="P29" s="112">
        <v>0</v>
      </c>
      <c r="Q29" s="116">
        <v>432525</v>
      </c>
      <c r="R29" s="116">
        <v>524864</v>
      </c>
      <c r="S29" s="116">
        <v>126732</v>
      </c>
      <c r="T29" s="116">
        <v>732579</v>
      </c>
      <c r="U29" s="116">
        <v>895697</v>
      </c>
      <c r="V29" s="115">
        <v>2712397</v>
      </c>
      <c r="W29" s="118">
        <v>2830006</v>
      </c>
      <c r="X29" s="112">
        <v>0</v>
      </c>
      <c r="Y29" s="116">
        <v>0</v>
      </c>
      <c r="Z29" s="115">
        <v>0</v>
      </c>
      <c r="AA29" s="112">
        <v>0</v>
      </c>
      <c r="AB29" s="116">
        <v>130552</v>
      </c>
      <c r="AC29" s="116">
        <v>269420</v>
      </c>
      <c r="AD29" s="116">
        <v>51667</v>
      </c>
      <c r="AE29" s="116">
        <v>393384</v>
      </c>
      <c r="AF29" s="116">
        <v>425585</v>
      </c>
      <c r="AG29" s="115">
        <v>1270608</v>
      </c>
      <c r="AH29" s="118">
        <v>1270608</v>
      </c>
      <c r="AI29" s="112">
        <v>0</v>
      </c>
      <c r="AJ29" s="116">
        <v>0</v>
      </c>
      <c r="AK29" s="115">
        <v>0</v>
      </c>
      <c r="AL29" s="112">
        <v>0</v>
      </c>
      <c r="AM29" s="116">
        <v>0</v>
      </c>
      <c r="AN29" s="116">
        <v>0</v>
      </c>
      <c r="AO29" s="116">
        <v>0</v>
      </c>
      <c r="AP29" s="116">
        <v>0</v>
      </c>
      <c r="AQ29" s="116">
        <v>60905</v>
      </c>
      <c r="AR29" s="115">
        <v>60905</v>
      </c>
      <c r="AS29" s="118">
        <v>60905</v>
      </c>
      <c r="AT29" s="112">
        <v>0</v>
      </c>
      <c r="AU29" s="116">
        <v>52796</v>
      </c>
      <c r="AV29" s="115">
        <v>52796</v>
      </c>
      <c r="AW29" s="112">
        <v>0</v>
      </c>
      <c r="AX29" s="116">
        <v>211596</v>
      </c>
      <c r="AY29" s="116">
        <v>71182</v>
      </c>
      <c r="AZ29" s="116">
        <v>58230</v>
      </c>
      <c r="BA29" s="116">
        <v>160541</v>
      </c>
      <c r="BB29" s="116">
        <v>265488</v>
      </c>
      <c r="BC29" s="115">
        <v>767037</v>
      </c>
      <c r="BD29" s="118">
        <v>819833</v>
      </c>
      <c r="BE29" s="112">
        <v>0</v>
      </c>
      <c r="BF29" s="116">
        <v>0</v>
      </c>
      <c r="BG29" s="114">
        <v>0</v>
      </c>
      <c r="BH29" s="113">
        <v>0</v>
      </c>
      <c r="BI29" s="116">
        <v>0</v>
      </c>
      <c r="BJ29" s="116">
        <v>43226</v>
      </c>
      <c r="BK29" s="116">
        <v>0</v>
      </c>
      <c r="BL29" s="116">
        <v>0</v>
      </c>
      <c r="BM29" s="116">
        <v>57605</v>
      </c>
      <c r="BN29" s="115">
        <v>100831</v>
      </c>
      <c r="BO29" s="118">
        <v>100831</v>
      </c>
      <c r="BP29" s="112">
        <v>53963</v>
      </c>
      <c r="BQ29" s="116">
        <v>10850</v>
      </c>
      <c r="BR29" s="115">
        <v>64813</v>
      </c>
      <c r="BS29" s="112">
        <v>0</v>
      </c>
      <c r="BT29" s="116">
        <v>90377</v>
      </c>
      <c r="BU29" s="116">
        <v>141036</v>
      </c>
      <c r="BV29" s="116">
        <v>16835</v>
      </c>
      <c r="BW29" s="116">
        <v>178654</v>
      </c>
      <c r="BX29" s="116">
        <v>86114</v>
      </c>
      <c r="BY29" s="115">
        <v>513016</v>
      </c>
      <c r="BZ29" s="118">
        <v>577829</v>
      </c>
      <c r="CA29" s="112">
        <v>17860</v>
      </c>
      <c r="CB29" s="116">
        <v>0</v>
      </c>
      <c r="CC29" s="115">
        <v>17860</v>
      </c>
      <c r="CD29" s="112">
        <v>0</v>
      </c>
      <c r="CE29" s="116">
        <v>545225</v>
      </c>
      <c r="CF29" s="116">
        <v>429089</v>
      </c>
      <c r="CG29" s="116">
        <v>60617</v>
      </c>
      <c r="CH29" s="116">
        <v>243773</v>
      </c>
      <c r="CI29" s="116">
        <v>136540</v>
      </c>
      <c r="CJ29" s="115">
        <v>1415244</v>
      </c>
      <c r="CK29" s="118">
        <v>1433104</v>
      </c>
      <c r="CL29" s="112">
        <v>0</v>
      </c>
      <c r="CM29" s="116">
        <v>0</v>
      </c>
      <c r="CN29" s="115">
        <v>0</v>
      </c>
      <c r="CO29" s="113">
        <v>0</v>
      </c>
      <c r="CP29" s="116">
        <v>348670</v>
      </c>
      <c r="CQ29" s="116">
        <v>266176</v>
      </c>
      <c r="CR29" s="116">
        <v>0</v>
      </c>
      <c r="CS29" s="116">
        <v>0</v>
      </c>
      <c r="CT29" s="116">
        <v>0</v>
      </c>
      <c r="CU29" s="115">
        <v>614846</v>
      </c>
      <c r="CV29" s="118">
        <v>614846</v>
      </c>
      <c r="CW29" s="112">
        <v>17860</v>
      </c>
      <c r="CX29" s="116">
        <v>0</v>
      </c>
      <c r="CY29" s="115">
        <v>17860</v>
      </c>
      <c r="CZ29" s="112">
        <v>0</v>
      </c>
      <c r="DA29" s="116">
        <v>196555</v>
      </c>
      <c r="DB29" s="116">
        <v>162913</v>
      </c>
      <c r="DC29" s="116">
        <v>60617</v>
      </c>
      <c r="DD29" s="116">
        <v>243773</v>
      </c>
      <c r="DE29" s="116">
        <v>136540</v>
      </c>
      <c r="DF29" s="115">
        <v>800398</v>
      </c>
      <c r="DG29" s="118">
        <v>818258</v>
      </c>
      <c r="DH29" s="112">
        <v>0</v>
      </c>
      <c r="DI29" s="116">
        <v>0</v>
      </c>
      <c r="DJ29" s="114">
        <v>0</v>
      </c>
      <c r="DK29" s="113">
        <v>0</v>
      </c>
      <c r="DL29" s="116">
        <v>0</v>
      </c>
      <c r="DM29" s="116">
        <v>48533</v>
      </c>
      <c r="DN29" s="116">
        <v>0</v>
      </c>
      <c r="DO29" s="116">
        <v>0</v>
      </c>
      <c r="DP29" s="116">
        <v>49452</v>
      </c>
      <c r="DQ29" s="115">
        <v>97985</v>
      </c>
      <c r="DR29" s="118">
        <v>97985</v>
      </c>
      <c r="DS29" s="112">
        <v>0</v>
      </c>
      <c r="DT29" s="116">
        <v>0</v>
      </c>
      <c r="DU29" s="115">
        <v>0</v>
      </c>
      <c r="DV29" s="112">
        <v>0</v>
      </c>
      <c r="DW29" s="116">
        <v>0</v>
      </c>
      <c r="DX29" s="116">
        <v>48533</v>
      </c>
      <c r="DY29" s="116">
        <v>0</v>
      </c>
      <c r="DZ29" s="116">
        <v>0</v>
      </c>
      <c r="EA29" s="116">
        <v>49452</v>
      </c>
      <c r="EB29" s="115">
        <v>97985</v>
      </c>
      <c r="EC29" s="118">
        <v>97985</v>
      </c>
      <c r="ED29" s="112">
        <v>0</v>
      </c>
      <c r="EE29" s="114">
        <v>0</v>
      </c>
      <c r="EF29" s="115">
        <v>0</v>
      </c>
      <c r="EG29" s="112">
        <v>0</v>
      </c>
      <c r="EH29" s="116">
        <v>0</v>
      </c>
      <c r="EI29" s="116">
        <v>0</v>
      </c>
      <c r="EJ29" s="116">
        <v>0</v>
      </c>
      <c r="EK29" s="116">
        <v>0</v>
      </c>
      <c r="EL29" s="116">
        <v>0</v>
      </c>
      <c r="EM29" s="114">
        <v>0</v>
      </c>
      <c r="EN29" s="118">
        <v>0</v>
      </c>
      <c r="EO29" s="112">
        <v>0</v>
      </c>
      <c r="EP29" s="116">
        <v>0</v>
      </c>
      <c r="EQ29" s="114">
        <v>0</v>
      </c>
      <c r="ER29" s="113">
        <v>0</v>
      </c>
      <c r="ES29" s="116">
        <v>0</v>
      </c>
      <c r="ET29" s="116">
        <v>0</v>
      </c>
      <c r="EU29" s="116">
        <v>0</v>
      </c>
      <c r="EV29" s="116">
        <v>0</v>
      </c>
      <c r="EW29" s="116">
        <v>0</v>
      </c>
      <c r="EX29" s="115">
        <v>0</v>
      </c>
      <c r="EY29" s="118">
        <v>0</v>
      </c>
      <c r="EZ29" s="112">
        <v>0</v>
      </c>
      <c r="FA29" s="116">
        <v>0</v>
      </c>
      <c r="FB29" s="114">
        <v>0</v>
      </c>
      <c r="FC29" s="390"/>
      <c r="FD29" s="116">
        <v>0</v>
      </c>
      <c r="FE29" s="116">
        <v>0</v>
      </c>
      <c r="FF29" s="116">
        <v>0</v>
      </c>
      <c r="FG29" s="116">
        <v>0</v>
      </c>
      <c r="FH29" s="116">
        <v>0</v>
      </c>
      <c r="FI29" s="115">
        <v>0</v>
      </c>
      <c r="FJ29" s="118">
        <v>0</v>
      </c>
      <c r="FK29" s="112">
        <v>10500</v>
      </c>
      <c r="FL29" s="116">
        <v>20930</v>
      </c>
      <c r="FM29" s="115">
        <v>31430</v>
      </c>
      <c r="FN29" s="112">
        <v>0</v>
      </c>
      <c r="FO29" s="116">
        <v>146370</v>
      </c>
      <c r="FP29" s="116">
        <v>164101</v>
      </c>
      <c r="FQ29" s="116">
        <v>85302</v>
      </c>
      <c r="FR29" s="116">
        <v>103390</v>
      </c>
      <c r="FS29" s="116">
        <v>206003</v>
      </c>
      <c r="FT29" s="115">
        <v>705166</v>
      </c>
      <c r="FU29" s="118">
        <v>736596</v>
      </c>
      <c r="FV29" s="117">
        <v>10500</v>
      </c>
      <c r="FW29" s="116">
        <v>20930</v>
      </c>
      <c r="FX29" s="114">
        <v>31430</v>
      </c>
      <c r="FY29" s="113">
        <v>0</v>
      </c>
      <c r="FZ29" s="116">
        <v>94010</v>
      </c>
      <c r="GA29" s="116">
        <v>164101</v>
      </c>
      <c r="GB29" s="116">
        <v>63007</v>
      </c>
      <c r="GC29" s="116">
        <v>103390</v>
      </c>
      <c r="GD29" s="116">
        <v>206003</v>
      </c>
      <c r="GE29" s="115">
        <v>630511</v>
      </c>
      <c r="GF29" s="354">
        <v>661941</v>
      </c>
      <c r="GG29" s="117">
        <v>0</v>
      </c>
      <c r="GH29" s="116">
        <v>0</v>
      </c>
      <c r="GI29" s="114">
        <v>0</v>
      </c>
      <c r="GJ29" s="113">
        <v>0</v>
      </c>
      <c r="GK29" s="116">
        <v>0</v>
      </c>
      <c r="GL29" s="116">
        <v>0</v>
      </c>
      <c r="GM29" s="116">
        <v>22295</v>
      </c>
      <c r="GN29" s="116">
        <v>0</v>
      </c>
      <c r="GO29" s="116">
        <v>0</v>
      </c>
      <c r="GP29" s="115">
        <v>22295</v>
      </c>
      <c r="GQ29" s="118">
        <v>22295</v>
      </c>
      <c r="GR29" s="112">
        <v>0</v>
      </c>
      <c r="GS29" s="116">
        <v>0</v>
      </c>
      <c r="GT29" s="115">
        <v>0</v>
      </c>
      <c r="GU29" s="112">
        <v>0</v>
      </c>
      <c r="GV29" s="116">
        <v>52360</v>
      </c>
      <c r="GW29" s="116">
        <v>0</v>
      </c>
      <c r="GX29" s="116">
        <v>0</v>
      </c>
      <c r="GY29" s="116">
        <v>0</v>
      </c>
      <c r="GZ29" s="116">
        <v>0</v>
      </c>
      <c r="HA29" s="114">
        <v>52360</v>
      </c>
      <c r="HB29" s="118">
        <v>52360</v>
      </c>
      <c r="HC29" s="112">
        <v>169436</v>
      </c>
      <c r="HD29" s="116">
        <v>70983</v>
      </c>
      <c r="HE29" s="114">
        <v>240419</v>
      </c>
      <c r="HF29" s="113">
        <v>0</v>
      </c>
      <c r="HG29" s="116">
        <v>379685</v>
      </c>
      <c r="HH29" s="116">
        <v>858267</v>
      </c>
      <c r="HI29" s="116">
        <v>155533</v>
      </c>
      <c r="HJ29" s="116">
        <v>1207912</v>
      </c>
      <c r="HK29" s="116">
        <v>376882</v>
      </c>
      <c r="HL29" s="115">
        <v>2978279</v>
      </c>
      <c r="HM29" s="111">
        <v>3218698</v>
      </c>
      <c r="HN29" s="370"/>
      <c r="HO29" s="371"/>
      <c r="HP29" s="372"/>
      <c r="HQ29" s="373"/>
      <c r="HR29" s="371"/>
      <c r="HS29" s="371"/>
      <c r="HT29" s="371"/>
      <c r="HU29" s="371"/>
      <c r="HV29" s="371"/>
      <c r="HW29" s="374"/>
      <c r="HX29" s="375"/>
      <c r="HY29" s="148">
        <v>35829</v>
      </c>
      <c r="HZ29" s="149">
        <v>61296</v>
      </c>
      <c r="IA29" s="150">
        <v>97125</v>
      </c>
      <c r="IB29" s="163">
        <v>0</v>
      </c>
      <c r="IC29" s="149">
        <v>403594</v>
      </c>
      <c r="ID29" s="164">
        <v>191192</v>
      </c>
      <c r="IE29" s="150">
        <v>422439</v>
      </c>
      <c r="IF29" s="149">
        <v>375799</v>
      </c>
      <c r="IG29" s="150">
        <v>1237005</v>
      </c>
      <c r="IH29" s="165">
        <v>2630029</v>
      </c>
      <c r="II29" s="156">
        <v>2727154</v>
      </c>
      <c r="IJ29" s="261">
        <v>0</v>
      </c>
      <c r="IK29" s="268">
        <v>0</v>
      </c>
      <c r="IL29" s="269">
        <v>0</v>
      </c>
      <c r="IM29" s="157"/>
      <c r="IN29" s="122">
        <v>0</v>
      </c>
      <c r="IO29" s="122">
        <v>0</v>
      </c>
      <c r="IP29" s="122">
        <v>0</v>
      </c>
      <c r="IQ29" s="122">
        <v>185413</v>
      </c>
      <c r="IR29" s="122">
        <v>0</v>
      </c>
      <c r="IS29" s="158">
        <v>185413</v>
      </c>
      <c r="IT29" s="357">
        <v>185413</v>
      </c>
      <c r="IU29" s="159">
        <v>0</v>
      </c>
      <c r="IV29" s="122">
        <v>0</v>
      </c>
      <c r="IW29" s="123">
        <v>0</v>
      </c>
      <c r="IX29" s="161"/>
      <c r="IY29" s="122">
        <v>0</v>
      </c>
      <c r="IZ29" s="122">
        <v>0</v>
      </c>
      <c r="JA29" s="122">
        <v>0</v>
      </c>
      <c r="JB29" s="122">
        <v>0</v>
      </c>
      <c r="JC29" s="122">
        <v>0</v>
      </c>
      <c r="JD29" s="123">
        <v>0</v>
      </c>
      <c r="JE29" s="124">
        <v>0</v>
      </c>
      <c r="JF29" s="159">
        <v>0</v>
      </c>
      <c r="JG29" s="122">
        <v>0</v>
      </c>
      <c r="JH29" s="158">
        <v>0</v>
      </c>
      <c r="JI29" s="121">
        <v>0</v>
      </c>
      <c r="JJ29" s="122">
        <v>49186</v>
      </c>
      <c r="JK29" s="122">
        <v>127488</v>
      </c>
      <c r="JL29" s="122">
        <v>41803</v>
      </c>
      <c r="JM29" s="122">
        <v>0</v>
      </c>
      <c r="JN29" s="122">
        <v>0</v>
      </c>
      <c r="JO29" s="123">
        <v>218477</v>
      </c>
      <c r="JP29" s="357">
        <v>218477</v>
      </c>
      <c r="JQ29" s="159">
        <v>0</v>
      </c>
      <c r="JR29" s="122">
        <v>0</v>
      </c>
      <c r="JS29" s="158">
        <v>0</v>
      </c>
      <c r="JT29" s="121">
        <v>0</v>
      </c>
      <c r="JU29" s="122">
        <v>0</v>
      </c>
      <c r="JV29" s="122">
        <v>63704</v>
      </c>
      <c r="JW29" s="122">
        <v>0</v>
      </c>
      <c r="JX29" s="122">
        <v>0</v>
      </c>
      <c r="JY29" s="122">
        <v>231189</v>
      </c>
      <c r="JZ29" s="123">
        <v>294893</v>
      </c>
      <c r="KA29" s="357">
        <v>294893</v>
      </c>
      <c r="KB29" s="264">
        <v>35829</v>
      </c>
      <c r="KC29" s="258">
        <v>61296</v>
      </c>
      <c r="KD29" s="123">
        <v>97125</v>
      </c>
      <c r="KE29" s="121">
        <v>0</v>
      </c>
      <c r="KF29" s="122">
        <v>354408</v>
      </c>
      <c r="KG29" s="122">
        <v>0</v>
      </c>
      <c r="KH29" s="122">
        <v>0</v>
      </c>
      <c r="KI29" s="122">
        <v>0</v>
      </c>
      <c r="KJ29" s="122">
        <v>810866</v>
      </c>
      <c r="KK29" s="123">
        <v>1165274</v>
      </c>
      <c r="KL29" s="160">
        <v>1262399</v>
      </c>
      <c r="KM29" s="261">
        <v>0</v>
      </c>
      <c r="KN29" s="268">
        <v>0</v>
      </c>
      <c r="KO29" s="269">
        <v>0</v>
      </c>
      <c r="KP29" s="157"/>
      <c r="KQ29" s="122">
        <v>0</v>
      </c>
      <c r="KR29" s="122">
        <v>0</v>
      </c>
      <c r="KS29" s="122">
        <v>380636</v>
      </c>
      <c r="KT29" s="122">
        <v>190386</v>
      </c>
      <c r="KU29" s="122">
        <v>194950</v>
      </c>
      <c r="KV29" s="123">
        <v>765972</v>
      </c>
      <c r="KW29" s="357">
        <v>765972</v>
      </c>
      <c r="KX29" s="159">
        <v>0</v>
      </c>
      <c r="KY29" s="122">
        <v>0</v>
      </c>
      <c r="KZ29" s="123">
        <v>0</v>
      </c>
      <c r="LA29" s="162"/>
      <c r="LB29" s="122">
        <v>0</v>
      </c>
      <c r="LC29" s="122">
        <v>0</v>
      </c>
      <c r="LD29" s="122">
        <v>0</v>
      </c>
      <c r="LE29" s="122">
        <v>0</v>
      </c>
      <c r="LF29" s="122">
        <v>0</v>
      </c>
      <c r="LG29" s="123">
        <v>0</v>
      </c>
      <c r="LH29" s="124">
        <v>0</v>
      </c>
      <c r="LI29" s="159">
        <v>0</v>
      </c>
      <c r="LJ29" s="122">
        <v>0</v>
      </c>
      <c r="LK29" s="123">
        <v>0</v>
      </c>
      <c r="LL29" s="162"/>
      <c r="LM29" s="122">
        <v>0</v>
      </c>
      <c r="LN29" s="122">
        <v>0</v>
      </c>
      <c r="LO29" s="122">
        <v>0</v>
      </c>
      <c r="LP29" s="122">
        <v>0</v>
      </c>
      <c r="LQ29" s="122">
        <v>0</v>
      </c>
      <c r="LR29" s="123">
        <v>0</v>
      </c>
      <c r="LS29" s="357">
        <v>0</v>
      </c>
      <c r="LT29" s="159">
        <v>0</v>
      </c>
      <c r="LU29" s="122">
        <v>0</v>
      </c>
      <c r="LV29" s="123">
        <v>0</v>
      </c>
      <c r="LW29" s="162"/>
      <c r="LX29" s="122">
        <v>0</v>
      </c>
      <c r="LY29" s="122">
        <v>0</v>
      </c>
      <c r="LZ29" s="122">
        <v>0</v>
      </c>
      <c r="MA29" s="122">
        <v>0</v>
      </c>
      <c r="MB29" s="122">
        <v>0</v>
      </c>
      <c r="MC29" s="123">
        <v>0</v>
      </c>
      <c r="MD29" s="124">
        <v>0</v>
      </c>
      <c r="ME29" s="159">
        <v>0</v>
      </c>
      <c r="MF29" s="122">
        <v>0</v>
      </c>
      <c r="MG29" s="123">
        <v>0</v>
      </c>
      <c r="MH29" s="162"/>
      <c r="MI29" s="122">
        <v>185202</v>
      </c>
      <c r="MJ29" s="122">
        <v>0</v>
      </c>
      <c r="MK29" s="122">
        <v>0</v>
      </c>
      <c r="ML29" s="122">
        <v>750195</v>
      </c>
      <c r="MM29" s="122">
        <v>0</v>
      </c>
      <c r="MN29" s="123">
        <v>935397</v>
      </c>
      <c r="MO29" s="160">
        <v>935397</v>
      </c>
      <c r="MP29" s="159">
        <v>0</v>
      </c>
      <c r="MQ29" s="122">
        <v>0</v>
      </c>
      <c r="MR29" s="123">
        <v>0</v>
      </c>
      <c r="MS29" s="162"/>
      <c r="MT29" s="122">
        <v>0</v>
      </c>
      <c r="MU29" s="122">
        <v>0</v>
      </c>
      <c r="MV29" s="122">
        <v>0</v>
      </c>
      <c r="MW29" s="122">
        <v>423255</v>
      </c>
      <c r="MX29" s="122">
        <v>0</v>
      </c>
      <c r="MY29" s="123">
        <v>423255</v>
      </c>
      <c r="MZ29" s="160">
        <v>423255</v>
      </c>
      <c r="NA29" s="159">
        <v>0</v>
      </c>
      <c r="NB29" s="122">
        <v>0</v>
      </c>
      <c r="NC29" s="123">
        <v>0</v>
      </c>
      <c r="ND29" s="162"/>
      <c r="NE29" s="122">
        <v>185202</v>
      </c>
      <c r="NF29" s="122">
        <v>0</v>
      </c>
      <c r="NG29" s="122">
        <v>0</v>
      </c>
      <c r="NH29" s="122">
        <v>326940</v>
      </c>
      <c r="NI29" s="122">
        <v>0</v>
      </c>
      <c r="NJ29" s="123">
        <v>512142</v>
      </c>
      <c r="NK29" s="357">
        <v>512142</v>
      </c>
      <c r="NL29" s="159">
        <v>0</v>
      </c>
      <c r="NM29" s="122">
        <v>0</v>
      </c>
      <c r="NN29" s="123">
        <v>0</v>
      </c>
      <c r="NO29" s="162"/>
      <c r="NP29" s="122">
        <v>0</v>
      </c>
      <c r="NQ29" s="122">
        <v>0</v>
      </c>
      <c r="NR29" s="122">
        <v>0</v>
      </c>
      <c r="NS29" s="122">
        <v>0</v>
      </c>
      <c r="NT29" s="122">
        <v>0</v>
      </c>
      <c r="NU29" s="123">
        <v>0</v>
      </c>
      <c r="NV29" s="124">
        <v>0</v>
      </c>
      <c r="NW29" s="159">
        <v>0</v>
      </c>
      <c r="NX29" s="122">
        <v>0</v>
      </c>
      <c r="NY29" s="123">
        <v>0</v>
      </c>
      <c r="NZ29" s="162"/>
      <c r="OA29" s="122">
        <v>0</v>
      </c>
      <c r="OB29" s="122">
        <v>0</v>
      </c>
      <c r="OC29" s="122">
        <v>0</v>
      </c>
      <c r="OD29" s="122">
        <v>0</v>
      </c>
      <c r="OE29" s="122">
        <v>0</v>
      </c>
      <c r="OF29" s="123">
        <v>0</v>
      </c>
      <c r="OG29" s="124">
        <v>0</v>
      </c>
      <c r="OH29" s="159">
        <v>287588</v>
      </c>
      <c r="OI29" s="122">
        <v>216855</v>
      </c>
      <c r="OJ29" s="158">
        <v>504443</v>
      </c>
      <c r="OK29" s="121">
        <v>0</v>
      </c>
      <c r="OL29" s="122">
        <v>2092601</v>
      </c>
      <c r="OM29" s="122">
        <v>2216046</v>
      </c>
      <c r="ON29" s="122">
        <v>850623</v>
      </c>
      <c r="OO29" s="122">
        <v>3413648</v>
      </c>
      <c r="OP29" s="122">
        <v>2901579</v>
      </c>
      <c r="OQ29" s="123">
        <v>11474497</v>
      </c>
      <c r="OR29" s="160">
        <v>11978940</v>
      </c>
    </row>
    <row r="30" spans="1:408" ht="20.25" customHeight="1" x14ac:dyDescent="0.2">
      <c r="A30" s="129" t="s">
        <v>25</v>
      </c>
      <c r="B30" s="112">
        <v>18851</v>
      </c>
      <c r="C30" s="116">
        <v>132100</v>
      </c>
      <c r="D30" s="115">
        <v>150951</v>
      </c>
      <c r="E30" s="111">
        <v>0</v>
      </c>
      <c r="F30" s="116">
        <v>839848</v>
      </c>
      <c r="G30" s="116">
        <v>834614</v>
      </c>
      <c r="H30" s="116">
        <v>534931</v>
      </c>
      <c r="I30" s="116">
        <v>806832</v>
      </c>
      <c r="J30" s="116">
        <v>595146</v>
      </c>
      <c r="K30" s="200">
        <v>3611371</v>
      </c>
      <c r="L30" s="118">
        <v>3762322</v>
      </c>
      <c r="M30" s="112">
        <v>10913</v>
      </c>
      <c r="N30" s="116">
        <v>37283</v>
      </c>
      <c r="O30" s="115">
        <v>48196</v>
      </c>
      <c r="P30" s="112">
        <v>0</v>
      </c>
      <c r="Q30" s="116">
        <v>196395</v>
      </c>
      <c r="R30" s="116">
        <v>137394</v>
      </c>
      <c r="S30" s="116">
        <v>104812</v>
      </c>
      <c r="T30" s="116">
        <v>54875</v>
      </c>
      <c r="U30" s="116">
        <v>279023</v>
      </c>
      <c r="V30" s="115">
        <v>772499</v>
      </c>
      <c r="W30" s="118">
        <v>820695</v>
      </c>
      <c r="X30" s="112">
        <v>0</v>
      </c>
      <c r="Y30" s="116">
        <v>0</v>
      </c>
      <c r="Z30" s="115">
        <v>0</v>
      </c>
      <c r="AA30" s="112">
        <v>0</v>
      </c>
      <c r="AB30" s="116">
        <v>80470</v>
      </c>
      <c r="AC30" s="116">
        <v>7654</v>
      </c>
      <c r="AD30" s="116">
        <v>60712</v>
      </c>
      <c r="AE30" s="116">
        <v>24091</v>
      </c>
      <c r="AF30" s="116">
        <v>8830</v>
      </c>
      <c r="AG30" s="115">
        <v>181757</v>
      </c>
      <c r="AH30" s="118">
        <v>181757</v>
      </c>
      <c r="AI30" s="112">
        <v>0</v>
      </c>
      <c r="AJ30" s="116">
        <v>0</v>
      </c>
      <c r="AK30" s="115">
        <v>0</v>
      </c>
      <c r="AL30" s="112">
        <v>0</v>
      </c>
      <c r="AM30" s="116">
        <v>0</v>
      </c>
      <c r="AN30" s="116">
        <v>41035</v>
      </c>
      <c r="AO30" s="116">
        <v>0</v>
      </c>
      <c r="AP30" s="116">
        <v>0</v>
      </c>
      <c r="AQ30" s="116">
        <v>181362</v>
      </c>
      <c r="AR30" s="115">
        <v>222397</v>
      </c>
      <c r="AS30" s="118">
        <v>222397</v>
      </c>
      <c r="AT30" s="112">
        <v>6741</v>
      </c>
      <c r="AU30" s="116">
        <v>37283</v>
      </c>
      <c r="AV30" s="115">
        <v>44024</v>
      </c>
      <c r="AW30" s="112">
        <v>0</v>
      </c>
      <c r="AX30" s="116">
        <v>81737</v>
      </c>
      <c r="AY30" s="116">
        <v>53306</v>
      </c>
      <c r="AZ30" s="116">
        <v>34804</v>
      </c>
      <c r="BA30" s="116">
        <v>2980</v>
      </c>
      <c r="BB30" s="116">
        <v>68398</v>
      </c>
      <c r="BC30" s="115">
        <v>241225</v>
      </c>
      <c r="BD30" s="118">
        <v>285249</v>
      </c>
      <c r="BE30" s="112">
        <v>0</v>
      </c>
      <c r="BF30" s="116">
        <v>0</v>
      </c>
      <c r="BG30" s="114">
        <v>0</v>
      </c>
      <c r="BH30" s="113">
        <v>0</v>
      </c>
      <c r="BI30" s="116">
        <v>0</v>
      </c>
      <c r="BJ30" s="116">
        <v>0</v>
      </c>
      <c r="BK30" s="116">
        <v>0</v>
      </c>
      <c r="BL30" s="116">
        <v>0</v>
      </c>
      <c r="BM30" s="116">
        <v>0</v>
      </c>
      <c r="BN30" s="115">
        <v>0</v>
      </c>
      <c r="BO30" s="118">
        <v>0</v>
      </c>
      <c r="BP30" s="112">
        <v>4172</v>
      </c>
      <c r="BQ30" s="116">
        <v>0</v>
      </c>
      <c r="BR30" s="115">
        <v>4172</v>
      </c>
      <c r="BS30" s="112">
        <v>0</v>
      </c>
      <c r="BT30" s="116">
        <v>34188</v>
      </c>
      <c r="BU30" s="116">
        <v>35399</v>
      </c>
      <c r="BV30" s="116">
        <v>9296</v>
      </c>
      <c r="BW30" s="116">
        <v>27804</v>
      </c>
      <c r="BX30" s="116">
        <v>20433</v>
      </c>
      <c r="BY30" s="115">
        <v>127120</v>
      </c>
      <c r="BZ30" s="118">
        <v>131292</v>
      </c>
      <c r="CA30" s="112">
        <v>0</v>
      </c>
      <c r="CB30" s="116">
        <v>57955</v>
      </c>
      <c r="CC30" s="115">
        <v>57955</v>
      </c>
      <c r="CD30" s="112">
        <v>0</v>
      </c>
      <c r="CE30" s="116">
        <v>439499</v>
      </c>
      <c r="CF30" s="116">
        <v>339694</v>
      </c>
      <c r="CG30" s="116">
        <v>312326</v>
      </c>
      <c r="CH30" s="116">
        <v>322326</v>
      </c>
      <c r="CI30" s="116">
        <v>0</v>
      </c>
      <c r="CJ30" s="115">
        <v>1413845</v>
      </c>
      <c r="CK30" s="118">
        <v>1471800</v>
      </c>
      <c r="CL30" s="112">
        <v>0</v>
      </c>
      <c r="CM30" s="116">
        <v>0</v>
      </c>
      <c r="CN30" s="115">
        <v>0</v>
      </c>
      <c r="CO30" s="113">
        <v>0</v>
      </c>
      <c r="CP30" s="116">
        <v>439499</v>
      </c>
      <c r="CQ30" s="116">
        <v>115783</v>
      </c>
      <c r="CR30" s="116">
        <v>144287</v>
      </c>
      <c r="CS30" s="116">
        <v>198807</v>
      </c>
      <c r="CT30" s="116">
        <v>0</v>
      </c>
      <c r="CU30" s="115">
        <v>898376</v>
      </c>
      <c r="CV30" s="118">
        <v>898376</v>
      </c>
      <c r="CW30" s="112">
        <v>0</v>
      </c>
      <c r="CX30" s="116">
        <v>57955</v>
      </c>
      <c r="CY30" s="115">
        <v>57955</v>
      </c>
      <c r="CZ30" s="112">
        <v>0</v>
      </c>
      <c r="DA30" s="116">
        <v>0</v>
      </c>
      <c r="DB30" s="116">
        <v>223911</v>
      </c>
      <c r="DC30" s="116">
        <v>168039</v>
      </c>
      <c r="DD30" s="116">
        <v>123519</v>
      </c>
      <c r="DE30" s="116">
        <v>0</v>
      </c>
      <c r="DF30" s="115">
        <v>515469</v>
      </c>
      <c r="DG30" s="118">
        <v>573424</v>
      </c>
      <c r="DH30" s="112">
        <v>0</v>
      </c>
      <c r="DI30" s="116">
        <v>0</v>
      </c>
      <c r="DJ30" s="114">
        <v>0</v>
      </c>
      <c r="DK30" s="113">
        <v>0</v>
      </c>
      <c r="DL30" s="116">
        <v>132249</v>
      </c>
      <c r="DM30" s="116">
        <v>22346</v>
      </c>
      <c r="DN30" s="116">
        <v>36887</v>
      </c>
      <c r="DO30" s="116">
        <v>54662</v>
      </c>
      <c r="DP30" s="116">
        <v>0</v>
      </c>
      <c r="DQ30" s="115">
        <v>246144</v>
      </c>
      <c r="DR30" s="118">
        <v>246144</v>
      </c>
      <c r="DS30" s="112">
        <v>0</v>
      </c>
      <c r="DT30" s="116">
        <v>0</v>
      </c>
      <c r="DU30" s="115">
        <v>0</v>
      </c>
      <c r="DV30" s="112">
        <v>0</v>
      </c>
      <c r="DW30" s="116">
        <v>132249</v>
      </c>
      <c r="DX30" s="116">
        <v>22346</v>
      </c>
      <c r="DY30" s="116">
        <v>36887</v>
      </c>
      <c r="DZ30" s="116">
        <v>54662</v>
      </c>
      <c r="EA30" s="116">
        <v>0</v>
      </c>
      <c r="EB30" s="115">
        <v>246144</v>
      </c>
      <c r="EC30" s="118">
        <v>246144</v>
      </c>
      <c r="ED30" s="112">
        <v>0</v>
      </c>
      <c r="EE30" s="114">
        <v>0</v>
      </c>
      <c r="EF30" s="115">
        <v>0</v>
      </c>
      <c r="EG30" s="112">
        <v>0</v>
      </c>
      <c r="EH30" s="116">
        <v>0</v>
      </c>
      <c r="EI30" s="116">
        <v>0</v>
      </c>
      <c r="EJ30" s="116">
        <v>0</v>
      </c>
      <c r="EK30" s="116">
        <v>0</v>
      </c>
      <c r="EL30" s="116">
        <v>0</v>
      </c>
      <c r="EM30" s="114">
        <v>0</v>
      </c>
      <c r="EN30" s="118">
        <v>0</v>
      </c>
      <c r="EO30" s="112">
        <v>0</v>
      </c>
      <c r="EP30" s="116">
        <v>0</v>
      </c>
      <c r="EQ30" s="114">
        <v>0</v>
      </c>
      <c r="ER30" s="113">
        <v>0</v>
      </c>
      <c r="ES30" s="116">
        <v>0</v>
      </c>
      <c r="ET30" s="116">
        <v>0</v>
      </c>
      <c r="EU30" s="116">
        <v>0</v>
      </c>
      <c r="EV30" s="116">
        <v>0</v>
      </c>
      <c r="EW30" s="116">
        <v>0</v>
      </c>
      <c r="EX30" s="115">
        <v>0</v>
      </c>
      <c r="EY30" s="118">
        <v>0</v>
      </c>
      <c r="EZ30" s="112">
        <v>0</v>
      </c>
      <c r="FA30" s="116">
        <v>0</v>
      </c>
      <c r="FB30" s="114">
        <v>0</v>
      </c>
      <c r="FC30" s="390"/>
      <c r="FD30" s="116">
        <v>0</v>
      </c>
      <c r="FE30" s="116">
        <v>0</v>
      </c>
      <c r="FF30" s="116">
        <v>0</v>
      </c>
      <c r="FG30" s="116">
        <v>0</v>
      </c>
      <c r="FH30" s="116">
        <v>0</v>
      </c>
      <c r="FI30" s="115">
        <v>0</v>
      </c>
      <c r="FJ30" s="118">
        <v>0</v>
      </c>
      <c r="FK30" s="112">
        <v>7938</v>
      </c>
      <c r="FL30" s="116">
        <v>36862</v>
      </c>
      <c r="FM30" s="115">
        <v>44800</v>
      </c>
      <c r="FN30" s="112">
        <v>0</v>
      </c>
      <c r="FO30" s="116">
        <v>71705</v>
      </c>
      <c r="FP30" s="116">
        <v>56525</v>
      </c>
      <c r="FQ30" s="116">
        <v>80906</v>
      </c>
      <c r="FR30" s="116">
        <v>41048</v>
      </c>
      <c r="FS30" s="116">
        <v>133315</v>
      </c>
      <c r="FT30" s="115">
        <v>383499</v>
      </c>
      <c r="FU30" s="118">
        <v>428299</v>
      </c>
      <c r="FV30" s="117">
        <v>7938</v>
      </c>
      <c r="FW30" s="116">
        <v>36862</v>
      </c>
      <c r="FX30" s="114">
        <v>44800</v>
      </c>
      <c r="FY30" s="113">
        <v>0</v>
      </c>
      <c r="FZ30" s="116">
        <v>35672</v>
      </c>
      <c r="GA30" s="116">
        <v>56525</v>
      </c>
      <c r="GB30" s="116">
        <v>80906</v>
      </c>
      <c r="GC30" s="116">
        <v>41048</v>
      </c>
      <c r="GD30" s="116">
        <v>133315</v>
      </c>
      <c r="GE30" s="115">
        <v>347466</v>
      </c>
      <c r="GF30" s="354">
        <v>392266</v>
      </c>
      <c r="GG30" s="117">
        <v>0</v>
      </c>
      <c r="GH30" s="116">
        <v>0</v>
      </c>
      <c r="GI30" s="114">
        <v>0</v>
      </c>
      <c r="GJ30" s="113">
        <v>0</v>
      </c>
      <c r="GK30" s="116">
        <v>0</v>
      </c>
      <c r="GL30" s="116">
        <v>0</v>
      </c>
      <c r="GM30" s="116">
        <v>0</v>
      </c>
      <c r="GN30" s="116">
        <v>0</v>
      </c>
      <c r="GO30" s="116">
        <v>0</v>
      </c>
      <c r="GP30" s="115">
        <v>0</v>
      </c>
      <c r="GQ30" s="118">
        <v>0</v>
      </c>
      <c r="GR30" s="112">
        <v>0</v>
      </c>
      <c r="GS30" s="116">
        <v>0</v>
      </c>
      <c r="GT30" s="115">
        <v>0</v>
      </c>
      <c r="GU30" s="112">
        <v>0</v>
      </c>
      <c r="GV30" s="116">
        <v>36033</v>
      </c>
      <c r="GW30" s="116">
        <v>0</v>
      </c>
      <c r="GX30" s="116">
        <v>0</v>
      </c>
      <c r="GY30" s="116">
        <v>0</v>
      </c>
      <c r="GZ30" s="116">
        <v>0</v>
      </c>
      <c r="HA30" s="114">
        <v>36033</v>
      </c>
      <c r="HB30" s="118">
        <v>36033</v>
      </c>
      <c r="HC30" s="112">
        <v>0</v>
      </c>
      <c r="HD30" s="116">
        <v>0</v>
      </c>
      <c r="HE30" s="114">
        <v>0</v>
      </c>
      <c r="HF30" s="113">
        <v>0</v>
      </c>
      <c r="HG30" s="116">
        <v>0</v>
      </c>
      <c r="HH30" s="116">
        <v>278655</v>
      </c>
      <c r="HI30" s="116">
        <v>0</v>
      </c>
      <c r="HJ30" s="116">
        <v>333921</v>
      </c>
      <c r="HK30" s="116">
        <v>182808</v>
      </c>
      <c r="HL30" s="115">
        <v>795384</v>
      </c>
      <c r="HM30" s="111">
        <v>795384</v>
      </c>
      <c r="HN30" s="370"/>
      <c r="HO30" s="371"/>
      <c r="HP30" s="372"/>
      <c r="HQ30" s="373"/>
      <c r="HR30" s="371"/>
      <c r="HS30" s="371"/>
      <c r="HT30" s="371"/>
      <c r="HU30" s="371"/>
      <c r="HV30" s="371"/>
      <c r="HW30" s="374"/>
      <c r="HX30" s="375"/>
      <c r="HY30" s="167">
        <v>0</v>
      </c>
      <c r="HZ30" s="152">
        <v>0</v>
      </c>
      <c r="IA30" s="167">
        <v>0</v>
      </c>
      <c r="IB30" s="151">
        <v>0</v>
      </c>
      <c r="IC30" s="152">
        <v>447915</v>
      </c>
      <c r="ID30" s="153">
        <v>0</v>
      </c>
      <c r="IE30" s="154">
        <v>197424</v>
      </c>
      <c r="IF30" s="152">
        <v>0</v>
      </c>
      <c r="IG30" s="154">
        <v>228823</v>
      </c>
      <c r="IH30" s="155">
        <v>874162</v>
      </c>
      <c r="II30" s="167">
        <v>874162</v>
      </c>
      <c r="IJ30" s="261">
        <v>0</v>
      </c>
      <c r="IK30" s="268">
        <v>0</v>
      </c>
      <c r="IL30" s="269">
        <v>0</v>
      </c>
      <c r="IM30" s="157"/>
      <c r="IN30" s="122">
        <v>0</v>
      </c>
      <c r="IO30" s="122">
        <v>0</v>
      </c>
      <c r="IP30" s="122">
        <v>0</v>
      </c>
      <c r="IQ30" s="122">
        <v>0</v>
      </c>
      <c r="IR30" s="122">
        <v>0</v>
      </c>
      <c r="IS30" s="158">
        <v>0</v>
      </c>
      <c r="IT30" s="357">
        <v>0</v>
      </c>
      <c r="IU30" s="159">
        <v>0</v>
      </c>
      <c r="IV30" s="122">
        <v>0</v>
      </c>
      <c r="IW30" s="123">
        <v>0</v>
      </c>
      <c r="IX30" s="161"/>
      <c r="IY30" s="122">
        <v>0</v>
      </c>
      <c r="IZ30" s="122">
        <v>0</v>
      </c>
      <c r="JA30" s="122">
        <v>0</v>
      </c>
      <c r="JB30" s="122">
        <v>0</v>
      </c>
      <c r="JC30" s="122">
        <v>0</v>
      </c>
      <c r="JD30" s="123">
        <v>0</v>
      </c>
      <c r="JE30" s="124">
        <v>0</v>
      </c>
      <c r="JF30" s="159">
        <v>0</v>
      </c>
      <c r="JG30" s="122">
        <v>0</v>
      </c>
      <c r="JH30" s="158">
        <v>0</v>
      </c>
      <c r="JI30" s="121">
        <v>0</v>
      </c>
      <c r="JJ30" s="122">
        <v>87931</v>
      </c>
      <c r="JK30" s="122">
        <v>0</v>
      </c>
      <c r="JL30" s="122">
        <v>0</v>
      </c>
      <c r="JM30" s="122">
        <v>0</v>
      </c>
      <c r="JN30" s="122">
        <v>0</v>
      </c>
      <c r="JO30" s="123">
        <v>87931</v>
      </c>
      <c r="JP30" s="357">
        <v>87931</v>
      </c>
      <c r="JQ30" s="159">
        <v>0</v>
      </c>
      <c r="JR30" s="122">
        <v>0</v>
      </c>
      <c r="JS30" s="158">
        <v>0</v>
      </c>
      <c r="JT30" s="121">
        <v>0</v>
      </c>
      <c r="JU30" s="122">
        <v>0</v>
      </c>
      <c r="JV30" s="122">
        <v>0</v>
      </c>
      <c r="JW30" s="122">
        <v>0</v>
      </c>
      <c r="JX30" s="122">
        <v>0</v>
      </c>
      <c r="JY30" s="122">
        <v>0</v>
      </c>
      <c r="JZ30" s="123">
        <v>0</v>
      </c>
      <c r="KA30" s="357">
        <v>0</v>
      </c>
      <c r="KB30" s="264">
        <v>0</v>
      </c>
      <c r="KC30" s="258">
        <v>0</v>
      </c>
      <c r="KD30" s="123">
        <v>0</v>
      </c>
      <c r="KE30" s="121">
        <v>0</v>
      </c>
      <c r="KF30" s="122">
        <v>0</v>
      </c>
      <c r="KG30" s="122">
        <v>0</v>
      </c>
      <c r="KH30" s="122">
        <v>0</v>
      </c>
      <c r="KI30" s="122">
        <v>0</v>
      </c>
      <c r="KJ30" s="122">
        <v>228823</v>
      </c>
      <c r="KK30" s="123">
        <v>228823</v>
      </c>
      <c r="KL30" s="160">
        <v>228823</v>
      </c>
      <c r="KM30" s="261">
        <v>0</v>
      </c>
      <c r="KN30" s="268">
        <v>0</v>
      </c>
      <c r="KO30" s="269">
        <v>0</v>
      </c>
      <c r="KP30" s="157"/>
      <c r="KQ30" s="122">
        <v>359984</v>
      </c>
      <c r="KR30" s="122">
        <v>0</v>
      </c>
      <c r="KS30" s="122">
        <v>197424</v>
      </c>
      <c r="KT30" s="122">
        <v>0</v>
      </c>
      <c r="KU30" s="122">
        <v>0</v>
      </c>
      <c r="KV30" s="123">
        <v>557408</v>
      </c>
      <c r="KW30" s="357">
        <v>557408</v>
      </c>
      <c r="KX30" s="159">
        <v>0</v>
      </c>
      <c r="KY30" s="122">
        <v>0</v>
      </c>
      <c r="KZ30" s="123">
        <v>0</v>
      </c>
      <c r="LA30" s="162"/>
      <c r="LB30" s="122">
        <v>0</v>
      </c>
      <c r="LC30" s="122">
        <v>0</v>
      </c>
      <c r="LD30" s="122">
        <v>0</v>
      </c>
      <c r="LE30" s="122">
        <v>0</v>
      </c>
      <c r="LF30" s="122">
        <v>0</v>
      </c>
      <c r="LG30" s="123">
        <v>0</v>
      </c>
      <c r="LH30" s="124">
        <v>0</v>
      </c>
      <c r="LI30" s="159">
        <v>0</v>
      </c>
      <c r="LJ30" s="122">
        <v>0</v>
      </c>
      <c r="LK30" s="123">
        <v>0</v>
      </c>
      <c r="LL30" s="162"/>
      <c r="LM30" s="122">
        <v>0</v>
      </c>
      <c r="LN30" s="122">
        <v>0</v>
      </c>
      <c r="LO30" s="122">
        <v>0</v>
      </c>
      <c r="LP30" s="122">
        <v>0</v>
      </c>
      <c r="LQ30" s="122">
        <v>0</v>
      </c>
      <c r="LR30" s="123">
        <v>0</v>
      </c>
      <c r="LS30" s="357">
        <v>0</v>
      </c>
      <c r="LT30" s="159">
        <v>0</v>
      </c>
      <c r="LU30" s="122">
        <v>0</v>
      </c>
      <c r="LV30" s="123">
        <v>0</v>
      </c>
      <c r="LW30" s="162"/>
      <c r="LX30" s="122">
        <v>0</v>
      </c>
      <c r="LY30" s="122">
        <v>0</v>
      </c>
      <c r="LZ30" s="122">
        <v>0</v>
      </c>
      <c r="MA30" s="122">
        <v>0</v>
      </c>
      <c r="MB30" s="122">
        <v>0</v>
      </c>
      <c r="MC30" s="123">
        <v>0</v>
      </c>
      <c r="MD30" s="124">
        <v>0</v>
      </c>
      <c r="ME30" s="159">
        <v>0</v>
      </c>
      <c r="MF30" s="122">
        <v>0</v>
      </c>
      <c r="MG30" s="123">
        <v>0</v>
      </c>
      <c r="MH30" s="162"/>
      <c r="MI30" s="122">
        <v>0</v>
      </c>
      <c r="MJ30" s="122">
        <v>0</v>
      </c>
      <c r="MK30" s="122">
        <v>50978</v>
      </c>
      <c r="ML30" s="122">
        <v>424181</v>
      </c>
      <c r="MM30" s="122">
        <v>211659</v>
      </c>
      <c r="MN30" s="123">
        <v>686818</v>
      </c>
      <c r="MO30" s="160">
        <v>686818</v>
      </c>
      <c r="MP30" s="159">
        <v>0</v>
      </c>
      <c r="MQ30" s="122">
        <v>0</v>
      </c>
      <c r="MR30" s="123">
        <v>0</v>
      </c>
      <c r="MS30" s="162"/>
      <c r="MT30" s="122">
        <v>0</v>
      </c>
      <c r="MU30" s="122">
        <v>0</v>
      </c>
      <c r="MV30" s="122">
        <v>50978</v>
      </c>
      <c r="MW30" s="122">
        <v>191653</v>
      </c>
      <c r="MX30" s="122">
        <v>211659</v>
      </c>
      <c r="MY30" s="123">
        <v>454290</v>
      </c>
      <c r="MZ30" s="160">
        <v>454290</v>
      </c>
      <c r="NA30" s="159">
        <v>0</v>
      </c>
      <c r="NB30" s="122">
        <v>0</v>
      </c>
      <c r="NC30" s="123">
        <v>0</v>
      </c>
      <c r="ND30" s="162"/>
      <c r="NE30" s="122">
        <v>0</v>
      </c>
      <c r="NF30" s="122">
        <v>0</v>
      </c>
      <c r="NG30" s="122">
        <v>0</v>
      </c>
      <c r="NH30" s="122">
        <v>232528</v>
      </c>
      <c r="NI30" s="122">
        <v>0</v>
      </c>
      <c r="NJ30" s="123">
        <v>232528</v>
      </c>
      <c r="NK30" s="357">
        <v>232528</v>
      </c>
      <c r="NL30" s="159">
        <v>0</v>
      </c>
      <c r="NM30" s="122">
        <v>0</v>
      </c>
      <c r="NN30" s="123">
        <v>0</v>
      </c>
      <c r="NO30" s="162"/>
      <c r="NP30" s="122">
        <v>0</v>
      </c>
      <c r="NQ30" s="122">
        <v>0</v>
      </c>
      <c r="NR30" s="122">
        <v>0</v>
      </c>
      <c r="NS30" s="122">
        <v>0</v>
      </c>
      <c r="NT30" s="122">
        <v>0</v>
      </c>
      <c r="NU30" s="123">
        <v>0</v>
      </c>
      <c r="NV30" s="124">
        <v>0</v>
      </c>
      <c r="NW30" s="159">
        <v>0</v>
      </c>
      <c r="NX30" s="122">
        <v>0</v>
      </c>
      <c r="NY30" s="123">
        <v>0</v>
      </c>
      <c r="NZ30" s="162"/>
      <c r="OA30" s="122">
        <v>0</v>
      </c>
      <c r="OB30" s="122">
        <v>0</v>
      </c>
      <c r="OC30" s="122">
        <v>0</v>
      </c>
      <c r="OD30" s="122">
        <v>0</v>
      </c>
      <c r="OE30" s="122">
        <v>0</v>
      </c>
      <c r="OF30" s="123">
        <v>0</v>
      </c>
      <c r="OG30" s="124">
        <v>0</v>
      </c>
      <c r="OH30" s="159">
        <v>18851</v>
      </c>
      <c r="OI30" s="122">
        <v>132100</v>
      </c>
      <c r="OJ30" s="158">
        <v>150951</v>
      </c>
      <c r="OK30" s="121">
        <v>0</v>
      </c>
      <c r="OL30" s="122">
        <v>1287763</v>
      </c>
      <c r="OM30" s="122">
        <v>834614</v>
      </c>
      <c r="ON30" s="122">
        <v>783333</v>
      </c>
      <c r="OO30" s="122">
        <v>1231013</v>
      </c>
      <c r="OP30" s="122">
        <v>1035628</v>
      </c>
      <c r="OQ30" s="123">
        <v>5172351</v>
      </c>
      <c r="OR30" s="160">
        <v>5323302</v>
      </c>
    </row>
    <row r="31" spans="1:408" ht="20.25" customHeight="1" x14ac:dyDescent="0.2">
      <c r="A31" s="129" t="s">
        <v>26</v>
      </c>
      <c r="B31" s="112">
        <v>124887</v>
      </c>
      <c r="C31" s="116">
        <v>184760</v>
      </c>
      <c r="D31" s="115">
        <v>309647</v>
      </c>
      <c r="E31" s="111">
        <v>0</v>
      </c>
      <c r="F31" s="116">
        <v>1020520</v>
      </c>
      <c r="G31" s="116">
        <v>1523056</v>
      </c>
      <c r="H31" s="116">
        <v>615734</v>
      </c>
      <c r="I31" s="116">
        <v>767019</v>
      </c>
      <c r="J31" s="116">
        <v>621899</v>
      </c>
      <c r="K31" s="200">
        <v>4548228</v>
      </c>
      <c r="L31" s="118">
        <v>4857875</v>
      </c>
      <c r="M31" s="112">
        <v>21812</v>
      </c>
      <c r="N31" s="116">
        <v>48693</v>
      </c>
      <c r="O31" s="115">
        <v>70505</v>
      </c>
      <c r="P31" s="112">
        <v>0</v>
      </c>
      <c r="Q31" s="116">
        <v>194092</v>
      </c>
      <c r="R31" s="116">
        <v>426539</v>
      </c>
      <c r="S31" s="116">
        <v>233103</v>
      </c>
      <c r="T31" s="116">
        <v>347724</v>
      </c>
      <c r="U31" s="116">
        <v>542057</v>
      </c>
      <c r="V31" s="115">
        <v>1743515</v>
      </c>
      <c r="W31" s="118">
        <v>1814020</v>
      </c>
      <c r="X31" s="112">
        <v>0</v>
      </c>
      <c r="Y31" s="116">
        <v>0</v>
      </c>
      <c r="Z31" s="115">
        <v>0</v>
      </c>
      <c r="AA31" s="112">
        <v>0</v>
      </c>
      <c r="AB31" s="116">
        <v>89829</v>
      </c>
      <c r="AC31" s="116">
        <v>259497</v>
      </c>
      <c r="AD31" s="116">
        <v>132877</v>
      </c>
      <c r="AE31" s="116">
        <v>193376</v>
      </c>
      <c r="AF31" s="116">
        <v>242918</v>
      </c>
      <c r="AG31" s="115">
        <v>918497</v>
      </c>
      <c r="AH31" s="118">
        <v>918497</v>
      </c>
      <c r="AI31" s="112">
        <v>0</v>
      </c>
      <c r="AJ31" s="116">
        <v>0</v>
      </c>
      <c r="AK31" s="115">
        <v>0</v>
      </c>
      <c r="AL31" s="112">
        <v>0</v>
      </c>
      <c r="AM31" s="116">
        <v>0</v>
      </c>
      <c r="AN31" s="116">
        <v>0</v>
      </c>
      <c r="AO31" s="116">
        <v>0</v>
      </c>
      <c r="AP31" s="116">
        <v>0</v>
      </c>
      <c r="AQ31" s="116">
        <v>93256</v>
      </c>
      <c r="AR31" s="115">
        <v>93256</v>
      </c>
      <c r="AS31" s="118">
        <v>93256</v>
      </c>
      <c r="AT31" s="112">
        <v>0</v>
      </c>
      <c r="AU31" s="116">
        <v>48693</v>
      </c>
      <c r="AV31" s="115">
        <v>48693</v>
      </c>
      <c r="AW31" s="112">
        <v>0</v>
      </c>
      <c r="AX31" s="116">
        <v>90179</v>
      </c>
      <c r="AY31" s="116">
        <v>112008</v>
      </c>
      <c r="AZ31" s="116">
        <v>92848</v>
      </c>
      <c r="BA31" s="116">
        <v>92748</v>
      </c>
      <c r="BB31" s="116">
        <v>158108</v>
      </c>
      <c r="BC31" s="115">
        <v>545891</v>
      </c>
      <c r="BD31" s="118">
        <v>594584</v>
      </c>
      <c r="BE31" s="112">
        <v>0</v>
      </c>
      <c r="BF31" s="116">
        <v>0</v>
      </c>
      <c r="BG31" s="114">
        <v>0</v>
      </c>
      <c r="BH31" s="113">
        <v>0</v>
      </c>
      <c r="BI31" s="116">
        <v>0</v>
      </c>
      <c r="BJ31" s="116">
        <v>0</v>
      </c>
      <c r="BK31" s="116">
        <v>0</v>
      </c>
      <c r="BL31" s="116">
        <v>0</v>
      </c>
      <c r="BM31" s="116">
        <v>0</v>
      </c>
      <c r="BN31" s="115">
        <v>0</v>
      </c>
      <c r="BO31" s="118">
        <v>0</v>
      </c>
      <c r="BP31" s="112">
        <v>21812</v>
      </c>
      <c r="BQ31" s="116">
        <v>0</v>
      </c>
      <c r="BR31" s="115">
        <v>21812</v>
      </c>
      <c r="BS31" s="112">
        <v>0</v>
      </c>
      <c r="BT31" s="116">
        <v>14084</v>
      </c>
      <c r="BU31" s="116">
        <v>55034</v>
      </c>
      <c r="BV31" s="116">
        <v>7378</v>
      </c>
      <c r="BW31" s="116">
        <v>61600</v>
      </c>
      <c r="BX31" s="116">
        <v>47775</v>
      </c>
      <c r="BY31" s="115">
        <v>185871</v>
      </c>
      <c r="BZ31" s="118">
        <v>207683</v>
      </c>
      <c r="CA31" s="112">
        <v>0</v>
      </c>
      <c r="CB31" s="116">
        <v>31967</v>
      </c>
      <c r="CC31" s="115">
        <v>31967</v>
      </c>
      <c r="CD31" s="112">
        <v>0</v>
      </c>
      <c r="CE31" s="116">
        <v>470950</v>
      </c>
      <c r="CF31" s="116">
        <v>271885</v>
      </c>
      <c r="CG31" s="116">
        <v>167283</v>
      </c>
      <c r="CH31" s="116">
        <v>0</v>
      </c>
      <c r="CI31" s="116">
        <v>0</v>
      </c>
      <c r="CJ31" s="115">
        <v>910118</v>
      </c>
      <c r="CK31" s="118">
        <v>942085</v>
      </c>
      <c r="CL31" s="112">
        <v>0</v>
      </c>
      <c r="CM31" s="116">
        <v>0</v>
      </c>
      <c r="CN31" s="115">
        <v>0</v>
      </c>
      <c r="CO31" s="113">
        <v>0</v>
      </c>
      <c r="CP31" s="116">
        <v>400160</v>
      </c>
      <c r="CQ31" s="116">
        <v>86123</v>
      </c>
      <c r="CR31" s="116">
        <v>61373</v>
      </c>
      <c r="CS31" s="116">
        <v>0</v>
      </c>
      <c r="CT31" s="116">
        <v>0</v>
      </c>
      <c r="CU31" s="115">
        <v>547656</v>
      </c>
      <c r="CV31" s="118">
        <v>547656</v>
      </c>
      <c r="CW31" s="112">
        <v>0</v>
      </c>
      <c r="CX31" s="116">
        <v>31967</v>
      </c>
      <c r="CY31" s="115">
        <v>31967</v>
      </c>
      <c r="CZ31" s="112">
        <v>0</v>
      </c>
      <c r="DA31" s="116">
        <v>70790</v>
      </c>
      <c r="DB31" s="116">
        <v>185762</v>
      </c>
      <c r="DC31" s="116">
        <v>105910</v>
      </c>
      <c r="DD31" s="116">
        <v>0</v>
      </c>
      <c r="DE31" s="116">
        <v>0</v>
      </c>
      <c r="DF31" s="115">
        <v>362462</v>
      </c>
      <c r="DG31" s="118">
        <v>394429</v>
      </c>
      <c r="DH31" s="112">
        <v>0</v>
      </c>
      <c r="DI31" s="116">
        <v>0</v>
      </c>
      <c r="DJ31" s="114">
        <v>0</v>
      </c>
      <c r="DK31" s="113">
        <v>0</v>
      </c>
      <c r="DL31" s="116">
        <v>0</v>
      </c>
      <c r="DM31" s="116">
        <v>16340</v>
      </c>
      <c r="DN31" s="116">
        <v>152922</v>
      </c>
      <c r="DO31" s="116">
        <v>0</v>
      </c>
      <c r="DP31" s="116">
        <v>0</v>
      </c>
      <c r="DQ31" s="115">
        <v>169262</v>
      </c>
      <c r="DR31" s="118">
        <v>169262</v>
      </c>
      <c r="DS31" s="112">
        <v>0</v>
      </c>
      <c r="DT31" s="116">
        <v>0</v>
      </c>
      <c r="DU31" s="115">
        <v>0</v>
      </c>
      <c r="DV31" s="112">
        <v>0</v>
      </c>
      <c r="DW31" s="116">
        <v>0</v>
      </c>
      <c r="DX31" s="116">
        <v>0</v>
      </c>
      <c r="DY31" s="116">
        <v>152922</v>
      </c>
      <c r="DZ31" s="116">
        <v>0</v>
      </c>
      <c r="EA31" s="116">
        <v>0</v>
      </c>
      <c r="EB31" s="115">
        <v>152922</v>
      </c>
      <c r="EC31" s="118">
        <v>152922</v>
      </c>
      <c r="ED31" s="112">
        <v>0</v>
      </c>
      <c r="EE31" s="114">
        <v>0</v>
      </c>
      <c r="EF31" s="115">
        <v>0</v>
      </c>
      <c r="EG31" s="112">
        <v>0</v>
      </c>
      <c r="EH31" s="116">
        <v>0</v>
      </c>
      <c r="EI31" s="116">
        <v>16340</v>
      </c>
      <c r="EJ31" s="116">
        <v>0</v>
      </c>
      <c r="EK31" s="116">
        <v>0</v>
      </c>
      <c r="EL31" s="116">
        <v>0</v>
      </c>
      <c r="EM31" s="114">
        <v>16340</v>
      </c>
      <c r="EN31" s="118">
        <v>16340</v>
      </c>
      <c r="EO31" s="112">
        <v>0</v>
      </c>
      <c r="EP31" s="116">
        <v>0</v>
      </c>
      <c r="EQ31" s="114">
        <v>0</v>
      </c>
      <c r="ER31" s="113">
        <v>0</v>
      </c>
      <c r="ES31" s="116">
        <v>0</v>
      </c>
      <c r="ET31" s="116">
        <v>0</v>
      </c>
      <c r="EU31" s="116">
        <v>0</v>
      </c>
      <c r="EV31" s="116">
        <v>0</v>
      </c>
      <c r="EW31" s="116">
        <v>0</v>
      </c>
      <c r="EX31" s="115">
        <v>0</v>
      </c>
      <c r="EY31" s="118">
        <v>0</v>
      </c>
      <c r="EZ31" s="112">
        <v>0</v>
      </c>
      <c r="FA31" s="116">
        <v>0</v>
      </c>
      <c r="FB31" s="114">
        <v>0</v>
      </c>
      <c r="FC31" s="390"/>
      <c r="FD31" s="116">
        <v>0</v>
      </c>
      <c r="FE31" s="116">
        <v>0</v>
      </c>
      <c r="FF31" s="116">
        <v>0</v>
      </c>
      <c r="FG31" s="116">
        <v>0</v>
      </c>
      <c r="FH31" s="116">
        <v>0</v>
      </c>
      <c r="FI31" s="115">
        <v>0</v>
      </c>
      <c r="FJ31" s="118">
        <v>0</v>
      </c>
      <c r="FK31" s="112">
        <v>14700</v>
      </c>
      <c r="FL31" s="116">
        <v>33670</v>
      </c>
      <c r="FM31" s="115">
        <v>48370</v>
      </c>
      <c r="FN31" s="112">
        <v>0</v>
      </c>
      <c r="FO31" s="116">
        <v>228389</v>
      </c>
      <c r="FP31" s="116">
        <v>100065</v>
      </c>
      <c r="FQ31" s="116">
        <v>62426</v>
      </c>
      <c r="FR31" s="116">
        <v>81480</v>
      </c>
      <c r="FS31" s="116">
        <v>79842</v>
      </c>
      <c r="FT31" s="115">
        <v>552202</v>
      </c>
      <c r="FU31" s="118">
        <v>600572</v>
      </c>
      <c r="FV31" s="117">
        <v>14700</v>
      </c>
      <c r="FW31" s="116">
        <v>33670</v>
      </c>
      <c r="FX31" s="114">
        <v>48370</v>
      </c>
      <c r="FY31" s="113">
        <v>0</v>
      </c>
      <c r="FZ31" s="116">
        <v>48181</v>
      </c>
      <c r="GA31" s="116">
        <v>100065</v>
      </c>
      <c r="GB31" s="116">
        <v>62426</v>
      </c>
      <c r="GC31" s="116">
        <v>81480</v>
      </c>
      <c r="GD31" s="116">
        <v>79842</v>
      </c>
      <c r="GE31" s="115">
        <v>371994</v>
      </c>
      <c r="GF31" s="354">
        <v>420364</v>
      </c>
      <c r="GG31" s="117">
        <v>0</v>
      </c>
      <c r="GH31" s="116">
        <v>0</v>
      </c>
      <c r="GI31" s="114">
        <v>0</v>
      </c>
      <c r="GJ31" s="113">
        <v>0</v>
      </c>
      <c r="GK31" s="116">
        <v>15708</v>
      </c>
      <c r="GL31" s="116">
        <v>0</v>
      </c>
      <c r="GM31" s="116">
        <v>0</v>
      </c>
      <c r="GN31" s="116">
        <v>0</v>
      </c>
      <c r="GO31" s="116">
        <v>0</v>
      </c>
      <c r="GP31" s="115">
        <v>15708</v>
      </c>
      <c r="GQ31" s="118">
        <v>15708</v>
      </c>
      <c r="GR31" s="112">
        <v>0</v>
      </c>
      <c r="GS31" s="116">
        <v>0</v>
      </c>
      <c r="GT31" s="115">
        <v>0</v>
      </c>
      <c r="GU31" s="112">
        <v>0</v>
      </c>
      <c r="GV31" s="116">
        <v>164500</v>
      </c>
      <c r="GW31" s="116">
        <v>0</v>
      </c>
      <c r="GX31" s="116">
        <v>0</v>
      </c>
      <c r="GY31" s="116">
        <v>0</v>
      </c>
      <c r="GZ31" s="116">
        <v>0</v>
      </c>
      <c r="HA31" s="114">
        <v>164500</v>
      </c>
      <c r="HB31" s="118">
        <v>164500</v>
      </c>
      <c r="HC31" s="112">
        <v>88375</v>
      </c>
      <c r="HD31" s="116">
        <v>70430</v>
      </c>
      <c r="HE31" s="114">
        <v>158805</v>
      </c>
      <c r="HF31" s="113">
        <v>0</v>
      </c>
      <c r="HG31" s="116">
        <v>127089</v>
      </c>
      <c r="HH31" s="116">
        <v>708227</v>
      </c>
      <c r="HI31" s="116">
        <v>0</v>
      </c>
      <c r="HJ31" s="116">
        <v>337815</v>
      </c>
      <c r="HK31" s="116">
        <v>0</v>
      </c>
      <c r="HL31" s="115">
        <v>1173131</v>
      </c>
      <c r="HM31" s="111">
        <v>1331936</v>
      </c>
      <c r="HN31" s="370"/>
      <c r="HO31" s="371"/>
      <c r="HP31" s="372"/>
      <c r="HQ31" s="373"/>
      <c r="HR31" s="371"/>
      <c r="HS31" s="371"/>
      <c r="HT31" s="371"/>
      <c r="HU31" s="371"/>
      <c r="HV31" s="371"/>
      <c r="HW31" s="374"/>
      <c r="HX31" s="375"/>
      <c r="HY31" s="148">
        <v>0</v>
      </c>
      <c r="HZ31" s="149">
        <v>0</v>
      </c>
      <c r="IA31" s="150">
        <v>0</v>
      </c>
      <c r="IB31" s="163">
        <v>0</v>
      </c>
      <c r="IC31" s="149">
        <v>195897</v>
      </c>
      <c r="ID31" s="164">
        <v>62255</v>
      </c>
      <c r="IE31" s="150">
        <v>739624</v>
      </c>
      <c r="IF31" s="149">
        <v>195684</v>
      </c>
      <c r="IG31" s="150">
        <v>555656</v>
      </c>
      <c r="IH31" s="165">
        <v>1749116</v>
      </c>
      <c r="II31" s="156">
        <v>1749116</v>
      </c>
      <c r="IJ31" s="261">
        <v>0</v>
      </c>
      <c r="IK31" s="268">
        <v>0</v>
      </c>
      <c r="IL31" s="269">
        <v>0</v>
      </c>
      <c r="IM31" s="157"/>
      <c r="IN31" s="122">
        <v>0</v>
      </c>
      <c r="IO31" s="122">
        <v>0</v>
      </c>
      <c r="IP31" s="122">
        <v>0</v>
      </c>
      <c r="IQ31" s="122">
        <v>0</v>
      </c>
      <c r="IR31" s="122">
        <v>0</v>
      </c>
      <c r="IS31" s="158">
        <v>0</v>
      </c>
      <c r="IT31" s="357">
        <v>0</v>
      </c>
      <c r="IU31" s="159">
        <v>0</v>
      </c>
      <c r="IV31" s="122">
        <v>0</v>
      </c>
      <c r="IW31" s="123">
        <v>0</v>
      </c>
      <c r="IX31" s="161"/>
      <c r="IY31" s="122">
        <v>0</v>
      </c>
      <c r="IZ31" s="122">
        <v>0</v>
      </c>
      <c r="JA31" s="122">
        <v>0</v>
      </c>
      <c r="JB31" s="122">
        <v>0</v>
      </c>
      <c r="JC31" s="122">
        <v>0</v>
      </c>
      <c r="JD31" s="123">
        <v>0</v>
      </c>
      <c r="JE31" s="124">
        <v>0</v>
      </c>
      <c r="JF31" s="159">
        <v>0</v>
      </c>
      <c r="JG31" s="122">
        <v>0</v>
      </c>
      <c r="JH31" s="158">
        <v>0</v>
      </c>
      <c r="JI31" s="121">
        <v>0</v>
      </c>
      <c r="JJ31" s="122">
        <v>90390</v>
      </c>
      <c r="JK31" s="122">
        <v>62255</v>
      </c>
      <c r="JL31" s="122">
        <v>218199</v>
      </c>
      <c r="JM31" s="122">
        <v>0</v>
      </c>
      <c r="JN31" s="122">
        <v>156698</v>
      </c>
      <c r="JO31" s="123">
        <v>527542</v>
      </c>
      <c r="JP31" s="357">
        <v>527542</v>
      </c>
      <c r="JQ31" s="159">
        <v>0</v>
      </c>
      <c r="JR31" s="122">
        <v>0</v>
      </c>
      <c r="JS31" s="158">
        <v>0</v>
      </c>
      <c r="JT31" s="121">
        <v>0</v>
      </c>
      <c r="JU31" s="122">
        <v>0</v>
      </c>
      <c r="JV31" s="122">
        <v>0</v>
      </c>
      <c r="JW31" s="122">
        <v>202019</v>
      </c>
      <c r="JX31" s="122">
        <v>0</v>
      </c>
      <c r="JY31" s="122">
        <v>0</v>
      </c>
      <c r="JZ31" s="123">
        <v>202019</v>
      </c>
      <c r="KA31" s="357">
        <v>202019</v>
      </c>
      <c r="KB31" s="264">
        <v>0</v>
      </c>
      <c r="KC31" s="258">
        <v>0</v>
      </c>
      <c r="KD31" s="123">
        <v>0</v>
      </c>
      <c r="KE31" s="121">
        <v>0</v>
      </c>
      <c r="KF31" s="122">
        <v>105507</v>
      </c>
      <c r="KG31" s="122">
        <v>0</v>
      </c>
      <c r="KH31" s="122">
        <v>0</v>
      </c>
      <c r="KI31" s="122">
        <v>0</v>
      </c>
      <c r="KJ31" s="122">
        <v>0</v>
      </c>
      <c r="KK31" s="123">
        <v>105507</v>
      </c>
      <c r="KL31" s="160">
        <v>105507</v>
      </c>
      <c r="KM31" s="261">
        <v>0</v>
      </c>
      <c r="KN31" s="268">
        <v>0</v>
      </c>
      <c r="KO31" s="269">
        <v>0</v>
      </c>
      <c r="KP31" s="157"/>
      <c r="KQ31" s="122">
        <v>0</v>
      </c>
      <c r="KR31" s="122">
        <v>0</v>
      </c>
      <c r="KS31" s="122">
        <v>319406</v>
      </c>
      <c r="KT31" s="122">
        <v>195684</v>
      </c>
      <c r="KU31" s="122">
        <v>398958</v>
      </c>
      <c r="KV31" s="123">
        <v>914048</v>
      </c>
      <c r="KW31" s="357">
        <v>914048</v>
      </c>
      <c r="KX31" s="159">
        <v>0</v>
      </c>
      <c r="KY31" s="122">
        <v>0</v>
      </c>
      <c r="KZ31" s="123">
        <v>0</v>
      </c>
      <c r="LA31" s="162"/>
      <c r="LB31" s="122">
        <v>0</v>
      </c>
      <c r="LC31" s="122">
        <v>0</v>
      </c>
      <c r="LD31" s="122">
        <v>0</v>
      </c>
      <c r="LE31" s="122">
        <v>0</v>
      </c>
      <c r="LF31" s="122">
        <v>0</v>
      </c>
      <c r="LG31" s="123">
        <v>0</v>
      </c>
      <c r="LH31" s="124">
        <v>0</v>
      </c>
      <c r="LI31" s="159">
        <v>0</v>
      </c>
      <c r="LJ31" s="122">
        <v>0</v>
      </c>
      <c r="LK31" s="123">
        <v>0</v>
      </c>
      <c r="LL31" s="162"/>
      <c r="LM31" s="122">
        <v>0</v>
      </c>
      <c r="LN31" s="122">
        <v>0</v>
      </c>
      <c r="LO31" s="122">
        <v>0</v>
      </c>
      <c r="LP31" s="122">
        <v>0</v>
      </c>
      <c r="LQ31" s="122">
        <v>0</v>
      </c>
      <c r="LR31" s="123">
        <v>0</v>
      </c>
      <c r="LS31" s="357">
        <v>0</v>
      </c>
      <c r="LT31" s="159">
        <v>0</v>
      </c>
      <c r="LU31" s="122">
        <v>0</v>
      </c>
      <c r="LV31" s="123">
        <v>0</v>
      </c>
      <c r="LW31" s="162"/>
      <c r="LX31" s="122">
        <v>0</v>
      </c>
      <c r="LY31" s="122">
        <v>0</v>
      </c>
      <c r="LZ31" s="122">
        <v>0</v>
      </c>
      <c r="MA31" s="122">
        <v>0</v>
      </c>
      <c r="MB31" s="122">
        <v>0</v>
      </c>
      <c r="MC31" s="123">
        <v>0</v>
      </c>
      <c r="MD31" s="124">
        <v>0</v>
      </c>
      <c r="ME31" s="159">
        <v>0</v>
      </c>
      <c r="MF31" s="122">
        <v>0</v>
      </c>
      <c r="MG31" s="123">
        <v>0</v>
      </c>
      <c r="MH31" s="162"/>
      <c r="MI31" s="122">
        <v>178807</v>
      </c>
      <c r="MJ31" s="122">
        <v>0</v>
      </c>
      <c r="MK31" s="122">
        <v>191392</v>
      </c>
      <c r="ML31" s="122">
        <v>176485</v>
      </c>
      <c r="MM31" s="122">
        <v>-235</v>
      </c>
      <c r="MN31" s="123">
        <v>546449</v>
      </c>
      <c r="MO31" s="160">
        <v>546449</v>
      </c>
      <c r="MP31" s="159">
        <v>0</v>
      </c>
      <c r="MQ31" s="122">
        <v>0</v>
      </c>
      <c r="MR31" s="123">
        <v>0</v>
      </c>
      <c r="MS31" s="162"/>
      <c r="MT31" s="122">
        <v>0</v>
      </c>
      <c r="MU31" s="122">
        <v>0</v>
      </c>
      <c r="MV31" s="122">
        <v>0</v>
      </c>
      <c r="MW31" s="122">
        <v>176485</v>
      </c>
      <c r="MX31" s="122">
        <v>-235</v>
      </c>
      <c r="MY31" s="123">
        <v>176250</v>
      </c>
      <c r="MZ31" s="160">
        <v>176250</v>
      </c>
      <c r="NA31" s="159">
        <v>0</v>
      </c>
      <c r="NB31" s="122">
        <v>0</v>
      </c>
      <c r="NC31" s="123">
        <v>0</v>
      </c>
      <c r="ND31" s="162"/>
      <c r="NE31" s="122">
        <v>178807</v>
      </c>
      <c r="NF31" s="122">
        <v>0</v>
      </c>
      <c r="NG31" s="122">
        <v>191392</v>
      </c>
      <c r="NH31" s="122">
        <v>0</v>
      </c>
      <c r="NI31" s="122">
        <v>0</v>
      </c>
      <c r="NJ31" s="123">
        <v>370199</v>
      </c>
      <c r="NK31" s="357">
        <v>370199</v>
      </c>
      <c r="NL31" s="159">
        <v>0</v>
      </c>
      <c r="NM31" s="122">
        <v>0</v>
      </c>
      <c r="NN31" s="123">
        <v>0</v>
      </c>
      <c r="NO31" s="162"/>
      <c r="NP31" s="122">
        <v>0</v>
      </c>
      <c r="NQ31" s="122">
        <v>0</v>
      </c>
      <c r="NR31" s="122">
        <v>0</v>
      </c>
      <c r="NS31" s="122">
        <v>0</v>
      </c>
      <c r="NT31" s="122">
        <v>0</v>
      </c>
      <c r="NU31" s="123">
        <v>0</v>
      </c>
      <c r="NV31" s="124">
        <v>0</v>
      </c>
      <c r="NW31" s="159">
        <v>0</v>
      </c>
      <c r="NX31" s="122">
        <v>0</v>
      </c>
      <c r="NY31" s="123">
        <v>0</v>
      </c>
      <c r="NZ31" s="162"/>
      <c r="OA31" s="122">
        <v>0</v>
      </c>
      <c r="OB31" s="122">
        <v>0</v>
      </c>
      <c r="OC31" s="122">
        <v>0</v>
      </c>
      <c r="OD31" s="122">
        <v>0</v>
      </c>
      <c r="OE31" s="122">
        <v>0</v>
      </c>
      <c r="OF31" s="123">
        <v>0</v>
      </c>
      <c r="OG31" s="124">
        <v>0</v>
      </c>
      <c r="OH31" s="159">
        <v>124887</v>
      </c>
      <c r="OI31" s="122">
        <v>184760</v>
      </c>
      <c r="OJ31" s="158">
        <v>309647</v>
      </c>
      <c r="OK31" s="121">
        <v>0</v>
      </c>
      <c r="OL31" s="122">
        <v>1395224</v>
      </c>
      <c r="OM31" s="122">
        <v>1585311</v>
      </c>
      <c r="ON31" s="122">
        <v>1546750</v>
      </c>
      <c r="OO31" s="122">
        <v>1139188</v>
      </c>
      <c r="OP31" s="122">
        <v>1177320</v>
      </c>
      <c r="OQ31" s="123">
        <v>6843793</v>
      </c>
      <c r="OR31" s="160">
        <v>7153440</v>
      </c>
    </row>
    <row r="32" spans="1:408" ht="20.25" customHeight="1" x14ac:dyDescent="0.2">
      <c r="A32" s="129" t="s">
        <v>27</v>
      </c>
      <c r="B32" s="112">
        <v>108847</v>
      </c>
      <c r="C32" s="116">
        <v>351980</v>
      </c>
      <c r="D32" s="115">
        <v>460827</v>
      </c>
      <c r="E32" s="111">
        <v>0</v>
      </c>
      <c r="F32" s="116">
        <v>707492</v>
      </c>
      <c r="G32" s="116">
        <v>433272</v>
      </c>
      <c r="H32" s="116">
        <v>1435517</v>
      </c>
      <c r="I32" s="116">
        <v>876991</v>
      </c>
      <c r="J32" s="116">
        <v>538553</v>
      </c>
      <c r="K32" s="200">
        <v>3991825</v>
      </c>
      <c r="L32" s="118">
        <v>4452652</v>
      </c>
      <c r="M32" s="112">
        <v>33235</v>
      </c>
      <c r="N32" s="116">
        <v>78505</v>
      </c>
      <c r="O32" s="115">
        <v>111740</v>
      </c>
      <c r="P32" s="112">
        <v>0</v>
      </c>
      <c r="Q32" s="116">
        <v>170851</v>
      </c>
      <c r="R32" s="116">
        <v>179493</v>
      </c>
      <c r="S32" s="116">
        <v>331561</v>
      </c>
      <c r="T32" s="116">
        <v>73654</v>
      </c>
      <c r="U32" s="116">
        <v>460223</v>
      </c>
      <c r="V32" s="115">
        <v>1215782</v>
      </c>
      <c r="W32" s="118">
        <v>1327522</v>
      </c>
      <c r="X32" s="112">
        <v>0</v>
      </c>
      <c r="Y32" s="116">
        <v>0</v>
      </c>
      <c r="Z32" s="115">
        <v>0</v>
      </c>
      <c r="AA32" s="112">
        <v>0</v>
      </c>
      <c r="AB32" s="116">
        <v>19692</v>
      </c>
      <c r="AC32" s="116">
        <v>147072</v>
      </c>
      <c r="AD32" s="116">
        <v>178415</v>
      </c>
      <c r="AE32" s="116">
        <v>0</v>
      </c>
      <c r="AF32" s="116">
        <v>394301</v>
      </c>
      <c r="AG32" s="115">
        <v>739480</v>
      </c>
      <c r="AH32" s="118">
        <v>739480</v>
      </c>
      <c r="AI32" s="112">
        <v>0</v>
      </c>
      <c r="AJ32" s="116">
        <v>0</v>
      </c>
      <c r="AK32" s="115">
        <v>0</v>
      </c>
      <c r="AL32" s="112">
        <v>0</v>
      </c>
      <c r="AM32" s="116">
        <v>0</v>
      </c>
      <c r="AN32" s="116">
        <v>0</v>
      </c>
      <c r="AO32" s="116">
        <v>0</v>
      </c>
      <c r="AP32" s="116">
        <v>0</v>
      </c>
      <c r="AQ32" s="116">
        <v>0</v>
      </c>
      <c r="AR32" s="115">
        <v>0</v>
      </c>
      <c r="AS32" s="118">
        <v>0</v>
      </c>
      <c r="AT32" s="112">
        <v>31422</v>
      </c>
      <c r="AU32" s="116">
        <v>38172</v>
      </c>
      <c r="AV32" s="115">
        <v>69594</v>
      </c>
      <c r="AW32" s="112">
        <v>0</v>
      </c>
      <c r="AX32" s="116">
        <v>120289</v>
      </c>
      <c r="AY32" s="116">
        <v>25645</v>
      </c>
      <c r="AZ32" s="116">
        <v>66416</v>
      </c>
      <c r="BA32" s="116">
        <v>15596</v>
      </c>
      <c r="BB32" s="116">
        <v>46406</v>
      </c>
      <c r="BC32" s="115">
        <v>274352</v>
      </c>
      <c r="BD32" s="118">
        <v>343946</v>
      </c>
      <c r="BE32" s="112">
        <v>0</v>
      </c>
      <c r="BF32" s="116">
        <v>27159</v>
      </c>
      <c r="BG32" s="114">
        <v>27159</v>
      </c>
      <c r="BH32" s="113">
        <v>0</v>
      </c>
      <c r="BI32" s="116">
        <v>0</v>
      </c>
      <c r="BJ32" s="116">
        <v>0</v>
      </c>
      <c r="BK32" s="116">
        <v>0</v>
      </c>
      <c r="BL32" s="116">
        <v>0</v>
      </c>
      <c r="BM32" s="116">
        <v>0</v>
      </c>
      <c r="BN32" s="115">
        <v>0</v>
      </c>
      <c r="BO32" s="118">
        <v>27159</v>
      </c>
      <c r="BP32" s="112">
        <v>1813</v>
      </c>
      <c r="BQ32" s="116">
        <v>13174</v>
      </c>
      <c r="BR32" s="115">
        <v>14987</v>
      </c>
      <c r="BS32" s="112">
        <v>0</v>
      </c>
      <c r="BT32" s="116">
        <v>30870</v>
      </c>
      <c r="BU32" s="116">
        <v>6776</v>
      </c>
      <c r="BV32" s="116">
        <v>86730</v>
      </c>
      <c r="BW32" s="116">
        <v>58058</v>
      </c>
      <c r="BX32" s="116">
        <v>19516</v>
      </c>
      <c r="BY32" s="115">
        <v>201950</v>
      </c>
      <c r="BZ32" s="118">
        <v>216937</v>
      </c>
      <c r="CA32" s="112">
        <v>19183</v>
      </c>
      <c r="CB32" s="116">
        <v>34867</v>
      </c>
      <c r="CC32" s="115">
        <v>54050</v>
      </c>
      <c r="CD32" s="112">
        <v>0</v>
      </c>
      <c r="CE32" s="116">
        <v>31726</v>
      </c>
      <c r="CF32" s="116">
        <v>48153</v>
      </c>
      <c r="CG32" s="116">
        <v>219985</v>
      </c>
      <c r="CH32" s="116">
        <v>75599</v>
      </c>
      <c r="CI32" s="116">
        <v>0</v>
      </c>
      <c r="CJ32" s="115">
        <v>375463</v>
      </c>
      <c r="CK32" s="118">
        <v>429513</v>
      </c>
      <c r="CL32" s="112">
        <v>0</v>
      </c>
      <c r="CM32" s="116">
        <v>0</v>
      </c>
      <c r="CN32" s="115">
        <v>0</v>
      </c>
      <c r="CO32" s="113">
        <v>0</v>
      </c>
      <c r="CP32" s="116">
        <v>13888</v>
      </c>
      <c r="CQ32" s="116">
        <v>20286</v>
      </c>
      <c r="CR32" s="116">
        <v>154806</v>
      </c>
      <c r="CS32" s="116">
        <v>75599</v>
      </c>
      <c r="CT32" s="116">
        <v>0</v>
      </c>
      <c r="CU32" s="115">
        <v>264579</v>
      </c>
      <c r="CV32" s="118">
        <v>264579</v>
      </c>
      <c r="CW32" s="112">
        <v>19183</v>
      </c>
      <c r="CX32" s="116">
        <v>34867</v>
      </c>
      <c r="CY32" s="115">
        <v>54050</v>
      </c>
      <c r="CZ32" s="112">
        <v>0</v>
      </c>
      <c r="DA32" s="116">
        <v>17838</v>
      </c>
      <c r="DB32" s="116">
        <v>27867</v>
      </c>
      <c r="DC32" s="116">
        <v>65179</v>
      </c>
      <c r="DD32" s="116">
        <v>0</v>
      </c>
      <c r="DE32" s="116">
        <v>0</v>
      </c>
      <c r="DF32" s="115">
        <v>110884</v>
      </c>
      <c r="DG32" s="118">
        <v>164934</v>
      </c>
      <c r="DH32" s="112">
        <v>0</v>
      </c>
      <c r="DI32" s="116">
        <v>0</v>
      </c>
      <c r="DJ32" s="114">
        <v>0</v>
      </c>
      <c r="DK32" s="113">
        <v>0</v>
      </c>
      <c r="DL32" s="116">
        <v>0</v>
      </c>
      <c r="DM32" s="116">
        <v>0</v>
      </c>
      <c r="DN32" s="116">
        <v>124502</v>
      </c>
      <c r="DO32" s="116">
        <v>32966</v>
      </c>
      <c r="DP32" s="116">
        <v>0</v>
      </c>
      <c r="DQ32" s="115">
        <v>157468</v>
      </c>
      <c r="DR32" s="118">
        <v>157468</v>
      </c>
      <c r="DS32" s="112">
        <v>0</v>
      </c>
      <c r="DT32" s="116">
        <v>0</v>
      </c>
      <c r="DU32" s="115">
        <v>0</v>
      </c>
      <c r="DV32" s="112">
        <v>0</v>
      </c>
      <c r="DW32" s="116">
        <v>0</v>
      </c>
      <c r="DX32" s="116">
        <v>0</v>
      </c>
      <c r="DY32" s="116">
        <v>124502</v>
      </c>
      <c r="DZ32" s="116">
        <v>32966</v>
      </c>
      <c r="EA32" s="116">
        <v>0</v>
      </c>
      <c r="EB32" s="115">
        <v>157468</v>
      </c>
      <c r="EC32" s="118">
        <v>157468</v>
      </c>
      <c r="ED32" s="112">
        <v>0</v>
      </c>
      <c r="EE32" s="114">
        <v>0</v>
      </c>
      <c r="EF32" s="115">
        <v>0</v>
      </c>
      <c r="EG32" s="112">
        <v>0</v>
      </c>
      <c r="EH32" s="116">
        <v>0</v>
      </c>
      <c r="EI32" s="116">
        <v>0</v>
      </c>
      <c r="EJ32" s="116">
        <v>0</v>
      </c>
      <c r="EK32" s="116">
        <v>0</v>
      </c>
      <c r="EL32" s="116">
        <v>0</v>
      </c>
      <c r="EM32" s="114">
        <v>0</v>
      </c>
      <c r="EN32" s="118">
        <v>0</v>
      </c>
      <c r="EO32" s="112">
        <v>0</v>
      </c>
      <c r="EP32" s="116">
        <v>0</v>
      </c>
      <c r="EQ32" s="114">
        <v>0</v>
      </c>
      <c r="ER32" s="113">
        <v>0</v>
      </c>
      <c r="ES32" s="116">
        <v>0</v>
      </c>
      <c r="ET32" s="116">
        <v>0</v>
      </c>
      <c r="EU32" s="116">
        <v>0</v>
      </c>
      <c r="EV32" s="116">
        <v>0</v>
      </c>
      <c r="EW32" s="116">
        <v>0</v>
      </c>
      <c r="EX32" s="115">
        <v>0</v>
      </c>
      <c r="EY32" s="118">
        <v>0</v>
      </c>
      <c r="EZ32" s="112">
        <v>0</v>
      </c>
      <c r="FA32" s="116">
        <v>0</v>
      </c>
      <c r="FB32" s="114">
        <v>0</v>
      </c>
      <c r="FC32" s="390"/>
      <c r="FD32" s="116">
        <v>0</v>
      </c>
      <c r="FE32" s="116">
        <v>0</v>
      </c>
      <c r="FF32" s="116">
        <v>0</v>
      </c>
      <c r="FG32" s="116">
        <v>0</v>
      </c>
      <c r="FH32" s="116">
        <v>0</v>
      </c>
      <c r="FI32" s="115">
        <v>0</v>
      </c>
      <c r="FJ32" s="118">
        <v>0</v>
      </c>
      <c r="FK32" s="112">
        <v>17360</v>
      </c>
      <c r="FL32" s="116">
        <v>85652</v>
      </c>
      <c r="FM32" s="115">
        <v>103012</v>
      </c>
      <c r="FN32" s="112">
        <v>0</v>
      </c>
      <c r="FO32" s="116">
        <v>2100</v>
      </c>
      <c r="FP32" s="116">
        <v>67914</v>
      </c>
      <c r="FQ32" s="116">
        <v>61355</v>
      </c>
      <c r="FR32" s="116">
        <v>16450</v>
      </c>
      <c r="FS32" s="116">
        <v>17850</v>
      </c>
      <c r="FT32" s="115">
        <v>165669</v>
      </c>
      <c r="FU32" s="118">
        <v>268681</v>
      </c>
      <c r="FV32" s="117">
        <v>17360</v>
      </c>
      <c r="FW32" s="116">
        <v>56700</v>
      </c>
      <c r="FX32" s="114">
        <v>74060</v>
      </c>
      <c r="FY32" s="113">
        <v>0</v>
      </c>
      <c r="FZ32" s="116">
        <v>2100</v>
      </c>
      <c r="GA32" s="116">
        <v>36806</v>
      </c>
      <c r="GB32" s="116">
        <v>61355</v>
      </c>
      <c r="GC32" s="116">
        <v>16450</v>
      </c>
      <c r="GD32" s="116">
        <v>17850</v>
      </c>
      <c r="GE32" s="115">
        <v>134561</v>
      </c>
      <c r="GF32" s="354">
        <v>208621</v>
      </c>
      <c r="GG32" s="117">
        <v>0</v>
      </c>
      <c r="GH32" s="116">
        <v>28952</v>
      </c>
      <c r="GI32" s="114">
        <v>28952</v>
      </c>
      <c r="GJ32" s="113">
        <v>0</v>
      </c>
      <c r="GK32" s="116">
        <v>0</v>
      </c>
      <c r="GL32" s="116">
        <v>31108</v>
      </c>
      <c r="GM32" s="116">
        <v>0</v>
      </c>
      <c r="GN32" s="116">
        <v>0</v>
      </c>
      <c r="GO32" s="116">
        <v>0</v>
      </c>
      <c r="GP32" s="115">
        <v>31108</v>
      </c>
      <c r="GQ32" s="118">
        <v>60060</v>
      </c>
      <c r="GR32" s="112">
        <v>0</v>
      </c>
      <c r="GS32" s="116">
        <v>0</v>
      </c>
      <c r="GT32" s="115">
        <v>0</v>
      </c>
      <c r="GU32" s="112">
        <v>0</v>
      </c>
      <c r="GV32" s="116">
        <v>0</v>
      </c>
      <c r="GW32" s="116">
        <v>0</v>
      </c>
      <c r="GX32" s="116">
        <v>0</v>
      </c>
      <c r="GY32" s="116">
        <v>0</v>
      </c>
      <c r="GZ32" s="116">
        <v>0</v>
      </c>
      <c r="HA32" s="114">
        <v>0</v>
      </c>
      <c r="HB32" s="118">
        <v>0</v>
      </c>
      <c r="HC32" s="112">
        <v>39069</v>
      </c>
      <c r="HD32" s="116">
        <v>152956</v>
      </c>
      <c r="HE32" s="114">
        <v>192025</v>
      </c>
      <c r="HF32" s="113">
        <v>0</v>
      </c>
      <c r="HG32" s="116">
        <v>502815</v>
      </c>
      <c r="HH32" s="116">
        <v>137712</v>
      </c>
      <c r="HI32" s="116">
        <v>698114</v>
      </c>
      <c r="HJ32" s="116">
        <v>678322</v>
      </c>
      <c r="HK32" s="116">
        <v>60480</v>
      </c>
      <c r="HL32" s="115">
        <v>2077443</v>
      </c>
      <c r="HM32" s="111">
        <v>2269468</v>
      </c>
      <c r="HN32" s="370"/>
      <c r="HO32" s="371"/>
      <c r="HP32" s="372"/>
      <c r="HQ32" s="373"/>
      <c r="HR32" s="371"/>
      <c r="HS32" s="371"/>
      <c r="HT32" s="371"/>
      <c r="HU32" s="371"/>
      <c r="HV32" s="371"/>
      <c r="HW32" s="374"/>
      <c r="HX32" s="375"/>
      <c r="HY32" s="167">
        <v>0</v>
      </c>
      <c r="HZ32" s="152">
        <v>0</v>
      </c>
      <c r="IA32" s="167">
        <v>0</v>
      </c>
      <c r="IB32" s="151">
        <v>0</v>
      </c>
      <c r="IC32" s="152">
        <v>57666</v>
      </c>
      <c r="ID32" s="153">
        <v>0</v>
      </c>
      <c r="IE32" s="154">
        <v>10035</v>
      </c>
      <c r="IF32" s="152">
        <v>0</v>
      </c>
      <c r="IG32" s="154">
        <v>0</v>
      </c>
      <c r="IH32" s="155">
        <v>67701</v>
      </c>
      <c r="II32" s="167">
        <v>67701</v>
      </c>
      <c r="IJ32" s="261">
        <v>0</v>
      </c>
      <c r="IK32" s="268">
        <v>0</v>
      </c>
      <c r="IL32" s="269">
        <v>0</v>
      </c>
      <c r="IM32" s="157"/>
      <c r="IN32" s="122">
        <v>0</v>
      </c>
      <c r="IO32" s="122">
        <v>0</v>
      </c>
      <c r="IP32" s="122">
        <v>0</v>
      </c>
      <c r="IQ32" s="122">
        <v>0</v>
      </c>
      <c r="IR32" s="122">
        <v>0</v>
      </c>
      <c r="IS32" s="158">
        <v>0</v>
      </c>
      <c r="IT32" s="357">
        <v>0</v>
      </c>
      <c r="IU32" s="159">
        <v>0</v>
      </c>
      <c r="IV32" s="122">
        <v>0</v>
      </c>
      <c r="IW32" s="123">
        <v>0</v>
      </c>
      <c r="IX32" s="161"/>
      <c r="IY32" s="122">
        <v>0</v>
      </c>
      <c r="IZ32" s="122">
        <v>0</v>
      </c>
      <c r="JA32" s="122">
        <v>0</v>
      </c>
      <c r="JB32" s="122">
        <v>0</v>
      </c>
      <c r="JC32" s="122">
        <v>0</v>
      </c>
      <c r="JD32" s="123">
        <v>0</v>
      </c>
      <c r="JE32" s="124">
        <v>0</v>
      </c>
      <c r="JF32" s="159">
        <v>0</v>
      </c>
      <c r="JG32" s="122">
        <v>0</v>
      </c>
      <c r="JH32" s="158">
        <v>0</v>
      </c>
      <c r="JI32" s="121">
        <v>0</v>
      </c>
      <c r="JJ32" s="122">
        <v>0</v>
      </c>
      <c r="JK32" s="122">
        <v>0</v>
      </c>
      <c r="JL32" s="122">
        <v>10035</v>
      </c>
      <c r="JM32" s="122">
        <v>0</v>
      </c>
      <c r="JN32" s="122">
        <v>0</v>
      </c>
      <c r="JO32" s="123">
        <v>10035</v>
      </c>
      <c r="JP32" s="357">
        <v>10035</v>
      </c>
      <c r="JQ32" s="159">
        <v>0</v>
      </c>
      <c r="JR32" s="122">
        <v>0</v>
      </c>
      <c r="JS32" s="158">
        <v>0</v>
      </c>
      <c r="JT32" s="121">
        <v>0</v>
      </c>
      <c r="JU32" s="122">
        <v>57666</v>
      </c>
      <c r="JV32" s="122">
        <v>0</v>
      </c>
      <c r="JW32" s="122">
        <v>0</v>
      </c>
      <c r="JX32" s="122">
        <v>0</v>
      </c>
      <c r="JY32" s="122">
        <v>0</v>
      </c>
      <c r="JZ32" s="123">
        <v>57666</v>
      </c>
      <c r="KA32" s="357">
        <v>57666</v>
      </c>
      <c r="KB32" s="264">
        <v>0</v>
      </c>
      <c r="KC32" s="258">
        <v>0</v>
      </c>
      <c r="KD32" s="123">
        <v>0</v>
      </c>
      <c r="KE32" s="121">
        <v>0</v>
      </c>
      <c r="KF32" s="122">
        <v>0</v>
      </c>
      <c r="KG32" s="122">
        <v>0</v>
      </c>
      <c r="KH32" s="122">
        <v>0</v>
      </c>
      <c r="KI32" s="122">
        <v>0</v>
      </c>
      <c r="KJ32" s="122">
        <v>0</v>
      </c>
      <c r="KK32" s="123">
        <v>0</v>
      </c>
      <c r="KL32" s="160">
        <v>0</v>
      </c>
      <c r="KM32" s="261">
        <v>0</v>
      </c>
      <c r="KN32" s="268">
        <v>0</v>
      </c>
      <c r="KO32" s="269">
        <v>0</v>
      </c>
      <c r="KP32" s="157"/>
      <c r="KQ32" s="122">
        <v>0</v>
      </c>
      <c r="KR32" s="122">
        <v>0</v>
      </c>
      <c r="KS32" s="122">
        <v>0</v>
      </c>
      <c r="KT32" s="122">
        <v>0</v>
      </c>
      <c r="KU32" s="122">
        <v>0</v>
      </c>
      <c r="KV32" s="123">
        <v>0</v>
      </c>
      <c r="KW32" s="357">
        <v>0</v>
      </c>
      <c r="KX32" s="159">
        <v>0</v>
      </c>
      <c r="KY32" s="122">
        <v>0</v>
      </c>
      <c r="KZ32" s="123">
        <v>0</v>
      </c>
      <c r="LA32" s="162"/>
      <c r="LB32" s="122">
        <v>0</v>
      </c>
      <c r="LC32" s="122">
        <v>0</v>
      </c>
      <c r="LD32" s="122">
        <v>0</v>
      </c>
      <c r="LE32" s="122">
        <v>0</v>
      </c>
      <c r="LF32" s="122">
        <v>0</v>
      </c>
      <c r="LG32" s="123">
        <v>0</v>
      </c>
      <c r="LH32" s="124">
        <v>0</v>
      </c>
      <c r="LI32" s="159">
        <v>0</v>
      </c>
      <c r="LJ32" s="122">
        <v>0</v>
      </c>
      <c r="LK32" s="123">
        <v>0</v>
      </c>
      <c r="LL32" s="162"/>
      <c r="LM32" s="122">
        <v>0</v>
      </c>
      <c r="LN32" s="122">
        <v>0</v>
      </c>
      <c r="LO32" s="122">
        <v>0</v>
      </c>
      <c r="LP32" s="122">
        <v>0</v>
      </c>
      <c r="LQ32" s="122">
        <v>0</v>
      </c>
      <c r="LR32" s="123">
        <v>0</v>
      </c>
      <c r="LS32" s="357">
        <v>0</v>
      </c>
      <c r="LT32" s="159">
        <v>0</v>
      </c>
      <c r="LU32" s="122">
        <v>0</v>
      </c>
      <c r="LV32" s="123">
        <v>0</v>
      </c>
      <c r="LW32" s="162"/>
      <c r="LX32" s="122">
        <v>0</v>
      </c>
      <c r="LY32" s="122">
        <v>0</v>
      </c>
      <c r="LZ32" s="122">
        <v>0</v>
      </c>
      <c r="MA32" s="122">
        <v>0</v>
      </c>
      <c r="MB32" s="122">
        <v>0</v>
      </c>
      <c r="MC32" s="123">
        <v>0</v>
      </c>
      <c r="MD32" s="124">
        <v>0</v>
      </c>
      <c r="ME32" s="159">
        <v>0</v>
      </c>
      <c r="MF32" s="122">
        <v>0</v>
      </c>
      <c r="MG32" s="123">
        <v>0</v>
      </c>
      <c r="MH32" s="162"/>
      <c r="MI32" s="122">
        <v>0</v>
      </c>
      <c r="MJ32" s="122">
        <v>0</v>
      </c>
      <c r="MK32" s="122">
        <v>553774</v>
      </c>
      <c r="ML32" s="122">
        <v>438235</v>
      </c>
      <c r="MM32" s="122">
        <v>0</v>
      </c>
      <c r="MN32" s="123">
        <v>992009</v>
      </c>
      <c r="MO32" s="160">
        <v>992009</v>
      </c>
      <c r="MP32" s="159">
        <v>0</v>
      </c>
      <c r="MQ32" s="122">
        <v>0</v>
      </c>
      <c r="MR32" s="123">
        <v>0</v>
      </c>
      <c r="MS32" s="162"/>
      <c r="MT32" s="122">
        <v>0</v>
      </c>
      <c r="MU32" s="122">
        <v>0</v>
      </c>
      <c r="MV32" s="122">
        <v>338370</v>
      </c>
      <c r="MW32" s="122">
        <v>214368</v>
      </c>
      <c r="MX32" s="122">
        <v>0</v>
      </c>
      <c r="MY32" s="123">
        <v>552738</v>
      </c>
      <c r="MZ32" s="160">
        <v>552738</v>
      </c>
      <c r="NA32" s="159">
        <v>0</v>
      </c>
      <c r="NB32" s="122">
        <v>0</v>
      </c>
      <c r="NC32" s="123">
        <v>0</v>
      </c>
      <c r="ND32" s="162"/>
      <c r="NE32" s="122">
        <v>0</v>
      </c>
      <c r="NF32" s="122">
        <v>0</v>
      </c>
      <c r="NG32" s="122">
        <v>215404</v>
      </c>
      <c r="NH32" s="122">
        <v>223867</v>
      </c>
      <c r="NI32" s="122">
        <v>0</v>
      </c>
      <c r="NJ32" s="123">
        <v>439271</v>
      </c>
      <c r="NK32" s="357">
        <v>439271</v>
      </c>
      <c r="NL32" s="159">
        <v>0</v>
      </c>
      <c r="NM32" s="122">
        <v>0</v>
      </c>
      <c r="NN32" s="123">
        <v>0</v>
      </c>
      <c r="NO32" s="162"/>
      <c r="NP32" s="122">
        <v>0</v>
      </c>
      <c r="NQ32" s="122">
        <v>0</v>
      </c>
      <c r="NR32" s="122">
        <v>0</v>
      </c>
      <c r="NS32" s="122">
        <v>0</v>
      </c>
      <c r="NT32" s="122">
        <v>0</v>
      </c>
      <c r="NU32" s="123">
        <v>0</v>
      </c>
      <c r="NV32" s="124">
        <v>0</v>
      </c>
      <c r="NW32" s="159">
        <v>0</v>
      </c>
      <c r="NX32" s="122">
        <v>0</v>
      </c>
      <c r="NY32" s="123">
        <v>0</v>
      </c>
      <c r="NZ32" s="162"/>
      <c r="OA32" s="122">
        <v>0</v>
      </c>
      <c r="OB32" s="122">
        <v>0</v>
      </c>
      <c r="OC32" s="122">
        <v>0</v>
      </c>
      <c r="OD32" s="122">
        <v>0</v>
      </c>
      <c r="OE32" s="122">
        <v>0</v>
      </c>
      <c r="OF32" s="123">
        <v>0</v>
      </c>
      <c r="OG32" s="124">
        <v>0</v>
      </c>
      <c r="OH32" s="159">
        <v>108847</v>
      </c>
      <c r="OI32" s="122">
        <v>351980</v>
      </c>
      <c r="OJ32" s="158">
        <v>460827</v>
      </c>
      <c r="OK32" s="121">
        <v>0</v>
      </c>
      <c r="OL32" s="122">
        <v>765158</v>
      </c>
      <c r="OM32" s="122">
        <v>433272</v>
      </c>
      <c r="ON32" s="122">
        <v>1999326</v>
      </c>
      <c r="OO32" s="122">
        <v>1315226</v>
      </c>
      <c r="OP32" s="122">
        <v>538553</v>
      </c>
      <c r="OQ32" s="123">
        <v>5051535</v>
      </c>
      <c r="OR32" s="160">
        <v>5512362</v>
      </c>
    </row>
    <row r="33" spans="1:408" ht="20.25" customHeight="1" x14ac:dyDescent="0.2">
      <c r="A33" s="129" t="s">
        <v>28</v>
      </c>
      <c r="B33" s="112">
        <v>805</v>
      </c>
      <c r="C33" s="116">
        <v>47467</v>
      </c>
      <c r="D33" s="115">
        <v>48272</v>
      </c>
      <c r="E33" s="111">
        <v>0</v>
      </c>
      <c r="F33" s="116">
        <v>252371</v>
      </c>
      <c r="G33" s="116">
        <v>294694</v>
      </c>
      <c r="H33" s="116">
        <v>186026</v>
      </c>
      <c r="I33" s="116">
        <v>22009</v>
      </c>
      <c r="J33" s="116">
        <v>274054</v>
      </c>
      <c r="K33" s="200">
        <v>1029154</v>
      </c>
      <c r="L33" s="118">
        <v>1077426</v>
      </c>
      <c r="M33" s="112">
        <v>0</v>
      </c>
      <c r="N33" s="116">
        <v>0</v>
      </c>
      <c r="O33" s="115">
        <v>0</v>
      </c>
      <c r="P33" s="112">
        <v>0</v>
      </c>
      <c r="Q33" s="116">
        <v>94234</v>
      </c>
      <c r="R33" s="116">
        <v>123355</v>
      </c>
      <c r="S33" s="116">
        <v>19082</v>
      </c>
      <c r="T33" s="116">
        <v>21309</v>
      </c>
      <c r="U33" s="116">
        <v>8778</v>
      </c>
      <c r="V33" s="115">
        <v>266758</v>
      </c>
      <c r="W33" s="118">
        <v>266758</v>
      </c>
      <c r="X33" s="112">
        <v>0</v>
      </c>
      <c r="Y33" s="116">
        <v>0</v>
      </c>
      <c r="Z33" s="115">
        <v>0</v>
      </c>
      <c r="AA33" s="112">
        <v>0</v>
      </c>
      <c r="AB33" s="116">
        <v>30532</v>
      </c>
      <c r="AC33" s="116">
        <v>78528</v>
      </c>
      <c r="AD33" s="116">
        <v>0</v>
      </c>
      <c r="AE33" s="116">
        <v>11761</v>
      </c>
      <c r="AF33" s="116">
        <v>0</v>
      </c>
      <c r="AG33" s="115">
        <v>120821</v>
      </c>
      <c r="AH33" s="118">
        <v>120821</v>
      </c>
      <c r="AI33" s="112">
        <v>0</v>
      </c>
      <c r="AJ33" s="116">
        <v>0</v>
      </c>
      <c r="AK33" s="115">
        <v>0</v>
      </c>
      <c r="AL33" s="112">
        <v>0</v>
      </c>
      <c r="AM33" s="116">
        <v>0</v>
      </c>
      <c r="AN33" s="116">
        <v>0</v>
      </c>
      <c r="AO33" s="116">
        <v>0</v>
      </c>
      <c r="AP33" s="116">
        <v>0</v>
      </c>
      <c r="AQ33" s="116">
        <v>0</v>
      </c>
      <c r="AR33" s="115">
        <v>0</v>
      </c>
      <c r="AS33" s="118">
        <v>0</v>
      </c>
      <c r="AT33" s="112">
        <v>0</v>
      </c>
      <c r="AU33" s="116">
        <v>0</v>
      </c>
      <c r="AV33" s="115">
        <v>0</v>
      </c>
      <c r="AW33" s="112">
        <v>0</v>
      </c>
      <c r="AX33" s="116">
        <v>0</v>
      </c>
      <c r="AY33" s="116">
        <v>25696</v>
      </c>
      <c r="AZ33" s="116">
        <v>10682</v>
      </c>
      <c r="BA33" s="116">
        <v>0</v>
      </c>
      <c r="BB33" s="116">
        <v>0</v>
      </c>
      <c r="BC33" s="115">
        <v>36378</v>
      </c>
      <c r="BD33" s="118">
        <v>36378</v>
      </c>
      <c r="BE33" s="112">
        <v>0</v>
      </c>
      <c r="BF33" s="116">
        <v>0</v>
      </c>
      <c r="BG33" s="114">
        <v>0</v>
      </c>
      <c r="BH33" s="113">
        <v>0</v>
      </c>
      <c r="BI33" s="116">
        <v>55302</v>
      </c>
      <c r="BJ33" s="116">
        <v>0</v>
      </c>
      <c r="BK33" s="116">
        <v>0</v>
      </c>
      <c r="BL33" s="116">
        <v>0</v>
      </c>
      <c r="BM33" s="116">
        <v>0</v>
      </c>
      <c r="BN33" s="115">
        <v>55302</v>
      </c>
      <c r="BO33" s="118">
        <v>55302</v>
      </c>
      <c r="BP33" s="112">
        <v>0</v>
      </c>
      <c r="BQ33" s="116">
        <v>0</v>
      </c>
      <c r="BR33" s="115">
        <v>0</v>
      </c>
      <c r="BS33" s="112">
        <v>0</v>
      </c>
      <c r="BT33" s="116">
        <v>8400</v>
      </c>
      <c r="BU33" s="116">
        <v>19131</v>
      </c>
      <c r="BV33" s="116">
        <v>8400</v>
      </c>
      <c r="BW33" s="116">
        <v>9548</v>
      </c>
      <c r="BX33" s="116">
        <v>8778</v>
      </c>
      <c r="BY33" s="115">
        <v>54257</v>
      </c>
      <c r="BZ33" s="118">
        <v>54257</v>
      </c>
      <c r="CA33" s="112">
        <v>0</v>
      </c>
      <c r="CB33" s="116">
        <v>34867</v>
      </c>
      <c r="CC33" s="115">
        <v>34867</v>
      </c>
      <c r="CD33" s="112">
        <v>0</v>
      </c>
      <c r="CE33" s="116">
        <v>24724</v>
      </c>
      <c r="CF33" s="116">
        <v>91498</v>
      </c>
      <c r="CG33" s="116">
        <v>8029</v>
      </c>
      <c r="CH33" s="116">
        <v>0</v>
      </c>
      <c r="CI33" s="116">
        <v>30352</v>
      </c>
      <c r="CJ33" s="115">
        <v>154603</v>
      </c>
      <c r="CK33" s="118">
        <v>189470</v>
      </c>
      <c r="CL33" s="112">
        <v>0</v>
      </c>
      <c r="CM33" s="116">
        <v>0</v>
      </c>
      <c r="CN33" s="115">
        <v>0</v>
      </c>
      <c r="CO33" s="113">
        <v>0</v>
      </c>
      <c r="CP33" s="116">
        <v>24724</v>
      </c>
      <c r="CQ33" s="116">
        <v>64867</v>
      </c>
      <c r="CR33" s="116">
        <v>0</v>
      </c>
      <c r="CS33" s="116">
        <v>0</v>
      </c>
      <c r="CT33" s="116">
        <v>0</v>
      </c>
      <c r="CU33" s="115">
        <v>89591</v>
      </c>
      <c r="CV33" s="118">
        <v>89591</v>
      </c>
      <c r="CW33" s="112">
        <v>0</v>
      </c>
      <c r="CX33" s="116">
        <v>34867</v>
      </c>
      <c r="CY33" s="115">
        <v>34867</v>
      </c>
      <c r="CZ33" s="112">
        <v>0</v>
      </c>
      <c r="DA33" s="116">
        <v>0</v>
      </c>
      <c r="DB33" s="116">
        <v>26631</v>
      </c>
      <c r="DC33" s="116">
        <v>8029</v>
      </c>
      <c r="DD33" s="116">
        <v>0</v>
      </c>
      <c r="DE33" s="116">
        <v>30352</v>
      </c>
      <c r="DF33" s="115">
        <v>65012</v>
      </c>
      <c r="DG33" s="118">
        <v>99879</v>
      </c>
      <c r="DH33" s="112">
        <v>0</v>
      </c>
      <c r="DI33" s="116">
        <v>0</v>
      </c>
      <c r="DJ33" s="114">
        <v>0</v>
      </c>
      <c r="DK33" s="113">
        <v>0</v>
      </c>
      <c r="DL33" s="116">
        <v>0</v>
      </c>
      <c r="DM33" s="116">
        <v>37519</v>
      </c>
      <c r="DN33" s="116">
        <v>0</v>
      </c>
      <c r="DO33" s="116">
        <v>0</v>
      </c>
      <c r="DP33" s="116">
        <v>0</v>
      </c>
      <c r="DQ33" s="115">
        <v>37519</v>
      </c>
      <c r="DR33" s="118">
        <v>37519</v>
      </c>
      <c r="DS33" s="112">
        <v>0</v>
      </c>
      <c r="DT33" s="116">
        <v>0</v>
      </c>
      <c r="DU33" s="115">
        <v>0</v>
      </c>
      <c r="DV33" s="112">
        <v>0</v>
      </c>
      <c r="DW33" s="116">
        <v>0</v>
      </c>
      <c r="DX33" s="116">
        <v>0</v>
      </c>
      <c r="DY33" s="116">
        <v>0</v>
      </c>
      <c r="DZ33" s="116">
        <v>0</v>
      </c>
      <c r="EA33" s="116">
        <v>0</v>
      </c>
      <c r="EB33" s="115">
        <v>0</v>
      </c>
      <c r="EC33" s="118">
        <v>0</v>
      </c>
      <c r="ED33" s="112">
        <v>0</v>
      </c>
      <c r="EE33" s="114">
        <v>0</v>
      </c>
      <c r="EF33" s="115">
        <v>0</v>
      </c>
      <c r="EG33" s="112">
        <v>0</v>
      </c>
      <c r="EH33" s="116">
        <v>0</v>
      </c>
      <c r="EI33" s="116">
        <v>37519</v>
      </c>
      <c r="EJ33" s="116">
        <v>0</v>
      </c>
      <c r="EK33" s="116">
        <v>0</v>
      </c>
      <c r="EL33" s="116">
        <v>0</v>
      </c>
      <c r="EM33" s="114">
        <v>37519</v>
      </c>
      <c r="EN33" s="118">
        <v>37519</v>
      </c>
      <c r="EO33" s="112">
        <v>0</v>
      </c>
      <c r="EP33" s="116">
        <v>0</v>
      </c>
      <c r="EQ33" s="114">
        <v>0</v>
      </c>
      <c r="ER33" s="113">
        <v>0</v>
      </c>
      <c r="ES33" s="116">
        <v>0</v>
      </c>
      <c r="ET33" s="116">
        <v>0</v>
      </c>
      <c r="EU33" s="116">
        <v>0</v>
      </c>
      <c r="EV33" s="116">
        <v>0</v>
      </c>
      <c r="EW33" s="116">
        <v>0</v>
      </c>
      <c r="EX33" s="115">
        <v>0</v>
      </c>
      <c r="EY33" s="118">
        <v>0</v>
      </c>
      <c r="EZ33" s="112">
        <v>0</v>
      </c>
      <c r="FA33" s="116">
        <v>0</v>
      </c>
      <c r="FB33" s="114">
        <v>0</v>
      </c>
      <c r="FC33" s="390"/>
      <c r="FD33" s="116">
        <v>0</v>
      </c>
      <c r="FE33" s="116">
        <v>0</v>
      </c>
      <c r="FF33" s="116">
        <v>0</v>
      </c>
      <c r="FG33" s="116">
        <v>0</v>
      </c>
      <c r="FH33" s="116">
        <v>0</v>
      </c>
      <c r="FI33" s="115">
        <v>0</v>
      </c>
      <c r="FJ33" s="118">
        <v>0</v>
      </c>
      <c r="FK33" s="112">
        <v>805</v>
      </c>
      <c r="FL33" s="116">
        <v>12600</v>
      </c>
      <c r="FM33" s="115">
        <v>13405</v>
      </c>
      <c r="FN33" s="112">
        <v>0</v>
      </c>
      <c r="FO33" s="116">
        <v>8400</v>
      </c>
      <c r="FP33" s="116">
        <v>42322</v>
      </c>
      <c r="FQ33" s="116">
        <v>7350</v>
      </c>
      <c r="FR33" s="116">
        <v>700</v>
      </c>
      <c r="FS33" s="116">
        <v>45150</v>
      </c>
      <c r="FT33" s="115">
        <v>103922</v>
      </c>
      <c r="FU33" s="118">
        <v>117327</v>
      </c>
      <c r="FV33" s="117">
        <v>805</v>
      </c>
      <c r="FW33" s="116">
        <v>12600</v>
      </c>
      <c r="FX33" s="114">
        <v>13405</v>
      </c>
      <c r="FY33" s="113">
        <v>0</v>
      </c>
      <c r="FZ33" s="116">
        <v>8400</v>
      </c>
      <c r="GA33" s="116">
        <v>42322</v>
      </c>
      <c r="GB33" s="116">
        <v>7350</v>
      </c>
      <c r="GC33" s="116">
        <v>700</v>
      </c>
      <c r="GD33" s="116">
        <v>45150</v>
      </c>
      <c r="GE33" s="115">
        <v>103922</v>
      </c>
      <c r="GF33" s="354">
        <v>117327</v>
      </c>
      <c r="GG33" s="117">
        <v>0</v>
      </c>
      <c r="GH33" s="116">
        <v>0</v>
      </c>
      <c r="GI33" s="114">
        <v>0</v>
      </c>
      <c r="GJ33" s="113">
        <v>0</v>
      </c>
      <c r="GK33" s="116">
        <v>0</v>
      </c>
      <c r="GL33" s="116">
        <v>0</v>
      </c>
      <c r="GM33" s="116">
        <v>0</v>
      </c>
      <c r="GN33" s="116">
        <v>0</v>
      </c>
      <c r="GO33" s="116">
        <v>0</v>
      </c>
      <c r="GP33" s="115">
        <v>0</v>
      </c>
      <c r="GQ33" s="118">
        <v>0</v>
      </c>
      <c r="GR33" s="112">
        <v>0</v>
      </c>
      <c r="GS33" s="116">
        <v>0</v>
      </c>
      <c r="GT33" s="115">
        <v>0</v>
      </c>
      <c r="GU33" s="112">
        <v>0</v>
      </c>
      <c r="GV33" s="116">
        <v>0</v>
      </c>
      <c r="GW33" s="116">
        <v>0</v>
      </c>
      <c r="GX33" s="116">
        <v>0</v>
      </c>
      <c r="GY33" s="116">
        <v>0</v>
      </c>
      <c r="GZ33" s="116">
        <v>0</v>
      </c>
      <c r="HA33" s="114">
        <v>0</v>
      </c>
      <c r="HB33" s="118">
        <v>0</v>
      </c>
      <c r="HC33" s="112">
        <v>0</v>
      </c>
      <c r="HD33" s="116">
        <v>0</v>
      </c>
      <c r="HE33" s="114">
        <v>0</v>
      </c>
      <c r="HF33" s="113">
        <v>0</v>
      </c>
      <c r="HG33" s="116">
        <v>125013</v>
      </c>
      <c r="HH33" s="116">
        <v>0</v>
      </c>
      <c r="HI33" s="116">
        <v>151565</v>
      </c>
      <c r="HJ33" s="116">
        <v>0</v>
      </c>
      <c r="HK33" s="116">
        <v>189774</v>
      </c>
      <c r="HL33" s="115">
        <v>466352</v>
      </c>
      <c r="HM33" s="111">
        <v>466352</v>
      </c>
      <c r="HN33" s="370"/>
      <c r="HO33" s="371"/>
      <c r="HP33" s="372"/>
      <c r="HQ33" s="373"/>
      <c r="HR33" s="371"/>
      <c r="HS33" s="371"/>
      <c r="HT33" s="371"/>
      <c r="HU33" s="371"/>
      <c r="HV33" s="371"/>
      <c r="HW33" s="374"/>
      <c r="HX33" s="375"/>
      <c r="HY33" s="148">
        <v>0</v>
      </c>
      <c r="HZ33" s="149">
        <v>0</v>
      </c>
      <c r="IA33" s="150">
        <v>0</v>
      </c>
      <c r="IB33" s="163">
        <v>0</v>
      </c>
      <c r="IC33" s="149">
        <v>137172</v>
      </c>
      <c r="ID33" s="164">
        <v>32298</v>
      </c>
      <c r="IE33" s="150">
        <v>0</v>
      </c>
      <c r="IF33" s="149">
        <v>0</v>
      </c>
      <c r="IG33" s="150">
        <v>0</v>
      </c>
      <c r="IH33" s="165">
        <v>169470</v>
      </c>
      <c r="II33" s="156">
        <v>169470</v>
      </c>
      <c r="IJ33" s="261">
        <v>0</v>
      </c>
      <c r="IK33" s="268">
        <v>0</v>
      </c>
      <c r="IL33" s="269">
        <v>0</v>
      </c>
      <c r="IM33" s="157"/>
      <c r="IN33" s="122">
        <v>0</v>
      </c>
      <c r="IO33" s="122">
        <v>0</v>
      </c>
      <c r="IP33" s="122">
        <v>0</v>
      </c>
      <c r="IQ33" s="122">
        <v>0</v>
      </c>
      <c r="IR33" s="122">
        <v>0</v>
      </c>
      <c r="IS33" s="158">
        <v>0</v>
      </c>
      <c r="IT33" s="357">
        <v>0</v>
      </c>
      <c r="IU33" s="159">
        <v>0</v>
      </c>
      <c r="IV33" s="122">
        <v>0</v>
      </c>
      <c r="IW33" s="123">
        <v>0</v>
      </c>
      <c r="IX33" s="161"/>
      <c r="IY33" s="122">
        <v>0</v>
      </c>
      <c r="IZ33" s="122">
        <v>0</v>
      </c>
      <c r="JA33" s="122">
        <v>0</v>
      </c>
      <c r="JB33" s="122">
        <v>0</v>
      </c>
      <c r="JC33" s="122">
        <v>0</v>
      </c>
      <c r="JD33" s="123">
        <v>0</v>
      </c>
      <c r="JE33" s="124">
        <v>0</v>
      </c>
      <c r="JF33" s="159">
        <v>0</v>
      </c>
      <c r="JG33" s="122">
        <v>0</v>
      </c>
      <c r="JH33" s="158">
        <v>0</v>
      </c>
      <c r="JI33" s="121">
        <v>0</v>
      </c>
      <c r="JJ33" s="122">
        <v>137172</v>
      </c>
      <c r="JK33" s="122">
        <v>32298</v>
      </c>
      <c r="JL33" s="122">
        <v>0</v>
      </c>
      <c r="JM33" s="122">
        <v>0</v>
      </c>
      <c r="JN33" s="122">
        <v>0</v>
      </c>
      <c r="JO33" s="123">
        <v>169470</v>
      </c>
      <c r="JP33" s="357">
        <v>169470</v>
      </c>
      <c r="JQ33" s="159">
        <v>0</v>
      </c>
      <c r="JR33" s="122">
        <v>0</v>
      </c>
      <c r="JS33" s="158">
        <v>0</v>
      </c>
      <c r="JT33" s="121">
        <v>0</v>
      </c>
      <c r="JU33" s="122">
        <v>0</v>
      </c>
      <c r="JV33" s="122">
        <v>0</v>
      </c>
      <c r="JW33" s="122">
        <v>0</v>
      </c>
      <c r="JX33" s="122">
        <v>0</v>
      </c>
      <c r="JY33" s="122">
        <v>0</v>
      </c>
      <c r="JZ33" s="123">
        <v>0</v>
      </c>
      <c r="KA33" s="357">
        <v>0</v>
      </c>
      <c r="KB33" s="264">
        <v>0</v>
      </c>
      <c r="KC33" s="258">
        <v>0</v>
      </c>
      <c r="KD33" s="123">
        <v>0</v>
      </c>
      <c r="KE33" s="121">
        <v>0</v>
      </c>
      <c r="KF33" s="122">
        <v>0</v>
      </c>
      <c r="KG33" s="122">
        <v>0</v>
      </c>
      <c r="KH33" s="122">
        <v>0</v>
      </c>
      <c r="KI33" s="122">
        <v>0</v>
      </c>
      <c r="KJ33" s="122">
        <v>0</v>
      </c>
      <c r="KK33" s="123">
        <v>0</v>
      </c>
      <c r="KL33" s="160">
        <v>0</v>
      </c>
      <c r="KM33" s="261">
        <v>0</v>
      </c>
      <c r="KN33" s="268">
        <v>0</v>
      </c>
      <c r="KO33" s="269">
        <v>0</v>
      </c>
      <c r="KP33" s="157"/>
      <c r="KQ33" s="122">
        <v>0</v>
      </c>
      <c r="KR33" s="122">
        <v>0</v>
      </c>
      <c r="KS33" s="122">
        <v>0</v>
      </c>
      <c r="KT33" s="122">
        <v>0</v>
      </c>
      <c r="KU33" s="122">
        <v>0</v>
      </c>
      <c r="KV33" s="123">
        <v>0</v>
      </c>
      <c r="KW33" s="357">
        <v>0</v>
      </c>
      <c r="KX33" s="159">
        <v>0</v>
      </c>
      <c r="KY33" s="122">
        <v>0</v>
      </c>
      <c r="KZ33" s="123">
        <v>0</v>
      </c>
      <c r="LA33" s="162"/>
      <c r="LB33" s="122">
        <v>0</v>
      </c>
      <c r="LC33" s="122">
        <v>0</v>
      </c>
      <c r="LD33" s="122">
        <v>0</v>
      </c>
      <c r="LE33" s="122">
        <v>0</v>
      </c>
      <c r="LF33" s="122">
        <v>0</v>
      </c>
      <c r="LG33" s="123">
        <v>0</v>
      </c>
      <c r="LH33" s="124">
        <v>0</v>
      </c>
      <c r="LI33" s="159">
        <v>0</v>
      </c>
      <c r="LJ33" s="122">
        <v>0</v>
      </c>
      <c r="LK33" s="123">
        <v>0</v>
      </c>
      <c r="LL33" s="162"/>
      <c r="LM33" s="122">
        <v>0</v>
      </c>
      <c r="LN33" s="122">
        <v>0</v>
      </c>
      <c r="LO33" s="122">
        <v>0</v>
      </c>
      <c r="LP33" s="122">
        <v>0</v>
      </c>
      <c r="LQ33" s="122">
        <v>0</v>
      </c>
      <c r="LR33" s="123">
        <v>0</v>
      </c>
      <c r="LS33" s="357">
        <v>0</v>
      </c>
      <c r="LT33" s="159">
        <v>0</v>
      </c>
      <c r="LU33" s="122">
        <v>0</v>
      </c>
      <c r="LV33" s="123">
        <v>0</v>
      </c>
      <c r="LW33" s="162"/>
      <c r="LX33" s="122">
        <v>0</v>
      </c>
      <c r="LY33" s="122">
        <v>0</v>
      </c>
      <c r="LZ33" s="122">
        <v>0</v>
      </c>
      <c r="MA33" s="122">
        <v>0</v>
      </c>
      <c r="MB33" s="122">
        <v>0</v>
      </c>
      <c r="MC33" s="123">
        <v>0</v>
      </c>
      <c r="MD33" s="124">
        <v>0</v>
      </c>
      <c r="ME33" s="159">
        <v>0</v>
      </c>
      <c r="MF33" s="122">
        <v>0</v>
      </c>
      <c r="MG33" s="123">
        <v>0</v>
      </c>
      <c r="MH33" s="162"/>
      <c r="MI33" s="122">
        <v>0</v>
      </c>
      <c r="MJ33" s="122">
        <v>0</v>
      </c>
      <c r="MK33" s="122">
        <v>247114</v>
      </c>
      <c r="ML33" s="122">
        <v>196324</v>
      </c>
      <c r="MM33" s="122">
        <v>232355</v>
      </c>
      <c r="MN33" s="123">
        <v>675793</v>
      </c>
      <c r="MO33" s="160">
        <v>675793</v>
      </c>
      <c r="MP33" s="159">
        <v>0</v>
      </c>
      <c r="MQ33" s="122">
        <v>0</v>
      </c>
      <c r="MR33" s="123">
        <v>0</v>
      </c>
      <c r="MS33" s="162"/>
      <c r="MT33" s="122">
        <v>0</v>
      </c>
      <c r="MU33" s="122">
        <v>0</v>
      </c>
      <c r="MV33" s="122">
        <v>0</v>
      </c>
      <c r="MW33" s="122">
        <v>196324</v>
      </c>
      <c r="MX33" s="122">
        <v>0</v>
      </c>
      <c r="MY33" s="123">
        <v>196324</v>
      </c>
      <c r="MZ33" s="160">
        <v>196324</v>
      </c>
      <c r="NA33" s="159">
        <v>0</v>
      </c>
      <c r="NB33" s="122">
        <v>0</v>
      </c>
      <c r="NC33" s="123">
        <v>0</v>
      </c>
      <c r="ND33" s="162"/>
      <c r="NE33" s="122">
        <v>0</v>
      </c>
      <c r="NF33" s="122">
        <v>0</v>
      </c>
      <c r="NG33" s="122">
        <v>247114</v>
      </c>
      <c r="NH33" s="122">
        <v>0</v>
      </c>
      <c r="NI33" s="122">
        <v>232355</v>
      </c>
      <c r="NJ33" s="123">
        <v>479469</v>
      </c>
      <c r="NK33" s="357">
        <v>479469</v>
      </c>
      <c r="NL33" s="159">
        <v>0</v>
      </c>
      <c r="NM33" s="122">
        <v>0</v>
      </c>
      <c r="NN33" s="123">
        <v>0</v>
      </c>
      <c r="NO33" s="162"/>
      <c r="NP33" s="122">
        <v>0</v>
      </c>
      <c r="NQ33" s="122">
        <v>0</v>
      </c>
      <c r="NR33" s="122">
        <v>0</v>
      </c>
      <c r="NS33" s="122">
        <v>0</v>
      </c>
      <c r="NT33" s="122">
        <v>0</v>
      </c>
      <c r="NU33" s="123">
        <v>0</v>
      </c>
      <c r="NV33" s="124">
        <v>0</v>
      </c>
      <c r="NW33" s="159">
        <v>0</v>
      </c>
      <c r="NX33" s="122">
        <v>0</v>
      </c>
      <c r="NY33" s="123">
        <v>0</v>
      </c>
      <c r="NZ33" s="162"/>
      <c r="OA33" s="122">
        <v>0</v>
      </c>
      <c r="OB33" s="122">
        <v>0</v>
      </c>
      <c r="OC33" s="122">
        <v>0</v>
      </c>
      <c r="OD33" s="122">
        <v>0</v>
      </c>
      <c r="OE33" s="122">
        <v>0</v>
      </c>
      <c r="OF33" s="123">
        <v>0</v>
      </c>
      <c r="OG33" s="124">
        <v>0</v>
      </c>
      <c r="OH33" s="159">
        <v>805</v>
      </c>
      <c r="OI33" s="122">
        <v>47467</v>
      </c>
      <c r="OJ33" s="158">
        <v>48272</v>
      </c>
      <c r="OK33" s="121">
        <v>0</v>
      </c>
      <c r="OL33" s="122">
        <v>389543</v>
      </c>
      <c r="OM33" s="122">
        <v>326992</v>
      </c>
      <c r="ON33" s="122">
        <v>433140</v>
      </c>
      <c r="OO33" s="122">
        <v>218333</v>
      </c>
      <c r="OP33" s="122">
        <v>506409</v>
      </c>
      <c r="OQ33" s="123">
        <v>1874417</v>
      </c>
      <c r="OR33" s="160">
        <v>1922689</v>
      </c>
    </row>
    <row r="34" spans="1:408" ht="20.25" customHeight="1" x14ac:dyDescent="0.2">
      <c r="A34" s="129" t="s">
        <v>29</v>
      </c>
      <c r="B34" s="112">
        <v>17584</v>
      </c>
      <c r="C34" s="116">
        <v>5250</v>
      </c>
      <c r="D34" s="115">
        <v>22834</v>
      </c>
      <c r="E34" s="111">
        <v>0</v>
      </c>
      <c r="F34" s="116">
        <v>200099</v>
      </c>
      <c r="G34" s="116">
        <v>303270</v>
      </c>
      <c r="H34" s="116">
        <v>588273</v>
      </c>
      <c r="I34" s="116">
        <v>186467</v>
      </c>
      <c r="J34" s="116">
        <v>0</v>
      </c>
      <c r="K34" s="200">
        <v>1278109</v>
      </c>
      <c r="L34" s="118">
        <v>1300943</v>
      </c>
      <c r="M34" s="112">
        <v>16184</v>
      </c>
      <c r="N34" s="116">
        <v>0</v>
      </c>
      <c r="O34" s="115">
        <v>16184</v>
      </c>
      <c r="P34" s="112">
        <v>0</v>
      </c>
      <c r="Q34" s="116">
        <v>60648</v>
      </c>
      <c r="R34" s="116">
        <v>130305</v>
      </c>
      <c r="S34" s="116">
        <v>294082</v>
      </c>
      <c r="T34" s="116">
        <v>20783</v>
      </c>
      <c r="U34" s="116">
        <v>0</v>
      </c>
      <c r="V34" s="115">
        <v>505818</v>
      </c>
      <c r="W34" s="118">
        <v>522002</v>
      </c>
      <c r="X34" s="112">
        <v>0</v>
      </c>
      <c r="Y34" s="116">
        <v>0</v>
      </c>
      <c r="Z34" s="115">
        <v>0</v>
      </c>
      <c r="AA34" s="112">
        <v>0</v>
      </c>
      <c r="AB34" s="116">
        <v>12222</v>
      </c>
      <c r="AC34" s="116">
        <v>52031</v>
      </c>
      <c r="AD34" s="116">
        <v>126805</v>
      </c>
      <c r="AE34" s="116">
        <v>0</v>
      </c>
      <c r="AF34" s="116">
        <v>0</v>
      </c>
      <c r="AG34" s="115">
        <v>191058</v>
      </c>
      <c r="AH34" s="118">
        <v>191058</v>
      </c>
      <c r="AI34" s="112">
        <v>0</v>
      </c>
      <c r="AJ34" s="116">
        <v>0</v>
      </c>
      <c r="AK34" s="115">
        <v>0</v>
      </c>
      <c r="AL34" s="112">
        <v>0</v>
      </c>
      <c r="AM34" s="116">
        <v>0</v>
      </c>
      <c r="AN34" s="116">
        <v>0</v>
      </c>
      <c r="AO34" s="116">
        <v>28392</v>
      </c>
      <c r="AP34" s="116">
        <v>0</v>
      </c>
      <c r="AQ34" s="116">
        <v>0</v>
      </c>
      <c r="AR34" s="115">
        <v>28392</v>
      </c>
      <c r="AS34" s="118">
        <v>28392</v>
      </c>
      <c r="AT34" s="112">
        <v>16184</v>
      </c>
      <c r="AU34" s="116">
        <v>0</v>
      </c>
      <c r="AV34" s="115">
        <v>16184</v>
      </c>
      <c r="AW34" s="112">
        <v>0</v>
      </c>
      <c r="AX34" s="116">
        <v>40026</v>
      </c>
      <c r="AY34" s="116">
        <v>28714</v>
      </c>
      <c r="AZ34" s="116">
        <v>123898</v>
      </c>
      <c r="BA34" s="116">
        <v>0</v>
      </c>
      <c r="BB34" s="116">
        <v>0</v>
      </c>
      <c r="BC34" s="115">
        <v>192638</v>
      </c>
      <c r="BD34" s="118">
        <v>208822</v>
      </c>
      <c r="BE34" s="112">
        <v>0</v>
      </c>
      <c r="BF34" s="116">
        <v>0</v>
      </c>
      <c r="BG34" s="114">
        <v>0</v>
      </c>
      <c r="BH34" s="113">
        <v>0</v>
      </c>
      <c r="BI34" s="116">
        <v>0</v>
      </c>
      <c r="BJ34" s="116">
        <v>26768</v>
      </c>
      <c r="BK34" s="116">
        <v>0</v>
      </c>
      <c r="BL34" s="116">
        <v>0</v>
      </c>
      <c r="BM34" s="116">
        <v>0</v>
      </c>
      <c r="BN34" s="115">
        <v>26768</v>
      </c>
      <c r="BO34" s="118">
        <v>26768</v>
      </c>
      <c r="BP34" s="112">
        <v>0</v>
      </c>
      <c r="BQ34" s="116">
        <v>0</v>
      </c>
      <c r="BR34" s="115">
        <v>0</v>
      </c>
      <c r="BS34" s="112">
        <v>0</v>
      </c>
      <c r="BT34" s="116">
        <v>8400</v>
      </c>
      <c r="BU34" s="116">
        <v>22792</v>
      </c>
      <c r="BV34" s="116">
        <v>14987</v>
      </c>
      <c r="BW34" s="116">
        <v>20783</v>
      </c>
      <c r="BX34" s="116">
        <v>0</v>
      </c>
      <c r="BY34" s="115">
        <v>66962</v>
      </c>
      <c r="BZ34" s="118">
        <v>66962</v>
      </c>
      <c r="CA34" s="112">
        <v>0</v>
      </c>
      <c r="CB34" s="116">
        <v>0</v>
      </c>
      <c r="CC34" s="115">
        <v>0</v>
      </c>
      <c r="CD34" s="112">
        <v>0</v>
      </c>
      <c r="CE34" s="116">
        <v>0</v>
      </c>
      <c r="CF34" s="116">
        <v>19516</v>
      </c>
      <c r="CG34" s="116">
        <v>50027</v>
      </c>
      <c r="CH34" s="116">
        <v>0</v>
      </c>
      <c r="CI34" s="116">
        <v>0</v>
      </c>
      <c r="CJ34" s="115">
        <v>69543</v>
      </c>
      <c r="CK34" s="118">
        <v>69543</v>
      </c>
      <c r="CL34" s="112">
        <v>0</v>
      </c>
      <c r="CM34" s="116">
        <v>0</v>
      </c>
      <c r="CN34" s="115">
        <v>0</v>
      </c>
      <c r="CO34" s="113">
        <v>0</v>
      </c>
      <c r="CP34" s="116">
        <v>0</v>
      </c>
      <c r="CQ34" s="116">
        <v>0</v>
      </c>
      <c r="CR34" s="116">
        <v>18676</v>
      </c>
      <c r="CS34" s="116">
        <v>0</v>
      </c>
      <c r="CT34" s="116">
        <v>0</v>
      </c>
      <c r="CU34" s="115">
        <v>18676</v>
      </c>
      <c r="CV34" s="118">
        <v>18676</v>
      </c>
      <c r="CW34" s="112">
        <v>0</v>
      </c>
      <c r="CX34" s="116">
        <v>0</v>
      </c>
      <c r="CY34" s="115">
        <v>0</v>
      </c>
      <c r="CZ34" s="112">
        <v>0</v>
      </c>
      <c r="DA34" s="116">
        <v>0</v>
      </c>
      <c r="DB34" s="116">
        <v>19516</v>
      </c>
      <c r="DC34" s="116">
        <v>31351</v>
      </c>
      <c r="DD34" s="116">
        <v>0</v>
      </c>
      <c r="DE34" s="116">
        <v>0</v>
      </c>
      <c r="DF34" s="115">
        <v>50867</v>
      </c>
      <c r="DG34" s="118">
        <v>50867</v>
      </c>
      <c r="DH34" s="112">
        <v>0</v>
      </c>
      <c r="DI34" s="116">
        <v>0</v>
      </c>
      <c r="DJ34" s="114">
        <v>0</v>
      </c>
      <c r="DK34" s="113">
        <v>0</v>
      </c>
      <c r="DL34" s="116">
        <v>0</v>
      </c>
      <c r="DM34" s="116">
        <v>0</v>
      </c>
      <c r="DN34" s="116">
        <v>36828</v>
      </c>
      <c r="DO34" s="116">
        <v>0</v>
      </c>
      <c r="DP34" s="116">
        <v>0</v>
      </c>
      <c r="DQ34" s="115">
        <v>36828</v>
      </c>
      <c r="DR34" s="118">
        <v>36828</v>
      </c>
      <c r="DS34" s="112">
        <v>0</v>
      </c>
      <c r="DT34" s="116">
        <v>0</v>
      </c>
      <c r="DU34" s="115">
        <v>0</v>
      </c>
      <c r="DV34" s="112">
        <v>0</v>
      </c>
      <c r="DW34" s="116">
        <v>0</v>
      </c>
      <c r="DX34" s="116">
        <v>0</v>
      </c>
      <c r="DY34" s="116">
        <v>36828</v>
      </c>
      <c r="DZ34" s="116">
        <v>0</v>
      </c>
      <c r="EA34" s="116">
        <v>0</v>
      </c>
      <c r="EB34" s="115">
        <v>36828</v>
      </c>
      <c r="EC34" s="118">
        <v>36828</v>
      </c>
      <c r="ED34" s="112">
        <v>0</v>
      </c>
      <c r="EE34" s="114">
        <v>0</v>
      </c>
      <c r="EF34" s="115">
        <v>0</v>
      </c>
      <c r="EG34" s="112">
        <v>0</v>
      </c>
      <c r="EH34" s="116">
        <v>0</v>
      </c>
      <c r="EI34" s="116">
        <v>0</v>
      </c>
      <c r="EJ34" s="116">
        <v>0</v>
      </c>
      <c r="EK34" s="116">
        <v>0</v>
      </c>
      <c r="EL34" s="116">
        <v>0</v>
      </c>
      <c r="EM34" s="114">
        <v>0</v>
      </c>
      <c r="EN34" s="118">
        <v>0</v>
      </c>
      <c r="EO34" s="112">
        <v>0</v>
      </c>
      <c r="EP34" s="116">
        <v>0</v>
      </c>
      <c r="EQ34" s="114">
        <v>0</v>
      </c>
      <c r="ER34" s="113">
        <v>0</v>
      </c>
      <c r="ES34" s="116">
        <v>0</v>
      </c>
      <c r="ET34" s="116">
        <v>0</v>
      </c>
      <c r="EU34" s="116">
        <v>0</v>
      </c>
      <c r="EV34" s="116">
        <v>0</v>
      </c>
      <c r="EW34" s="116">
        <v>0</v>
      </c>
      <c r="EX34" s="115">
        <v>0</v>
      </c>
      <c r="EY34" s="118">
        <v>0</v>
      </c>
      <c r="EZ34" s="112">
        <v>0</v>
      </c>
      <c r="FA34" s="116">
        <v>0</v>
      </c>
      <c r="FB34" s="114">
        <v>0</v>
      </c>
      <c r="FC34" s="390"/>
      <c r="FD34" s="116">
        <v>0</v>
      </c>
      <c r="FE34" s="116">
        <v>0</v>
      </c>
      <c r="FF34" s="116">
        <v>0</v>
      </c>
      <c r="FG34" s="116">
        <v>0</v>
      </c>
      <c r="FH34" s="116">
        <v>0</v>
      </c>
      <c r="FI34" s="115">
        <v>0</v>
      </c>
      <c r="FJ34" s="118">
        <v>0</v>
      </c>
      <c r="FK34" s="112">
        <v>1400</v>
      </c>
      <c r="FL34" s="116">
        <v>5250</v>
      </c>
      <c r="FM34" s="115">
        <v>6650</v>
      </c>
      <c r="FN34" s="112">
        <v>0</v>
      </c>
      <c r="FO34" s="116">
        <v>18900</v>
      </c>
      <c r="FP34" s="116">
        <v>17150</v>
      </c>
      <c r="FQ34" s="116">
        <v>51520</v>
      </c>
      <c r="FR34" s="116">
        <v>0</v>
      </c>
      <c r="FS34" s="116">
        <v>0</v>
      </c>
      <c r="FT34" s="115">
        <v>87570</v>
      </c>
      <c r="FU34" s="118">
        <v>94220</v>
      </c>
      <c r="FV34" s="117">
        <v>1400</v>
      </c>
      <c r="FW34" s="116">
        <v>5250</v>
      </c>
      <c r="FX34" s="114">
        <v>6650</v>
      </c>
      <c r="FY34" s="113">
        <v>0</v>
      </c>
      <c r="FZ34" s="116">
        <v>18900</v>
      </c>
      <c r="GA34" s="116">
        <v>17150</v>
      </c>
      <c r="GB34" s="116">
        <v>51520</v>
      </c>
      <c r="GC34" s="116">
        <v>0</v>
      </c>
      <c r="GD34" s="116">
        <v>0</v>
      </c>
      <c r="GE34" s="115">
        <v>87570</v>
      </c>
      <c r="GF34" s="354">
        <v>94220</v>
      </c>
      <c r="GG34" s="117">
        <v>0</v>
      </c>
      <c r="GH34" s="116">
        <v>0</v>
      </c>
      <c r="GI34" s="114">
        <v>0</v>
      </c>
      <c r="GJ34" s="113">
        <v>0</v>
      </c>
      <c r="GK34" s="116">
        <v>0</v>
      </c>
      <c r="GL34" s="116">
        <v>0</v>
      </c>
      <c r="GM34" s="116">
        <v>0</v>
      </c>
      <c r="GN34" s="116">
        <v>0</v>
      </c>
      <c r="GO34" s="116">
        <v>0</v>
      </c>
      <c r="GP34" s="115">
        <v>0</v>
      </c>
      <c r="GQ34" s="118">
        <v>0</v>
      </c>
      <c r="GR34" s="112">
        <v>0</v>
      </c>
      <c r="GS34" s="116">
        <v>0</v>
      </c>
      <c r="GT34" s="115">
        <v>0</v>
      </c>
      <c r="GU34" s="112">
        <v>0</v>
      </c>
      <c r="GV34" s="116">
        <v>0</v>
      </c>
      <c r="GW34" s="116">
        <v>0</v>
      </c>
      <c r="GX34" s="116">
        <v>0</v>
      </c>
      <c r="GY34" s="116">
        <v>0</v>
      </c>
      <c r="GZ34" s="116">
        <v>0</v>
      </c>
      <c r="HA34" s="114">
        <v>0</v>
      </c>
      <c r="HB34" s="118">
        <v>0</v>
      </c>
      <c r="HC34" s="112">
        <v>0</v>
      </c>
      <c r="HD34" s="116">
        <v>0</v>
      </c>
      <c r="HE34" s="114">
        <v>0</v>
      </c>
      <c r="HF34" s="113">
        <v>0</v>
      </c>
      <c r="HG34" s="116">
        <v>120551</v>
      </c>
      <c r="HH34" s="116">
        <v>136299</v>
      </c>
      <c r="HI34" s="116">
        <v>155816</v>
      </c>
      <c r="HJ34" s="116">
        <v>165684</v>
      </c>
      <c r="HK34" s="116">
        <v>0</v>
      </c>
      <c r="HL34" s="115">
        <v>578350</v>
      </c>
      <c r="HM34" s="111">
        <v>578350</v>
      </c>
      <c r="HN34" s="370"/>
      <c r="HO34" s="371"/>
      <c r="HP34" s="372"/>
      <c r="HQ34" s="373"/>
      <c r="HR34" s="371"/>
      <c r="HS34" s="371"/>
      <c r="HT34" s="371"/>
      <c r="HU34" s="371"/>
      <c r="HV34" s="371"/>
      <c r="HW34" s="374"/>
      <c r="HX34" s="375"/>
      <c r="HY34" s="167">
        <v>0</v>
      </c>
      <c r="HZ34" s="152">
        <v>0</v>
      </c>
      <c r="IA34" s="167">
        <v>0</v>
      </c>
      <c r="IB34" s="151">
        <v>0</v>
      </c>
      <c r="IC34" s="152">
        <v>101087</v>
      </c>
      <c r="ID34" s="153">
        <v>16487</v>
      </c>
      <c r="IE34" s="154">
        <v>103348</v>
      </c>
      <c r="IF34" s="152">
        <v>0</v>
      </c>
      <c r="IG34" s="154">
        <v>0</v>
      </c>
      <c r="IH34" s="155">
        <v>220922</v>
      </c>
      <c r="II34" s="167">
        <v>220922</v>
      </c>
      <c r="IJ34" s="261">
        <v>0</v>
      </c>
      <c r="IK34" s="268">
        <v>0</v>
      </c>
      <c r="IL34" s="269">
        <v>0</v>
      </c>
      <c r="IM34" s="157"/>
      <c r="IN34" s="122">
        <v>0</v>
      </c>
      <c r="IO34" s="122">
        <v>0</v>
      </c>
      <c r="IP34" s="122">
        <v>0</v>
      </c>
      <c r="IQ34" s="122">
        <v>0</v>
      </c>
      <c r="IR34" s="122">
        <v>0</v>
      </c>
      <c r="IS34" s="158">
        <v>0</v>
      </c>
      <c r="IT34" s="357">
        <v>0</v>
      </c>
      <c r="IU34" s="159">
        <v>0</v>
      </c>
      <c r="IV34" s="122">
        <v>0</v>
      </c>
      <c r="IW34" s="123">
        <v>0</v>
      </c>
      <c r="IX34" s="161"/>
      <c r="IY34" s="122">
        <v>0</v>
      </c>
      <c r="IZ34" s="122">
        <v>0</v>
      </c>
      <c r="JA34" s="122">
        <v>0</v>
      </c>
      <c r="JB34" s="122">
        <v>0</v>
      </c>
      <c r="JC34" s="122">
        <v>0</v>
      </c>
      <c r="JD34" s="123">
        <v>0</v>
      </c>
      <c r="JE34" s="124">
        <v>0</v>
      </c>
      <c r="JF34" s="159">
        <v>0</v>
      </c>
      <c r="JG34" s="122">
        <v>0</v>
      </c>
      <c r="JH34" s="158">
        <v>0</v>
      </c>
      <c r="JI34" s="121">
        <v>0</v>
      </c>
      <c r="JJ34" s="122">
        <v>0</v>
      </c>
      <c r="JK34" s="122">
        <v>16487</v>
      </c>
      <c r="JL34" s="122">
        <v>0</v>
      </c>
      <c r="JM34" s="122">
        <v>0</v>
      </c>
      <c r="JN34" s="122">
        <v>0</v>
      </c>
      <c r="JO34" s="123">
        <v>16487</v>
      </c>
      <c r="JP34" s="357">
        <v>16487</v>
      </c>
      <c r="JQ34" s="159">
        <v>0</v>
      </c>
      <c r="JR34" s="122">
        <v>0</v>
      </c>
      <c r="JS34" s="158">
        <v>0</v>
      </c>
      <c r="JT34" s="121">
        <v>0</v>
      </c>
      <c r="JU34" s="122">
        <v>0</v>
      </c>
      <c r="JV34" s="122">
        <v>0</v>
      </c>
      <c r="JW34" s="122">
        <v>70637</v>
      </c>
      <c r="JX34" s="122">
        <v>0</v>
      </c>
      <c r="JY34" s="122">
        <v>0</v>
      </c>
      <c r="JZ34" s="123">
        <v>70637</v>
      </c>
      <c r="KA34" s="357">
        <v>70637</v>
      </c>
      <c r="KB34" s="264">
        <v>0</v>
      </c>
      <c r="KC34" s="258">
        <v>0</v>
      </c>
      <c r="KD34" s="123">
        <v>0</v>
      </c>
      <c r="KE34" s="121">
        <v>0</v>
      </c>
      <c r="KF34" s="122">
        <v>101087</v>
      </c>
      <c r="KG34" s="122">
        <v>0</v>
      </c>
      <c r="KH34" s="122">
        <v>0</v>
      </c>
      <c r="KI34" s="122">
        <v>0</v>
      </c>
      <c r="KJ34" s="122">
        <v>0</v>
      </c>
      <c r="KK34" s="123">
        <v>101087</v>
      </c>
      <c r="KL34" s="160">
        <v>101087</v>
      </c>
      <c r="KM34" s="261">
        <v>0</v>
      </c>
      <c r="KN34" s="268">
        <v>0</v>
      </c>
      <c r="KO34" s="269">
        <v>0</v>
      </c>
      <c r="KP34" s="157"/>
      <c r="KQ34" s="122">
        <v>0</v>
      </c>
      <c r="KR34" s="122">
        <v>0</v>
      </c>
      <c r="KS34" s="122">
        <v>0</v>
      </c>
      <c r="KT34" s="122">
        <v>0</v>
      </c>
      <c r="KU34" s="122">
        <v>0</v>
      </c>
      <c r="KV34" s="123">
        <v>0</v>
      </c>
      <c r="KW34" s="357">
        <v>0</v>
      </c>
      <c r="KX34" s="159">
        <v>0</v>
      </c>
      <c r="KY34" s="122">
        <v>0</v>
      </c>
      <c r="KZ34" s="123">
        <v>0</v>
      </c>
      <c r="LA34" s="162"/>
      <c r="LB34" s="122">
        <v>0</v>
      </c>
      <c r="LC34" s="122">
        <v>0</v>
      </c>
      <c r="LD34" s="122">
        <v>0</v>
      </c>
      <c r="LE34" s="122">
        <v>0</v>
      </c>
      <c r="LF34" s="122">
        <v>0</v>
      </c>
      <c r="LG34" s="123">
        <v>0</v>
      </c>
      <c r="LH34" s="124">
        <v>0</v>
      </c>
      <c r="LI34" s="159">
        <v>0</v>
      </c>
      <c r="LJ34" s="122">
        <v>0</v>
      </c>
      <c r="LK34" s="123">
        <v>0</v>
      </c>
      <c r="LL34" s="162"/>
      <c r="LM34" s="122">
        <v>0</v>
      </c>
      <c r="LN34" s="122">
        <v>0</v>
      </c>
      <c r="LO34" s="122">
        <v>32711</v>
      </c>
      <c r="LP34" s="122">
        <v>0</v>
      </c>
      <c r="LQ34" s="122">
        <v>0</v>
      </c>
      <c r="LR34" s="123">
        <v>32711</v>
      </c>
      <c r="LS34" s="357">
        <v>32711</v>
      </c>
      <c r="LT34" s="159">
        <v>0</v>
      </c>
      <c r="LU34" s="122">
        <v>0</v>
      </c>
      <c r="LV34" s="123">
        <v>0</v>
      </c>
      <c r="LW34" s="162"/>
      <c r="LX34" s="122">
        <v>0</v>
      </c>
      <c r="LY34" s="122">
        <v>0</v>
      </c>
      <c r="LZ34" s="122">
        <v>0</v>
      </c>
      <c r="MA34" s="122">
        <v>0</v>
      </c>
      <c r="MB34" s="122">
        <v>0</v>
      </c>
      <c r="MC34" s="123">
        <v>0</v>
      </c>
      <c r="MD34" s="124">
        <v>0</v>
      </c>
      <c r="ME34" s="159">
        <v>0</v>
      </c>
      <c r="MF34" s="122">
        <v>0</v>
      </c>
      <c r="MG34" s="123">
        <v>0</v>
      </c>
      <c r="MH34" s="162"/>
      <c r="MI34" s="122">
        <v>0</v>
      </c>
      <c r="MJ34" s="122">
        <v>0</v>
      </c>
      <c r="MK34" s="122">
        <v>386416</v>
      </c>
      <c r="ML34" s="122">
        <v>45922</v>
      </c>
      <c r="MM34" s="122">
        <v>204995</v>
      </c>
      <c r="MN34" s="123">
        <v>637333</v>
      </c>
      <c r="MO34" s="160">
        <v>637333</v>
      </c>
      <c r="MP34" s="159">
        <v>0</v>
      </c>
      <c r="MQ34" s="122">
        <v>0</v>
      </c>
      <c r="MR34" s="123">
        <v>0</v>
      </c>
      <c r="MS34" s="162"/>
      <c r="MT34" s="122">
        <v>0</v>
      </c>
      <c r="MU34" s="122">
        <v>0</v>
      </c>
      <c r="MV34" s="122">
        <v>190148</v>
      </c>
      <c r="MW34" s="122">
        <v>0</v>
      </c>
      <c r="MX34" s="122">
        <v>0</v>
      </c>
      <c r="MY34" s="123">
        <v>190148</v>
      </c>
      <c r="MZ34" s="160">
        <v>190148</v>
      </c>
      <c r="NA34" s="159">
        <v>0</v>
      </c>
      <c r="NB34" s="122">
        <v>0</v>
      </c>
      <c r="NC34" s="123">
        <v>0</v>
      </c>
      <c r="ND34" s="162"/>
      <c r="NE34" s="122">
        <v>0</v>
      </c>
      <c r="NF34" s="122">
        <v>0</v>
      </c>
      <c r="NG34" s="122">
        <v>196268</v>
      </c>
      <c r="NH34" s="122">
        <v>45922</v>
      </c>
      <c r="NI34" s="122">
        <v>204995</v>
      </c>
      <c r="NJ34" s="123">
        <v>447185</v>
      </c>
      <c r="NK34" s="357">
        <v>447185</v>
      </c>
      <c r="NL34" s="159">
        <v>0</v>
      </c>
      <c r="NM34" s="122">
        <v>0</v>
      </c>
      <c r="NN34" s="123">
        <v>0</v>
      </c>
      <c r="NO34" s="162"/>
      <c r="NP34" s="122">
        <v>0</v>
      </c>
      <c r="NQ34" s="122">
        <v>0</v>
      </c>
      <c r="NR34" s="122">
        <v>0</v>
      </c>
      <c r="NS34" s="122">
        <v>0</v>
      </c>
      <c r="NT34" s="122">
        <v>0</v>
      </c>
      <c r="NU34" s="123">
        <v>0</v>
      </c>
      <c r="NV34" s="124">
        <v>0</v>
      </c>
      <c r="NW34" s="159">
        <v>0</v>
      </c>
      <c r="NX34" s="122">
        <v>0</v>
      </c>
      <c r="NY34" s="123">
        <v>0</v>
      </c>
      <c r="NZ34" s="162"/>
      <c r="OA34" s="122">
        <v>0</v>
      </c>
      <c r="OB34" s="122">
        <v>0</v>
      </c>
      <c r="OC34" s="122">
        <v>0</v>
      </c>
      <c r="OD34" s="122">
        <v>0</v>
      </c>
      <c r="OE34" s="122">
        <v>0</v>
      </c>
      <c r="OF34" s="123">
        <v>0</v>
      </c>
      <c r="OG34" s="124">
        <v>0</v>
      </c>
      <c r="OH34" s="159">
        <v>17584</v>
      </c>
      <c r="OI34" s="122">
        <v>5250</v>
      </c>
      <c r="OJ34" s="158">
        <v>22834</v>
      </c>
      <c r="OK34" s="121">
        <v>0</v>
      </c>
      <c r="OL34" s="122">
        <v>301186</v>
      </c>
      <c r="OM34" s="122">
        <v>319757</v>
      </c>
      <c r="ON34" s="122">
        <v>1078037</v>
      </c>
      <c r="OO34" s="122">
        <v>232389</v>
      </c>
      <c r="OP34" s="122">
        <v>204995</v>
      </c>
      <c r="OQ34" s="123">
        <v>2136364</v>
      </c>
      <c r="OR34" s="160">
        <v>2159198</v>
      </c>
    </row>
    <row r="35" spans="1:408" ht="20.25" customHeight="1" x14ac:dyDescent="0.2">
      <c r="A35" s="129" t="s">
        <v>30</v>
      </c>
      <c r="B35" s="112">
        <v>3850</v>
      </c>
      <c r="C35" s="116">
        <v>52556</v>
      </c>
      <c r="D35" s="201">
        <v>56406</v>
      </c>
      <c r="E35" s="202">
        <v>0</v>
      </c>
      <c r="F35" s="203">
        <v>386911</v>
      </c>
      <c r="G35" s="203">
        <v>189840</v>
      </c>
      <c r="H35" s="203">
        <v>326548</v>
      </c>
      <c r="I35" s="203">
        <v>479961</v>
      </c>
      <c r="J35" s="203">
        <v>0</v>
      </c>
      <c r="K35" s="204">
        <v>1383260</v>
      </c>
      <c r="L35" s="118">
        <v>1439666</v>
      </c>
      <c r="M35" s="112">
        <v>0</v>
      </c>
      <c r="N35" s="116">
        <v>50456</v>
      </c>
      <c r="O35" s="115">
        <v>50456</v>
      </c>
      <c r="P35" s="112">
        <v>0</v>
      </c>
      <c r="Q35" s="116">
        <v>22400</v>
      </c>
      <c r="R35" s="116">
        <v>30821</v>
      </c>
      <c r="S35" s="116">
        <v>175299</v>
      </c>
      <c r="T35" s="116">
        <v>235540</v>
      </c>
      <c r="U35" s="116">
        <v>0</v>
      </c>
      <c r="V35" s="115">
        <v>464060</v>
      </c>
      <c r="W35" s="118">
        <v>514516</v>
      </c>
      <c r="X35" s="112">
        <v>0</v>
      </c>
      <c r="Y35" s="116">
        <v>0</v>
      </c>
      <c r="Z35" s="115">
        <v>0</v>
      </c>
      <c r="AA35" s="112">
        <v>0</v>
      </c>
      <c r="AB35" s="116">
        <v>0</v>
      </c>
      <c r="AC35" s="116">
        <v>0</v>
      </c>
      <c r="AD35" s="116">
        <v>166899</v>
      </c>
      <c r="AE35" s="116">
        <v>121804</v>
      </c>
      <c r="AF35" s="116">
        <v>0</v>
      </c>
      <c r="AG35" s="115">
        <v>288703</v>
      </c>
      <c r="AH35" s="118">
        <v>288703</v>
      </c>
      <c r="AI35" s="112">
        <v>0</v>
      </c>
      <c r="AJ35" s="116">
        <v>0</v>
      </c>
      <c r="AK35" s="115">
        <v>0</v>
      </c>
      <c r="AL35" s="112">
        <v>0</v>
      </c>
      <c r="AM35" s="116">
        <v>0</v>
      </c>
      <c r="AN35" s="116">
        <v>0</v>
      </c>
      <c r="AO35" s="116">
        <v>0</v>
      </c>
      <c r="AP35" s="116">
        <v>37856</v>
      </c>
      <c r="AQ35" s="116">
        <v>0</v>
      </c>
      <c r="AR35" s="115">
        <v>37856</v>
      </c>
      <c r="AS35" s="118">
        <v>37856</v>
      </c>
      <c r="AT35" s="112">
        <v>0</v>
      </c>
      <c r="AU35" s="116">
        <v>50456</v>
      </c>
      <c r="AV35" s="115">
        <v>50456</v>
      </c>
      <c r="AW35" s="112">
        <v>0</v>
      </c>
      <c r="AX35" s="116">
        <v>0</v>
      </c>
      <c r="AY35" s="116">
        <v>28735</v>
      </c>
      <c r="AZ35" s="116">
        <v>0</v>
      </c>
      <c r="BA35" s="116">
        <v>28924</v>
      </c>
      <c r="BB35" s="116">
        <v>0</v>
      </c>
      <c r="BC35" s="115">
        <v>57659</v>
      </c>
      <c r="BD35" s="118">
        <v>108115</v>
      </c>
      <c r="BE35" s="112">
        <v>0</v>
      </c>
      <c r="BF35" s="116">
        <v>0</v>
      </c>
      <c r="BG35" s="114">
        <v>0</v>
      </c>
      <c r="BH35" s="113">
        <v>0</v>
      </c>
      <c r="BI35" s="116">
        <v>0</v>
      </c>
      <c r="BJ35" s="116">
        <v>0</v>
      </c>
      <c r="BK35" s="116">
        <v>0</v>
      </c>
      <c r="BL35" s="116">
        <v>26768</v>
      </c>
      <c r="BM35" s="116">
        <v>0</v>
      </c>
      <c r="BN35" s="115">
        <v>26768</v>
      </c>
      <c r="BO35" s="118">
        <v>26768</v>
      </c>
      <c r="BP35" s="112">
        <v>0</v>
      </c>
      <c r="BQ35" s="116">
        <v>0</v>
      </c>
      <c r="BR35" s="115">
        <v>0</v>
      </c>
      <c r="BS35" s="112">
        <v>0</v>
      </c>
      <c r="BT35" s="116">
        <v>22400</v>
      </c>
      <c r="BU35" s="116">
        <v>2086</v>
      </c>
      <c r="BV35" s="116">
        <v>8400</v>
      </c>
      <c r="BW35" s="116">
        <v>20188</v>
      </c>
      <c r="BX35" s="116">
        <v>0</v>
      </c>
      <c r="BY35" s="115">
        <v>53074</v>
      </c>
      <c r="BZ35" s="118">
        <v>53074</v>
      </c>
      <c r="CA35" s="112">
        <v>0</v>
      </c>
      <c r="CB35" s="116">
        <v>0</v>
      </c>
      <c r="CC35" s="115">
        <v>0</v>
      </c>
      <c r="CD35" s="112">
        <v>0</v>
      </c>
      <c r="CE35" s="116">
        <v>0</v>
      </c>
      <c r="CF35" s="116">
        <v>95949</v>
      </c>
      <c r="CG35" s="116">
        <v>75173</v>
      </c>
      <c r="CH35" s="116">
        <v>32704</v>
      </c>
      <c r="CI35" s="116">
        <v>0</v>
      </c>
      <c r="CJ35" s="115">
        <v>203826</v>
      </c>
      <c r="CK35" s="118">
        <v>203826</v>
      </c>
      <c r="CL35" s="112">
        <v>0</v>
      </c>
      <c r="CM35" s="116">
        <v>0</v>
      </c>
      <c r="CN35" s="115">
        <v>0</v>
      </c>
      <c r="CO35" s="113">
        <v>0</v>
      </c>
      <c r="CP35" s="116">
        <v>0</v>
      </c>
      <c r="CQ35" s="116">
        <v>49228</v>
      </c>
      <c r="CR35" s="116">
        <v>75173</v>
      </c>
      <c r="CS35" s="116">
        <v>32704</v>
      </c>
      <c r="CT35" s="116">
        <v>0</v>
      </c>
      <c r="CU35" s="115">
        <v>157105</v>
      </c>
      <c r="CV35" s="118">
        <v>157105</v>
      </c>
      <c r="CW35" s="112">
        <v>0</v>
      </c>
      <c r="CX35" s="116">
        <v>0</v>
      </c>
      <c r="CY35" s="115">
        <v>0</v>
      </c>
      <c r="CZ35" s="112">
        <v>0</v>
      </c>
      <c r="DA35" s="116">
        <v>0</v>
      </c>
      <c r="DB35" s="116">
        <v>46721</v>
      </c>
      <c r="DC35" s="116">
        <v>0</v>
      </c>
      <c r="DD35" s="116">
        <v>0</v>
      </c>
      <c r="DE35" s="116">
        <v>0</v>
      </c>
      <c r="DF35" s="115">
        <v>46721</v>
      </c>
      <c r="DG35" s="118">
        <v>46721</v>
      </c>
      <c r="DH35" s="112">
        <v>0</v>
      </c>
      <c r="DI35" s="116">
        <v>0</v>
      </c>
      <c r="DJ35" s="114">
        <v>0</v>
      </c>
      <c r="DK35" s="113">
        <v>0</v>
      </c>
      <c r="DL35" s="116">
        <v>0</v>
      </c>
      <c r="DM35" s="116">
        <v>16758</v>
      </c>
      <c r="DN35" s="116">
        <v>48286</v>
      </c>
      <c r="DO35" s="116">
        <v>0</v>
      </c>
      <c r="DP35" s="116">
        <v>0</v>
      </c>
      <c r="DQ35" s="115">
        <v>65044</v>
      </c>
      <c r="DR35" s="118">
        <v>65044</v>
      </c>
      <c r="DS35" s="112">
        <v>0</v>
      </c>
      <c r="DT35" s="116">
        <v>0</v>
      </c>
      <c r="DU35" s="115">
        <v>0</v>
      </c>
      <c r="DV35" s="112">
        <v>0</v>
      </c>
      <c r="DW35" s="116">
        <v>0</v>
      </c>
      <c r="DX35" s="116">
        <v>0</v>
      </c>
      <c r="DY35" s="116">
        <v>48286</v>
      </c>
      <c r="DZ35" s="116">
        <v>0</v>
      </c>
      <c r="EA35" s="116">
        <v>0</v>
      </c>
      <c r="EB35" s="115">
        <v>48286</v>
      </c>
      <c r="EC35" s="118">
        <v>48286</v>
      </c>
      <c r="ED35" s="112">
        <v>0</v>
      </c>
      <c r="EE35" s="114">
        <v>0</v>
      </c>
      <c r="EF35" s="115">
        <v>0</v>
      </c>
      <c r="EG35" s="112">
        <v>0</v>
      </c>
      <c r="EH35" s="116">
        <v>0</v>
      </c>
      <c r="EI35" s="116">
        <v>16758</v>
      </c>
      <c r="EJ35" s="116">
        <v>0</v>
      </c>
      <c r="EK35" s="116">
        <v>0</v>
      </c>
      <c r="EL35" s="116">
        <v>0</v>
      </c>
      <c r="EM35" s="114">
        <v>16758</v>
      </c>
      <c r="EN35" s="118">
        <v>16758</v>
      </c>
      <c r="EO35" s="112">
        <v>0</v>
      </c>
      <c r="EP35" s="116">
        <v>0</v>
      </c>
      <c r="EQ35" s="114">
        <v>0</v>
      </c>
      <c r="ER35" s="113">
        <v>0</v>
      </c>
      <c r="ES35" s="116">
        <v>0</v>
      </c>
      <c r="ET35" s="116">
        <v>0</v>
      </c>
      <c r="EU35" s="116">
        <v>0</v>
      </c>
      <c r="EV35" s="116">
        <v>0</v>
      </c>
      <c r="EW35" s="116">
        <v>0</v>
      </c>
      <c r="EX35" s="115">
        <v>0</v>
      </c>
      <c r="EY35" s="118">
        <v>0</v>
      </c>
      <c r="EZ35" s="112">
        <v>0</v>
      </c>
      <c r="FA35" s="116">
        <v>0</v>
      </c>
      <c r="FB35" s="114">
        <v>0</v>
      </c>
      <c r="FC35" s="390"/>
      <c r="FD35" s="116">
        <v>0</v>
      </c>
      <c r="FE35" s="116">
        <v>0</v>
      </c>
      <c r="FF35" s="116">
        <v>0</v>
      </c>
      <c r="FG35" s="116">
        <v>0</v>
      </c>
      <c r="FH35" s="116">
        <v>0</v>
      </c>
      <c r="FI35" s="115">
        <v>0</v>
      </c>
      <c r="FJ35" s="118">
        <v>0</v>
      </c>
      <c r="FK35" s="112">
        <v>3850</v>
      </c>
      <c r="FL35" s="116">
        <v>2100</v>
      </c>
      <c r="FM35" s="115">
        <v>5950</v>
      </c>
      <c r="FN35" s="112">
        <v>0</v>
      </c>
      <c r="FO35" s="116">
        <v>0</v>
      </c>
      <c r="FP35" s="116">
        <v>46312</v>
      </c>
      <c r="FQ35" s="116">
        <v>27790</v>
      </c>
      <c r="FR35" s="116">
        <v>37226</v>
      </c>
      <c r="FS35" s="116">
        <v>0</v>
      </c>
      <c r="FT35" s="115">
        <v>111328</v>
      </c>
      <c r="FU35" s="118">
        <v>117278</v>
      </c>
      <c r="FV35" s="117">
        <v>3850</v>
      </c>
      <c r="FW35" s="116">
        <v>2100</v>
      </c>
      <c r="FX35" s="114">
        <v>5950</v>
      </c>
      <c r="FY35" s="113">
        <v>0</v>
      </c>
      <c r="FZ35" s="116">
        <v>0</v>
      </c>
      <c r="GA35" s="116">
        <v>46312</v>
      </c>
      <c r="GB35" s="116">
        <v>27790</v>
      </c>
      <c r="GC35" s="116">
        <v>37226</v>
      </c>
      <c r="GD35" s="116">
        <v>0</v>
      </c>
      <c r="GE35" s="115">
        <v>111328</v>
      </c>
      <c r="GF35" s="354">
        <v>117278</v>
      </c>
      <c r="GG35" s="117">
        <v>0</v>
      </c>
      <c r="GH35" s="116">
        <v>0</v>
      </c>
      <c r="GI35" s="114">
        <v>0</v>
      </c>
      <c r="GJ35" s="113">
        <v>0</v>
      </c>
      <c r="GK35" s="116">
        <v>0</v>
      </c>
      <c r="GL35" s="116">
        <v>0</v>
      </c>
      <c r="GM35" s="116">
        <v>0</v>
      </c>
      <c r="GN35" s="116">
        <v>0</v>
      </c>
      <c r="GO35" s="116">
        <v>0</v>
      </c>
      <c r="GP35" s="115">
        <v>0</v>
      </c>
      <c r="GQ35" s="118">
        <v>0</v>
      </c>
      <c r="GR35" s="112">
        <v>0</v>
      </c>
      <c r="GS35" s="116">
        <v>0</v>
      </c>
      <c r="GT35" s="115">
        <v>0</v>
      </c>
      <c r="GU35" s="112">
        <v>0</v>
      </c>
      <c r="GV35" s="116">
        <v>0</v>
      </c>
      <c r="GW35" s="116">
        <v>0</v>
      </c>
      <c r="GX35" s="116">
        <v>0</v>
      </c>
      <c r="GY35" s="116">
        <v>0</v>
      </c>
      <c r="GZ35" s="116">
        <v>0</v>
      </c>
      <c r="HA35" s="114">
        <v>0</v>
      </c>
      <c r="HB35" s="118">
        <v>0</v>
      </c>
      <c r="HC35" s="112">
        <v>0</v>
      </c>
      <c r="HD35" s="116">
        <v>0</v>
      </c>
      <c r="HE35" s="114">
        <v>0</v>
      </c>
      <c r="HF35" s="113">
        <v>0</v>
      </c>
      <c r="HG35" s="116">
        <v>364511</v>
      </c>
      <c r="HH35" s="116">
        <v>0</v>
      </c>
      <c r="HI35" s="116">
        <v>0</v>
      </c>
      <c r="HJ35" s="116">
        <v>174491</v>
      </c>
      <c r="HK35" s="116">
        <v>0</v>
      </c>
      <c r="HL35" s="115">
        <v>539002</v>
      </c>
      <c r="HM35" s="111">
        <v>539002</v>
      </c>
      <c r="HN35" s="370"/>
      <c r="HO35" s="371"/>
      <c r="HP35" s="372"/>
      <c r="HQ35" s="373"/>
      <c r="HR35" s="371"/>
      <c r="HS35" s="371"/>
      <c r="HT35" s="371"/>
      <c r="HU35" s="371"/>
      <c r="HV35" s="371"/>
      <c r="HW35" s="374"/>
      <c r="HX35" s="375"/>
      <c r="HY35" s="148">
        <v>0</v>
      </c>
      <c r="HZ35" s="149">
        <v>0</v>
      </c>
      <c r="IA35" s="150">
        <v>0</v>
      </c>
      <c r="IB35" s="163">
        <v>0</v>
      </c>
      <c r="IC35" s="149">
        <v>205408</v>
      </c>
      <c r="ID35" s="164">
        <v>9233</v>
      </c>
      <c r="IE35" s="150">
        <v>0</v>
      </c>
      <c r="IF35" s="149">
        <v>0</v>
      </c>
      <c r="IG35" s="150">
        <v>0</v>
      </c>
      <c r="IH35" s="165">
        <v>214641</v>
      </c>
      <c r="II35" s="156">
        <v>214641</v>
      </c>
      <c r="IJ35" s="261">
        <v>0</v>
      </c>
      <c r="IK35" s="268">
        <v>0</v>
      </c>
      <c r="IL35" s="269">
        <v>0</v>
      </c>
      <c r="IM35" s="157"/>
      <c r="IN35" s="122">
        <v>0</v>
      </c>
      <c r="IO35" s="122">
        <v>0</v>
      </c>
      <c r="IP35" s="122">
        <v>0</v>
      </c>
      <c r="IQ35" s="122">
        <v>0</v>
      </c>
      <c r="IR35" s="122">
        <v>0</v>
      </c>
      <c r="IS35" s="158">
        <v>0</v>
      </c>
      <c r="IT35" s="357">
        <v>0</v>
      </c>
      <c r="IU35" s="159">
        <v>0</v>
      </c>
      <c r="IV35" s="122">
        <v>0</v>
      </c>
      <c r="IW35" s="123">
        <v>0</v>
      </c>
      <c r="IX35" s="161"/>
      <c r="IY35" s="122">
        <v>0</v>
      </c>
      <c r="IZ35" s="122">
        <v>0</v>
      </c>
      <c r="JA35" s="122">
        <v>0</v>
      </c>
      <c r="JB35" s="122">
        <v>0</v>
      </c>
      <c r="JC35" s="122">
        <v>0</v>
      </c>
      <c r="JD35" s="123">
        <v>0</v>
      </c>
      <c r="JE35" s="124">
        <v>0</v>
      </c>
      <c r="JF35" s="159">
        <v>0</v>
      </c>
      <c r="JG35" s="122">
        <v>0</v>
      </c>
      <c r="JH35" s="158">
        <v>0</v>
      </c>
      <c r="JI35" s="121">
        <v>0</v>
      </c>
      <c r="JJ35" s="122">
        <v>55664</v>
      </c>
      <c r="JK35" s="122">
        <v>0</v>
      </c>
      <c r="JL35" s="122">
        <v>0</v>
      </c>
      <c r="JM35" s="122">
        <v>0</v>
      </c>
      <c r="JN35" s="122">
        <v>0</v>
      </c>
      <c r="JO35" s="123">
        <v>55664</v>
      </c>
      <c r="JP35" s="357">
        <v>55664</v>
      </c>
      <c r="JQ35" s="159">
        <v>0</v>
      </c>
      <c r="JR35" s="122">
        <v>0</v>
      </c>
      <c r="JS35" s="158">
        <v>0</v>
      </c>
      <c r="JT35" s="121">
        <v>0</v>
      </c>
      <c r="JU35" s="122">
        <v>0</v>
      </c>
      <c r="JV35" s="122">
        <v>9233</v>
      </c>
      <c r="JW35" s="122">
        <v>0</v>
      </c>
      <c r="JX35" s="122">
        <v>0</v>
      </c>
      <c r="JY35" s="122">
        <v>0</v>
      </c>
      <c r="JZ35" s="123">
        <v>9233</v>
      </c>
      <c r="KA35" s="357">
        <v>9233</v>
      </c>
      <c r="KB35" s="264">
        <v>0</v>
      </c>
      <c r="KC35" s="258">
        <v>0</v>
      </c>
      <c r="KD35" s="123">
        <v>0</v>
      </c>
      <c r="KE35" s="121">
        <v>0</v>
      </c>
      <c r="KF35" s="122">
        <v>0</v>
      </c>
      <c r="KG35" s="122">
        <v>0</v>
      </c>
      <c r="KH35" s="122">
        <v>0</v>
      </c>
      <c r="KI35" s="122">
        <v>0</v>
      </c>
      <c r="KJ35" s="122">
        <v>0</v>
      </c>
      <c r="KK35" s="123">
        <v>0</v>
      </c>
      <c r="KL35" s="160">
        <v>0</v>
      </c>
      <c r="KM35" s="261">
        <v>0</v>
      </c>
      <c r="KN35" s="268">
        <v>0</v>
      </c>
      <c r="KO35" s="269">
        <v>0</v>
      </c>
      <c r="KP35" s="157"/>
      <c r="KQ35" s="122">
        <v>149744</v>
      </c>
      <c r="KR35" s="122">
        <v>0</v>
      </c>
      <c r="KS35" s="122">
        <v>0</v>
      </c>
      <c r="KT35" s="122">
        <v>0</v>
      </c>
      <c r="KU35" s="122">
        <v>0</v>
      </c>
      <c r="KV35" s="123">
        <v>149744</v>
      </c>
      <c r="KW35" s="357">
        <v>149744</v>
      </c>
      <c r="KX35" s="159">
        <v>0</v>
      </c>
      <c r="KY35" s="122">
        <v>0</v>
      </c>
      <c r="KZ35" s="123">
        <v>0</v>
      </c>
      <c r="LA35" s="162"/>
      <c r="LB35" s="122">
        <v>0</v>
      </c>
      <c r="LC35" s="122">
        <v>0</v>
      </c>
      <c r="LD35" s="122">
        <v>0</v>
      </c>
      <c r="LE35" s="122">
        <v>0</v>
      </c>
      <c r="LF35" s="122">
        <v>0</v>
      </c>
      <c r="LG35" s="123">
        <v>0</v>
      </c>
      <c r="LH35" s="124">
        <v>0</v>
      </c>
      <c r="LI35" s="159">
        <v>0</v>
      </c>
      <c r="LJ35" s="122">
        <v>0</v>
      </c>
      <c r="LK35" s="123">
        <v>0</v>
      </c>
      <c r="LL35" s="162"/>
      <c r="LM35" s="122">
        <v>0</v>
      </c>
      <c r="LN35" s="122">
        <v>0</v>
      </c>
      <c r="LO35" s="122">
        <v>0</v>
      </c>
      <c r="LP35" s="122">
        <v>0</v>
      </c>
      <c r="LQ35" s="122">
        <v>0</v>
      </c>
      <c r="LR35" s="123">
        <v>0</v>
      </c>
      <c r="LS35" s="357">
        <v>0</v>
      </c>
      <c r="LT35" s="159">
        <v>0</v>
      </c>
      <c r="LU35" s="122">
        <v>0</v>
      </c>
      <c r="LV35" s="123">
        <v>0</v>
      </c>
      <c r="LW35" s="162"/>
      <c r="LX35" s="122">
        <v>0</v>
      </c>
      <c r="LY35" s="122">
        <v>0</v>
      </c>
      <c r="LZ35" s="122">
        <v>0</v>
      </c>
      <c r="MA35" s="122">
        <v>0</v>
      </c>
      <c r="MB35" s="122">
        <v>0</v>
      </c>
      <c r="MC35" s="123">
        <v>0</v>
      </c>
      <c r="MD35" s="124">
        <v>0</v>
      </c>
      <c r="ME35" s="159">
        <v>0</v>
      </c>
      <c r="MF35" s="122">
        <v>0</v>
      </c>
      <c r="MG35" s="123">
        <v>0</v>
      </c>
      <c r="MH35" s="162"/>
      <c r="MI35" s="122">
        <v>0</v>
      </c>
      <c r="MJ35" s="122">
        <v>0</v>
      </c>
      <c r="MK35" s="122">
        <v>391542</v>
      </c>
      <c r="ML35" s="122">
        <v>214699</v>
      </c>
      <c r="MM35" s="122">
        <v>230787</v>
      </c>
      <c r="MN35" s="123">
        <v>837028</v>
      </c>
      <c r="MO35" s="160">
        <v>837028</v>
      </c>
      <c r="MP35" s="159">
        <v>0</v>
      </c>
      <c r="MQ35" s="122">
        <v>0</v>
      </c>
      <c r="MR35" s="123">
        <v>0</v>
      </c>
      <c r="MS35" s="162"/>
      <c r="MT35" s="122">
        <v>0</v>
      </c>
      <c r="MU35" s="122">
        <v>0</v>
      </c>
      <c r="MV35" s="122">
        <v>183358</v>
      </c>
      <c r="MW35" s="122">
        <v>0</v>
      </c>
      <c r="MX35" s="122">
        <v>0</v>
      </c>
      <c r="MY35" s="123">
        <v>183358</v>
      </c>
      <c r="MZ35" s="160">
        <v>183358</v>
      </c>
      <c r="NA35" s="159">
        <v>0</v>
      </c>
      <c r="NB35" s="122">
        <v>0</v>
      </c>
      <c r="NC35" s="123">
        <v>0</v>
      </c>
      <c r="ND35" s="162"/>
      <c r="NE35" s="122">
        <v>0</v>
      </c>
      <c r="NF35" s="122">
        <v>0</v>
      </c>
      <c r="NG35" s="122">
        <v>208184</v>
      </c>
      <c r="NH35" s="122">
        <v>214699</v>
      </c>
      <c r="NI35" s="122">
        <v>230787</v>
      </c>
      <c r="NJ35" s="123">
        <v>653670</v>
      </c>
      <c r="NK35" s="357">
        <v>653670</v>
      </c>
      <c r="NL35" s="159">
        <v>0</v>
      </c>
      <c r="NM35" s="122">
        <v>0</v>
      </c>
      <c r="NN35" s="123">
        <v>0</v>
      </c>
      <c r="NO35" s="162"/>
      <c r="NP35" s="122">
        <v>0</v>
      </c>
      <c r="NQ35" s="122">
        <v>0</v>
      </c>
      <c r="NR35" s="122">
        <v>0</v>
      </c>
      <c r="NS35" s="122">
        <v>0</v>
      </c>
      <c r="NT35" s="122">
        <v>0</v>
      </c>
      <c r="NU35" s="123">
        <v>0</v>
      </c>
      <c r="NV35" s="124">
        <v>0</v>
      </c>
      <c r="NW35" s="159">
        <v>0</v>
      </c>
      <c r="NX35" s="122">
        <v>0</v>
      </c>
      <c r="NY35" s="123">
        <v>0</v>
      </c>
      <c r="NZ35" s="162"/>
      <c r="OA35" s="122">
        <v>0</v>
      </c>
      <c r="OB35" s="122">
        <v>0</v>
      </c>
      <c r="OC35" s="122">
        <v>0</v>
      </c>
      <c r="OD35" s="122">
        <v>0</v>
      </c>
      <c r="OE35" s="122">
        <v>0</v>
      </c>
      <c r="OF35" s="123">
        <v>0</v>
      </c>
      <c r="OG35" s="124">
        <v>0</v>
      </c>
      <c r="OH35" s="159">
        <v>3850</v>
      </c>
      <c r="OI35" s="122">
        <v>52556</v>
      </c>
      <c r="OJ35" s="158">
        <v>56406</v>
      </c>
      <c r="OK35" s="121">
        <v>0</v>
      </c>
      <c r="OL35" s="122">
        <v>592319</v>
      </c>
      <c r="OM35" s="122">
        <v>199073</v>
      </c>
      <c r="ON35" s="122">
        <v>718090</v>
      </c>
      <c r="OO35" s="122">
        <v>694660</v>
      </c>
      <c r="OP35" s="122">
        <v>230787</v>
      </c>
      <c r="OQ35" s="123">
        <v>2434929</v>
      </c>
      <c r="OR35" s="160">
        <v>2491335</v>
      </c>
    </row>
    <row r="36" spans="1:408" ht="20.25" customHeight="1" x14ac:dyDescent="0.2">
      <c r="A36" s="129" t="s">
        <v>31</v>
      </c>
      <c r="B36" s="112">
        <v>6384</v>
      </c>
      <c r="C36" s="116">
        <v>0</v>
      </c>
      <c r="D36" s="115">
        <v>6384</v>
      </c>
      <c r="E36" s="111">
        <v>0</v>
      </c>
      <c r="F36" s="116">
        <v>260743</v>
      </c>
      <c r="G36" s="116">
        <v>66766</v>
      </c>
      <c r="H36" s="116">
        <v>175808</v>
      </c>
      <c r="I36" s="116">
        <v>147913</v>
      </c>
      <c r="J36" s="116">
        <v>400213</v>
      </c>
      <c r="K36" s="200">
        <v>1051443</v>
      </c>
      <c r="L36" s="118">
        <v>1057827</v>
      </c>
      <c r="M36" s="112">
        <v>6384</v>
      </c>
      <c r="N36" s="116">
        <v>0</v>
      </c>
      <c r="O36" s="115">
        <v>6384</v>
      </c>
      <c r="P36" s="112">
        <v>0</v>
      </c>
      <c r="Q36" s="116">
        <v>86870</v>
      </c>
      <c r="R36" s="116">
        <v>31283</v>
      </c>
      <c r="S36" s="116">
        <v>42980</v>
      </c>
      <c r="T36" s="116">
        <v>0</v>
      </c>
      <c r="U36" s="116">
        <v>180142</v>
      </c>
      <c r="V36" s="115">
        <v>341275</v>
      </c>
      <c r="W36" s="118">
        <v>347659</v>
      </c>
      <c r="X36" s="112">
        <v>0</v>
      </c>
      <c r="Y36" s="116">
        <v>0</v>
      </c>
      <c r="Z36" s="115">
        <v>0</v>
      </c>
      <c r="AA36" s="112">
        <v>0</v>
      </c>
      <c r="AB36" s="116">
        <v>21518</v>
      </c>
      <c r="AC36" s="116">
        <v>0</v>
      </c>
      <c r="AD36" s="116">
        <v>0</v>
      </c>
      <c r="AE36" s="116">
        <v>0</v>
      </c>
      <c r="AF36" s="116">
        <v>0</v>
      </c>
      <c r="AG36" s="115">
        <v>21518</v>
      </c>
      <c r="AH36" s="118">
        <v>21518</v>
      </c>
      <c r="AI36" s="112">
        <v>0</v>
      </c>
      <c r="AJ36" s="116">
        <v>0</v>
      </c>
      <c r="AK36" s="115">
        <v>0</v>
      </c>
      <c r="AL36" s="112">
        <v>0</v>
      </c>
      <c r="AM36" s="116">
        <v>10969</v>
      </c>
      <c r="AN36" s="116">
        <v>0</v>
      </c>
      <c r="AO36" s="116">
        <v>0</v>
      </c>
      <c r="AP36" s="116">
        <v>0</v>
      </c>
      <c r="AQ36" s="116">
        <v>108476</v>
      </c>
      <c r="AR36" s="115">
        <v>119445</v>
      </c>
      <c r="AS36" s="118">
        <v>119445</v>
      </c>
      <c r="AT36" s="112">
        <v>6384</v>
      </c>
      <c r="AU36" s="116">
        <v>0</v>
      </c>
      <c r="AV36" s="115">
        <v>6384</v>
      </c>
      <c r="AW36" s="112">
        <v>0</v>
      </c>
      <c r="AX36" s="116">
        <v>48370</v>
      </c>
      <c r="AY36" s="116">
        <v>22883</v>
      </c>
      <c r="AZ36" s="116">
        <v>0</v>
      </c>
      <c r="BA36" s="116">
        <v>0</v>
      </c>
      <c r="BB36" s="116">
        <v>60956</v>
      </c>
      <c r="BC36" s="115">
        <v>132209</v>
      </c>
      <c r="BD36" s="118">
        <v>138593</v>
      </c>
      <c r="BE36" s="112">
        <v>0</v>
      </c>
      <c r="BF36" s="116">
        <v>0</v>
      </c>
      <c r="BG36" s="114">
        <v>0</v>
      </c>
      <c r="BH36" s="113">
        <v>0</v>
      </c>
      <c r="BI36" s="116">
        <v>0</v>
      </c>
      <c r="BJ36" s="116">
        <v>0</v>
      </c>
      <c r="BK36" s="116">
        <v>42980</v>
      </c>
      <c r="BL36" s="116">
        <v>0</v>
      </c>
      <c r="BM36" s="116">
        <v>0</v>
      </c>
      <c r="BN36" s="115">
        <v>42980</v>
      </c>
      <c r="BO36" s="118">
        <v>42980</v>
      </c>
      <c r="BP36" s="112">
        <v>0</v>
      </c>
      <c r="BQ36" s="116">
        <v>0</v>
      </c>
      <c r="BR36" s="115">
        <v>0</v>
      </c>
      <c r="BS36" s="112">
        <v>0</v>
      </c>
      <c r="BT36" s="116">
        <v>6013</v>
      </c>
      <c r="BU36" s="116">
        <v>8400</v>
      </c>
      <c r="BV36" s="116">
        <v>0</v>
      </c>
      <c r="BW36" s="116">
        <v>0</v>
      </c>
      <c r="BX36" s="116">
        <v>10710</v>
      </c>
      <c r="BY36" s="115">
        <v>25123</v>
      </c>
      <c r="BZ36" s="118">
        <v>25123</v>
      </c>
      <c r="CA36" s="112">
        <v>0</v>
      </c>
      <c r="CB36" s="116">
        <v>0</v>
      </c>
      <c r="CC36" s="115">
        <v>0</v>
      </c>
      <c r="CD36" s="112">
        <v>0</v>
      </c>
      <c r="CE36" s="116">
        <v>0</v>
      </c>
      <c r="CF36" s="116">
        <v>21133</v>
      </c>
      <c r="CG36" s="116">
        <v>105353</v>
      </c>
      <c r="CH36" s="116">
        <v>55243</v>
      </c>
      <c r="CI36" s="116">
        <v>0</v>
      </c>
      <c r="CJ36" s="115">
        <v>181729</v>
      </c>
      <c r="CK36" s="118">
        <v>181729</v>
      </c>
      <c r="CL36" s="112">
        <v>0</v>
      </c>
      <c r="CM36" s="116">
        <v>0</v>
      </c>
      <c r="CN36" s="115">
        <v>0</v>
      </c>
      <c r="CO36" s="113">
        <v>0</v>
      </c>
      <c r="CP36" s="116">
        <v>0</v>
      </c>
      <c r="CQ36" s="116">
        <v>21133</v>
      </c>
      <c r="CR36" s="116">
        <v>105353</v>
      </c>
      <c r="CS36" s="116">
        <v>55243</v>
      </c>
      <c r="CT36" s="116">
        <v>0</v>
      </c>
      <c r="CU36" s="115">
        <v>181729</v>
      </c>
      <c r="CV36" s="118">
        <v>181729</v>
      </c>
      <c r="CW36" s="112">
        <v>0</v>
      </c>
      <c r="CX36" s="116">
        <v>0</v>
      </c>
      <c r="CY36" s="115">
        <v>0</v>
      </c>
      <c r="CZ36" s="112">
        <v>0</v>
      </c>
      <c r="DA36" s="116">
        <v>0</v>
      </c>
      <c r="DB36" s="116">
        <v>0</v>
      </c>
      <c r="DC36" s="116">
        <v>0</v>
      </c>
      <c r="DD36" s="116">
        <v>0</v>
      </c>
      <c r="DE36" s="116">
        <v>0</v>
      </c>
      <c r="DF36" s="115">
        <v>0</v>
      </c>
      <c r="DG36" s="118">
        <v>0</v>
      </c>
      <c r="DH36" s="112">
        <v>0</v>
      </c>
      <c r="DI36" s="116">
        <v>0</v>
      </c>
      <c r="DJ36" s="114">
        <v>0</v>
      </c>
      <c r="DK36" s="113">
        <v>0</v>
      </c>
      <c r="DL36" s="116">
        <v>0</v>
      </c>
      <c r="DM36" s="116">
        <v>0</v>
      </c>
      <c r="DN36" s="116">
        <v>0</v>
      </c>
      <c r="DO36" s="116">
        <v>71509</v>
      </c>
      <c r="DP36" s="116">
        <v>0</v>
      </c>
      <c r="DQ36" s="115">
        <v>71509</v>
      </c>
      <c r="DR36" s="118">
        <v>71509</v>
      </c>
      <c r="DS36" s="112">
        <v>0</v>
      </c>
      <c r="DT36" s="116">
        <v>0</v>
      </c>
      <c r="DU36" s="115">
        <v>0</v>
      </c>
      <c r="DV36" s="112">
        <v>0</v>
      </c>
      <c r="DW36" s="116">
        <v>0</v>
      </c>
      <c r="DX36" s="116">
        <v>0</v>
      </c>
      <c r="DY36" s="116">
        <v>0</v>
      </c>
      <c r="DZ36" s="116">
        <v>71509</v>
      </c>
      <c r="EA36" s="116">
        <v>0</v>
      </c>
      <c r="EB36" s="115">
        <v>71509</v>
      </c>
      <c r="EC36" s="118">
        <v>71509</v>
      </c>
      <c r="ED36" s="112">
        <v>0</v>
      </c>
      <c r="EE36" s="114">
        <v>0</v>
      </c>
      <c r="EF36" s="115">
        <v>0</v>
      </c>
      <c r="EG36" s="112">
        <v>0</v>
      </c>
      <c r="EH36" s="116">
        <v>0</v>
      </c>
      <c r="EI36" s="116">
        <v>0</v>
      </c>
      <c r="EJ36" s="116">
        <v>0</v>
      </c>
      <c r="EK36" s="116">
        <v>0</v>
      </c>
      <c r="EL36" s="116">
        <v>0</v>
      </c>
      <c r="EM36" s="114">
        <v>0</v>
      </c>
      <c r="EN36" s="118">
        <v>0</v>
      </c>
      <c r="EO36" s="112">
        <v>0</v>
      </c>
      <c r="EP36" s="116">
        <v>0</v>
      </c>
      <c r="EQ36" s="114">
        <v>0</v>
      </c>
      <c r="ER36" s="113">
        <v>0</v>
      </c>
      <c r="ES36" s="116">
        <v>0</v>
      </c>
      <c r="ET36" s="116">
        <v>0</v>
      </c>
      <c r="EU36" s="116">
        <v>0</v>
      </c>
      <c r="EV36" s="116">
        <v>0</v>
      </c>
      <c r="EW36" s="116">
        <v>0</v>
      </c>
      <c r="EX36" s="115">
        <v>0</v>
      </c>
      <c r="EY36" s="118">
        <v>0</v>
      </c>
      <c r="EZ36" s="112">
        <v>0</v>
      </c>
      <c r="FA36" s="116">
        <v>0</v>
      </c>
      <c r="FB36" s="114">
        <v>0</v>
      </c>
      <c r="FC36" s="390"/>
      <c r="FD36" s="116">
        <v>0</v>
      </c>
      <c r="FE36" s="116">
        <v>0</v>
      </c>
      <c r="FF36" s="116">
        <v>0</v>
      </c>
      <c r="FG36" s="116">
        <v>0</v>
      </c>
      <c r="FH36" s="116">
        <v>0</v>
      </c>
      <c r="FI36" s="115">
        <v>0</v>
      </c>
      <c r="FJ36" s="118">
        <v>0</v>
      </c>
      <c r="FK36" s="112">
        <v>0</v>
      </c>
      <c r="FL36" s="116">
        <v>0</v>
      </c>
      <c r="FM36" s="115">
        <v>0</v>
      </c>
      <c r="FN36" s="112">
        <v>0</v>
      </c>
      <c r="FO36" s="116">
        <v>46410</v>
      </c>
      <c r="FP36" s="116">
        <v>14350</v>
      </c>
      <c r="FQ36" s="116">
        <v>27475</v>
      </c>
      <c r="FR36" s="116">
        <v>21161</v>
      </c>
      <c r="FS36" s="116">
        <v>31850</v>
      </c>
      <c r="FT36" s="115">
        <v>141246</v>
      </c>
      <c r="FU36" s="118">
        <v>141246</v>
      </c>
      <c r="FV36" s="117">
        <v>0</v>
      </c>
      <c r="FW36" s="116">
        <v>0</v>
      </c>
      <c r="FX36" s="114">
        <v>0</v>
      </c>
      <c r="FY36" s="113">
        <v>0</v>
      </c>
      <c r="FZ36" s="116">
        <v>46410</v>
      </c>
      <c r="GA36" s="116">
        <v>14350</v>
      </c>
      <c r="GB36" s="116">
        <v>27475</v>
      </c>
      <c r="GC36" s="116">
        <v>21161</v>
      </c>
      <c r="GD36" s="116">
        <v>31850</v>
      </c>
      <c r="GE36" s="115">
        <v>141246</v>
      </c>
      <c r="GF36" s="354">
        <v>141246</v>
      </c>
      <c r="GG36" s="117">
        <v>0</v>
      </c>
      <c r="GH36" s="116">
        <v>0</v>
      </c>
      <c r="GI36" s="114">
        <v>0</v>
      </c>
      <c r="GJ36" s="113">
        <v>0</v>
      </c>
      <c r="GK36" s="116">
        <v>0</v>
      </c>
      <c r="GL36" s="116">
        <v>0</v>
      </c>
      <c r="GM36" s="116">
        <v>0</v>
      </c>
      <c r="GN36" s="116">
        <v>0</v>
      </c>
      <c r="GO36" s="116">
        <v>0</v>
      </c>
      <c r="GP36" s="115">
        <v>0</v>
      </c>
      <c r="GQ36" s="118">
        <v>0</v>
      </c>
      <c r="GR36" s="112">
        <v>0</v>
      </c>
      <c r="GS36" s="116">
        <v>0</v>
      </c>
      <c r="GT36" s="115">
        <v>0</v>
      </c>
      <c r="GU36" s="112">
        <v>0</v>
      </c>
      <c r="GV36" s="116">
        <v>0</v>
      </c>
      <c r="GW36" s="116">
        <v>0</v>
      </c>
      <c r="GX36" s="116">
        <v>0</v>
      </c>
      <c r="GY36" s="116">
        <v>0</v>
      </c>
      <c r="GZ36" s="116">
        <v>0</v>
      </c>
      <c r="HA36" s="114">
        <v>0</v>
      </c>
      <c r="HB36" s="118">
        <v>0</v>
      </c>
      <c r="HC36" s="112">
        <v>0</v>
      </c>
      <c r="HD36" s="116">
        <v>0</v>
      </c>
      <c r="HE36" s="114">
        <v>0</v>
      </c>
      <c r="HF36" s="113">
        <v>0</v>
      </c>
      <c r="HG36" s="116">
        <v>127463</v>
      </c>
      <c r="HH36" s="116">
        <v>0</v>
      </c>
      <c r="HI36" s="116">
        <v>0</v>
      </c>
      <c r="HJ36" s="116">
        <v>0</v>
      </c>
      <c r="HK36" s="116">
        <v>188221</v>
      </c>
      <c r="HL36" s="115">
        <v>315684</v>
      </c>
      <c r="HM36" s="111">
        <v>315684</v>
      </c>
      <c r="HN36" s="370"/>
      <c r="HO36" s="371"/>
      <c r="HP36" s="372"/>
      <c r="HQ36" s="373"/>
      <c r="HR36" s="371"/>
      <c r="HS36" s="371"/>
      <c r="HT36" s="371"/>
      <c r="HU36" s="371"/>
      <c r="HV36" s="371"/>
      <c r="HW36" s="374"/>
      <c r="HX36" s="375"/>
      <c r="HY36" s="167">
        <v>0</v>
      </c>
      <c r="HZ36" s="152">
        <v>0</v>
      </c>
      <c r="IA36" s="167">
        <v>0</v>
      </c>
      <c r="IB36" s="151">
        <v>0</v>
      </c>
      <c r="IC36" s="152">
        <v>153115</v>
      </c>
      <c r="ID36" s="153">
        <v>120053</v>
      </c>
      <c r="IE36" s="154">
        <v>69391</v>
      </c>
      <c r="IF36" s="152">
        <v>0</v>
      </c>
      <c r="IG36" s="154">
        <v>199332</v>
      </c>
      <c r="IH36" s="155">
        <v>541891</v>
      </c>
      <c r="II36" s="167">
        <v>541891</v>
      </c>
      <c r="IJ36" s="261">
        <v>0</v>
      </c>
      <c r="IK36" s="268">
        <v>0</v>
      </c>
      <c r="IL36" s="269">
        <v>0</v>
      </c>
      <c r="IM36" s="157"/>
      <c r="IN36" s="122">
        <v>0</v>
      </c>
      <c r="IO36" s="122">
        <v>86688</v>
      </c>
      <c r="IP36" s="122">
        <v>0</v>
      </c>
      <c r="IQ36" s="122">
        <v>0</v>
      </c>
      <c r="IR36" s="122">
        <v>0</v>
      </c>
      <c r="IS36" s="158">
        <v>86688</v>
      </c>
      <c r="IT36" s="357">
        <v>86688</v>
      </c>
      <c r="IU36" s="159">
        <v>0</v>
      </c>
      <c r="IV36" s="122">
        <v>0</v>
      </c>
      <c r="IW36" s="123">
        <v>0</v>
      </c>
      <c r="IX36" s="161"/>
      <c r="IY36" s="122">
        <v>0</v>
      </c>
      <c r="IZ36" s="122">
        <v>0</v>
      </c>
      <c r="JA36" s="122">
        <v>0</v>
      </c>
      <c r="JB36" s="122">
        <v>0</v>
      </c>
      <c r="JC36" s="122">
        <v>0</v>
      </c>
      <c r="JD36" s="123">
        <v>0</v>
      </c>
      <c r="JE36" s="124">
        <v>0</v>
      </c>
      <c r="JF36" s="159">
        <v>0</v>
      </c>
      <c r="JG36" s="122">
        <v>0</v>
      </c>
      <c r="JH36" s="158">
        <v>0</v>
      </c>
      <c r="JI36" s="121">
        <v>0</v>
      </c>
      <c r="JJ36" s="122">
        <v>35403</v>
      </c>
      <c r="JK36" s="122">
        <v>33365</v>
      </c>
      <c r="JL36" s="122">
        <v>69391</v>
      </c>
      <c r="JM36" s="122">
        <v>0</v>
      </c>
      <c r="JN36" s="122">
        <v>0</v>
      </c>
      <c r="JO36" s="123">
        <v>138159</v>
      </c>
      <c r="JP36" s="357">
        <v>138159</v>
      </c>
      <c r="JQ36" s="159">
        <v>0</v>
      </c>
      <c r="JR36" s="122">
        <v>0</v>
      </c>
      <c r="JS36" s="158">
        <v>0</v>
      </c>
      <c r="JT36" s="121">
        <v>0</v>
      </c>
      <c r="JU36" s="122">
        <v>0</v>
      </c>
      <c r="JV36" s="122">
        <v>0</v>
      </c>
      <c r="JW36" s="122">
        <v>0</v>
      </c>
      <c r="JX36" s="122">
        <v>0</v>
      </c>
      <c r="JY36" s="122">
        <v>0</v>
      </c>
      <c r="JZ36" s="123">
        <v>0</v>
      </c>
      <c r="KA36" s="357">
        <v>0</v>
      </c>
      <c r="KB36" s="264">
        <v>0</v>
      </c>
      <c r="KC36" s="258">
        <v>0</v>
      </c>
      <c r="KD36" s="123">
        <v>0</v>
      </c>
      <c r="KE36" s="121">
        <v>0</v>
      </c>
      <c r="KF36" s="122">
        <v>117712</v>
      </c>
      <c r="KG36" s="122">
        <v>0</v>
      </c>
      <c r="KH36" s="122">
        <v>0</v>
      </c>
      <c r="KI36" s="122">
        <v>0</v>
      </c>
      <c r="KJ36" s="122">
        <v>0</v>
      </c>
      <c r="KK36" s="123">
        <v>117712</v>
      </c>
      <c r="KL36" s="160">
        <v>117712</v>
      </c>
      <c r="KM36" s="261">
        <v>0</v>
      </c>
      <c r="KN36" s="268">
        <v>0</v>
      </c>
      <c r="KO36" s="269">
        <v>0</v>
      </c>
      <c r="KP36" s="157"/>
      <c r="KQ36" s="122">
        <v>0</v>
      </c>
      <c r="KR36" s="122">
        <v>0</v>
      </c>
      <c r="KS36" s="122">
        <v>0</v>
      </c>
      <c r="KT36" s="122">
        <v>0</v>
      </c>
      <c r="KU36" s="122">
        <v>199332</v>
      </c>
      <c r="KV36" s="123">
        <v>199332</v>
      </c>
      <c r="KW36" s="357">
        <v>199332</v>
      </c>
      <c r="KX36" s="159">
        <v>0</v>
      </c>
      <c r="KY36" s="122">
        <v>0</v>
      </c>
      <c r="KZ36" s="123">
        <v>0</v>
      </c>
      <c r="LA36" s="162"/>
      <c r="LB36" s="122">
        <v>0</v>
      </c>
      <c r="LC36" s="122">
        <v>0</v>
      </c>
      <c r="LD36" s="122">
        <v>0</v>
      </c>
      <c r="LE36" s="122">
        <v>0</v>
      </c>
      <c r="LF36" s="122">
        <v>0</v>
      </c>
      <c r="LG36" s="123">
        <v>0</v>
      </c>
      <c r="LH36" s="124">
        <v>0</v>
      </c>
      <c r="LI36" s="159">
        <v>0</v>
      </c>
      <c r="LJ36" s="122">
        <v>0</v>
      </c>
      <c r="LK36" s="123">
        <v>0</v>
      </c>
      <c r="LL36" s="162"/>
      <c r="LM36" s="122">
        <v>0</v>
      </c>
      <c r="LN36" s="122">
        <v>0</v>
      </c>
      <c r="LO36" s="122">
        <v>0</v>
      </c>
      <c r="LP36" s="122">
        <v>0</v>
      </c>
      <c r="LQ36" s="122">
        <v>0</v>
      </c>
      <c r="LR36" s="123">
        <v>0</v>
      </c>
      <c r="LS36" s="357">
        <v>0</v>
      </c>
      <c r="LT36" s="159">
        <v>0</v>
      </c>
      <c r="LU36" s="122">
        <v>0</v>
      </c>
      <c r="LV36" s="123">
        <v>0</v>
      </c>
      <c r="LW36" s="162"/>
      <c r="LX36" s="122">
        <v>0</v>
      </c>
      <c r="LY36" s="122">
        <v>0</v>
      </c>
      <c r="LZ36" s="122">
        <v>0</v>
      </c>
      <c r="MA36" s="122">
        <v>0</v>
      </c>
      <c r="MB36" s="122">
        <v>0</v>
      </c>
      <c r="MC36" s="123">
        <v>0</v>
      </c>
      <c r="MD36" s="124">
        <v>0</v>
      </c>
      <c r="ME36" s="159">
        <v>0</v>
      </c>
      <c r="MF36" s="122">
        <v>0</v>
      </c>
      <c r="MG36" s="123">
        <v>0</v>
      </c>
      <c r="MH36" s="162"/>
      <c r="MI36" s="122">
        <v>0</v>
      </c>
      <c r="MJ36" s="122">
        <v>191828</v>
      </c>
      <c r="MK36" s="122">
        <v>359319</v>
      </c>
      <c r="ML36" s="122">
        <v>216406</v>
      </c>
      <c r="MM36" s="122">
        <v>245224</v>
      </c>
      <c r="MN36" s="123">
        <v>1012777</v>
      </c>
      <c r="MO36" s="160">
        <v>1012777</v>
      </c>
      <c r="MP36" s="159">
        <v>0</v>
      </c>
      <c r="MQ36" s="122">
        <v>0</v>
      </c>
      <c r="MR36" s="123">
        <v>0</v>
      </c>
      <c r="MS36" s="162"/>
      <c r="MT36" s="122">
        <v>0</v>
      </c>
      <c r="MU36" s="122">
        <v>0</v>
      </c>
      <c r="MV36" s="122">
        <v>359319</v>
      </c>
      <c r="MW36" s="122">
        <v>216406</v>
      </c>
      <c r="MX36" s="122">
        <v>0</v>
      </c>
      <c r="MY36" s="123">
        <v>575725</v>
      </c>
      <c r="MZ36" s="160">
        <v>575725</v>
      </c>
      <c r="NA36" s="159">
        <v>0</v>
      </c>
      <c r="NB36" s="122">
        <v>0</v>
      </c>
      <c r="NC36" s="123">
        <v>0</v>
      </c>
      <c r="ND36" s="162"/>
      <c r="NE36" s="122">
        <v>0</v>
      </c>
      <c r="NF36" s="122">
        <v>191828</v>
      </c>
      <c r="NG36" s="122">
        <v>0</v>
      </c>
      <c r="NH36" s="122">
        <v>0</v>
      </c>
      <c r="NI36" s="122">
        <v>245224</v>
      </c>
      <c r="NJ36" s="123">
        <v>437052</v>
      </c>
      <c r="NK36" s="357">
        <v>437052</v>
      </c>
      <c r="NL36" s="159">
        <v>0</v>
      </c>
      <c r="NM36" s="122">
        <v>0</v>
      </c>
      <c r="NN36" s="123">
        <v>0</v>
      </c>
      <c r="NO36" s="162"/>
      <c r="NP36" s="122">
        <v>0</v>
      </c>
      <c r="NQ36" s="122">
        <v>0</v>
      </c>
      <c r="NR36" s="122">
        <v>0</v>
      </c>
      <c r="NS36" s="122">
        <v>0</v>
      </c>
      <c r="NT36" s="122">
        <v>0</v>
      </c>
      <c r="NU36" s="123">
        <v>0</v>
      </c>
      <c r="NV36" s="124">
        <v>0</v>
      </c>
      <c r="NW36" s="159">
        <v>0</v>
      </c>
      <c r="NX36" s="122">
        <v>0</v>
      </c>
      <c r="NY36" s="123">
        <v>0</v>
      </c>
      <c r="NZ36" s="162"/>
      <c r="OA36" s="122">
        <v>0</v>
      </c>
      <c r="OB36" s="122">
        <v>0</v>
      </c>
      <c r="OC36" s="122">
        <v>0</v>
      </c>
      <c r="OD36" s="122">
        <v>0</v>
      </c>
      <c r="OE36" s="122">
        <v>0</v>
      </c>
      <c r="OF36" s="123">
        <v>0</v>
      </c>
      <c r="OG36" s="124">
        <v>0</v>
      </c>
      <c r="OH36" s="159">
        <v>6384</v>
      </c>
      <c r="OI36" s="122">
        <v>0</v>
      </c>
      <c r="OJ36" s="158">
        <v>6384</v>
      </c>
      <c r="OK36" s="121">
        <v>0</v>
      </c>
      <c r="OL36" s="122">
        <v>413858</v>
      </c>
      <c r="OM36" s="122">
        <v>378647</v>
      </c>
      <c r="ON36" s="122">
        <v>604518</v>
      </c>
      <c r="OO36" s="122">
        <v>364319</v>
      </c>
      <c r="OP36" s="122">
        <v>844769</v>
      </c>
      <c r="OQ36" s="123">
        <v>2606111</v>
      </c>
      <c r="OR36" s="160">
        <v>2612495</v>
      </c>
    </row>
    <row r="37" spans="1:408" ht="20.25" customHeight="1" x14ac:dyDescent="0.2">
      <c r="A37" s="129" t="s">
        <v>32</v>
      </c>
      <c r="B37" s="112">
        <v>12763</v>
      </c>
      <c r="C37" s="116">
        <v>8960</v>
      </c>
      <c r="D37" s="201">
        <v>21723</v>
      </c>
      <c r="E37" s="202">
        <v>0</v>
      </c>
      <c r="F37" s="203">
        <v>275189</v>
      </c>
      <c r="G37" s="203">
        <v>367346</v>
      </c>
      <c r="H37" s="203">
        <v>155382</v>
      </c>
      <c r="I37" s="203">
        <v>363421</v>
      </c>
      <c r="J37" s="203">
        <v>241234</v>
      </c>
      <c r="K37" s="204">
        <v>1402572</v>
      </c>
      <c r="L37" s="118">
        <v>1424295</v>
      </c>
      <c r="M37" s="112">
        <v>0</v>
      </c>
      <c r="N37" s="116">
        <v>0</v>
      </c>
      <c r="O37" s="115">
        <v>0</v>
      </c>
      <c r="P37" s="112">
        <v>0</v>
      </c>
      <c r="Q37" s="116">
        <v>18074</v>
      </c>
      <c r="R37" s="116">
        <v>77147</v>
      </c>
      <c r="S37" s="116">
        <v>32060</v>
      </c>
      <c r="T37" s="116">
        <v>188148</v>
      </c>
      <c r="U37" s="116">
        <v>13692</v>
      </c>
      <c r="V37" s="115">
        <v>329121</v>
      </c>
      <c r="W37" s="118">
        <v>329121</v>
      </c>
      <c r="X37" s="112">
        <v>0</v>
      </c>
      <c r="Y37" s="116">
        <v>0</v>
      </c>
      <c r="Z37" s="115">
        <v>0</v>
      </c>
      <c r="AA37" s="112">
        <v>0</v>
      </c>
      <c r="AB37" s="116">
        <v>7287</v>
      </c>
      <c r="AC37" s="116">
        <v>27762</v>
      </c>
      <c r="AD37" s="116">
        <v>0</v>
      </c>
      <c r="AE37" s="116">
        <v>153608</v>
      </c>
      <c r="AF37" s="116">
        <v>0</v>
      </c>
      <c r="AG37" s="115">
        <v>188657</v>
      </c>
      <c r="AH37" s="118">
        <v>188657</v>
      </c>
      <c r="AI37" s="112">
        <v>0</v>
      </c>
      <c r="AJ37" s="116">
        <v>0</v>
      </c>
      <c r="AK37" s="115">
        <v>0</v>
      </c>
      <c r="AL37" s="112">
        <v>0</v>
      </c>
      <c r="AM37" s="116">
        <v>0</v>
      </c>
      <c r="AN37" s="116">
        <v>0</v>
      </c>
      <c r="AO37" s="116">
        <v>0</v>
      </c>
      <c r="AP37" s="116">
        <v>0</v>
      </c>
      <c r="AQ37" s="116">
        <v>0</v>
      </c>
      <c r="AR37" s="115">
        <v>0</v>
      </c>
      <c r="AS37" s="118">
        <v>0</v>
      </c>
      <c r="AT37" s="112">
        <v>0</v>
      </c>
      <c r="AU37" s="116">
        <v>0</v>
      </c>
      <c r="AV37" s="115">
        <v>0</v>
      </c>
      <c r="AW37" s="112">
        <v>0</v>
      </c>
      <c r="AX37" s="116">
        <v>0</v>
      </c>
      <c r="AY37" s="116">
        <v>36211</v>
      </c>
      <c r="AZ37" s="116">
        <v>0</v>
      </c>
      <c r="BA37" s="116">
        <v>14170</v>
      </c>
      <c r="BB37" s="116">
        <v>0</v>
      </c>
      <c r="BC37" s="115">
        <v>50381</v>
      </c>
      <c r="BD37" s="118">
        <v>50381</v>
      </c>
      <c r="BE37" s="112">
        <v>0</v>
      </c>
      <c r="BF37" s="116">
        <v>0</v>
      </c>
      <c r="BG37" s="114">
        <v>0</v>
      </c>
      <c r="BH37" s="113">
        <v>0</v>
      </c>
      <c r="BI37" s="116">
        <v>0</v>
      </c>
      <c r="BJ37" s="116">
        <v>0</v>
      </c>
      <c r="BK37" s="116">
        <v>26768</v>
      </c>
      <c r="BL37" s="116">
        <v>0</v>
      </c>
      <c r="BM37" s="116">
        <v>0</v>
      </c>
      <c r="BN37" s="115">
        <v>26768</v>
      </c>
      <c r="BO37" s="118">
        <v>26768</v>
      </c>
      <c r="BP37" s="112">
        <v>0</v>
      </c>
      <c r="BQ37" s="116">
        <v>0</v>
      </c>
      <c r="BR37" s="115">
        <v>0</v>
      </c>
      <c r="BS37" s="112">
        <v>0</v>
      </c>
      <c r="BT37" s="116">
        <v>10787</v>
      </c>
      <c r="BU37" s="116">
        <v>13174</v>
      </c>
      <c r="BV37" s="116">
        <v>5292</v>
      </c>
      <c r="BW37" s="116">
        <v>20370</v>
      </c>
      <c r="BX37" s="116">
        <v>13692</v>
      </c>
      <c r="BY37" s="115">
        <v>63315</v>
      </c>
      <c r="BZ37" s="118">
        <v>63315</v>
      </c>
      <c r="CA37" s="112">
        <v>0</v>
      </c>
      <c r="CB37" s="116">
        <v>0</v>
      </c>
      <c r="CC37" s="115">
        <v>0</v>
      </c>
      <c r="CD37" s="112">
        <v>0</v>
      </c>
      <c r="CE37" s="116">
        <v>59276</v>
      </c>
      <c r="CF37" s="116">
        <v>50617</v>
      </c>
      <c r="CG37" s="116">
        <v>49060</v>
      </c>
      <c r="CH37" s="116">
        <v>0</v>
      </c>
      <c r="CI37" s="116">
        <v>0</v>
      </c>
      <c r="CJ37" s="115">
        <v>158953</v>
      </c>
      <c r="CK37" s="118">
        <v>158953</v>
      </c>
      <c r="CL37" s="112">
        <v>0</v>
      </c>
      <c r="CM37" s="116">
        <v>0</v>
      </c>
      <c r="CN37" s="115">
        <v>0</v>
      </c>
      <c r="CO37" s="113">
        <v>0</v>
      </c>
      <c r="CP37" s="116">
        <v>59276</v>
      </c>
      <c r="CQ37" s="116">
        <v>29365</v>
      </c>
      <c r="CR37" s="116">
        <v>0</v>
      </c>
      <c r="CS37" s="116">
        <v>0</v>
      </c>
      <c r="CT37" s="116">
        <v>0</v>
      </c>
      <c r="CU37" s="115">
        <v>88641</v>
      </c>
      <c r="CV37" s="118">
        <v>88641</v>
      </c>
      <c r="CW37" s="112">
        <v>0</v>
      </c>
      <c r="CX37" s="116">
        <v>0</v>
      </c>
      <c r="CY37" s="115">
        <v>0</v>
      </c>
      <c r="CZ37" s="112">
        <v>0</v>
      </c>
      <c r="DA37" s="116">
        <v>0</v>
      </c>
      <c r="DB37" s="116">
        <v>21252</v>
      </c>
      <c r="DC37" s="116">
        <v>49060</v>
      </c>
      <c r="DD37" s="116">
        <v>0</v>
      </c>
      <c r="DE37" s="116">
        <v>0</v>
      </c>
      <c r="DF37" s="115">
        <v>70312</v>
      </c>
      <c r="DG37" s="118">
        <v>70312</v>
      </c>
      <c r="DH37" s="112">
        <v>0</v>
      </c>
      <c r="DI37" s="116">
        <v>0</v>
      </c>
      <c r="DJ37" s="114">
        <v>0</v>
      </c>
      <c r="DK37" s="113">
        <v>0</v>
      </c>
      <c r="DL37" s="116">
        <v>54597</v>
      </c>
      <c r="DM37" s="116">
        <v>0</v>
      </c>
      <c r="DN37" s="116">
        <v>30232</v>
      </c>
      <c r="DO37" s="116">
        <v>0</v>
      </c>
      <c r="DP37" s="116">
        <v>0</v>
      </c>
      <c r="DQ37" s="115">
        <v>84829</v>
      </c>
      <c r="DR37" s="118">
        <v>84829</v>
      </c>
      <c r="DS37" s="112">
        <v>0</v>
      </c>
      <c r="DT37" s="116">
        <v>0</v>
      </c>
      <c r="DU37" s="115">
        <v>0</v>
      </c>
      <c r="DV37" s="112">
        <v>0</v>
      </c>
      <c r="DW37" s="116">
        <v>54597</v>
      </c>
      <c r="DX37" s="116">
        <v>0</v>
      </c>
      <c r="DY37" s="116">
        <v>0</v>
      </c>
      <c r="DZ37" s="116">
        <v>0</v>
      </c>
      <c r="EA37" s="116">
        <v>0</v>
      </c>
      <c r="EB37" s="115">
        <v>54597</v>
      </c>
      <c r="EC37" s="118">
        <v>54597</v>
      </c>
      <c r="ED37" s="112">
        <v>0</v>
      </c>
      <c r="EE37" s="114">
        <v>0</v>
      </c>
      <c r="EF37" s="115">
        <v>0</v>
      </c>
      <c r="EG37" s="112">
        <v>0</v>
      </c>
      <c r="EH37" s="116">
        <v>0</v>
      </c>
      <c r="EI37" s="116">
        <v>0</v>
      </c>
      <c r="EJ37" s="116">
        <v>30232</v>
      </c>
      <c r="EK37" s="116">
        <v>0</v>
      </c>
      <c r="EL37" s="116">
        <v>0</v>
      </c>
      <c r="EM37" s="114">
        <v>30232</v>
      </c>
      <c r="EN37" s="118">
        <v>30232</v>
      </c>
      <c r="EO37" s="112">
        <v>0</v>
      </c>
      <c r="EP37" s="116">
        <v>0</v>
      </c>
      <c r="EQ37" s="114">
        <v>0</v>
      </c>
      <c r="ER37" s="113">
        <v>0</v>
      </c>
      <c r="ES37" s="116">
        <v>0</v>
      </c>
      <c r="ET37" s="116">
        <v>0</v>
      </c>
      <c r="EU37" s="116">
        <v>0</v>
      </c>
      <c r="EV37" s="116">
        <v>0</v>
      </c>
      <c r="EW37" s="116">
        <v>0</v>
      </c>
      <c r="EX37" s="115">
        <v>0</v>
      </c>
      <c r="EY37" s="118">
        <v>0</v>
      </c>
      <c r="EZ37" s="112">
        <v>0</v>
      </c>
      <c r="FA37" s="116">
        <v>0</v>
      </c>
      <c r="FB37" s="114">
        <v>0</v>
      </c>
      <c r="FC37" s="390"/>
      <c r="FD37" s="116">
        <v>0</v>
      </c>
      <c r="FE37" s="116">
        <v>0</v>
      </c>
      <c r="FF37" s="116">
        <v>0</v>
      </c>
      <c r="FG37" s="116">
        <v>0</v>
      </c>
      <c r="FH37" s="116">
        <v>0</v>
      </c>
      <c r="FI37" s="115">
        <v>0</v>
      </c>
      <c r="FJ37" s="118">
        <v>0</v>
      </c>
      <c r="FK37" s="112">
        <v>12763</v>
      </c>
      <c r="FL37" s="116">
        <v>8960</v>
      </c>
      <c r="FM37" s="115">
        <v>21723</v>
      </c>
      <c r="FN37" s="112">
        <v>0</v>
      </c>
      <c r="FO37" s="116">
        <v>16380</v>
      </c>
      <c r="FP37" s="116">
        <v>105490</v>
      </c>
      <c r="FQ37" s="116">
        <v>44030</v>
      </c>
      <c r="FR37" s="116">
        <v>12985</v>
      </c>
      <c r="FS37" s="116">
        <v>0</v>
      </c>
      <c r="FT37" s="115">
        <v>178885</v>
      </c>
      <c r="FU37" s="118">
        <v>200608</v>
      </c>
      <c r="FV37" s="117">
        <v>0</v>
      </c>
      <c r="FW37" s="116">
        <v>8960</v>
      </c>
      <c r="FX37" s="114">
        <v>8960</v>
      </c>
      <c r="FY37" s="113">
        <v>0</v>
      </c>
      <c r="FZ37" s="116">
        <v>16380</v>
      </c>
      <c r="GA37" s="116">
        <v>23100</v>
      </c>
      <c r="GB37" s="116">
        <v>44030</v>
      </c>
      <c r="GC37" s="116">
        <v>12985</v>
      </c>
      <c r="GD37" s="116">
        <v>0</v>
      </c>
      <c r="GE37" s="115">
        <v>96495</v>
      </c>
      <c r="GF37" s="354">
        <v>105455</v>
      </c>
      <c r="GG37" s="117">
        <v>12763</v>
      </c>
      <c r="GH37" s="116">
        <v>0</v>
      </c>
      <c r="GI37" s="114">
        <v>12763</v>
      </c>
      <c r="GJ37" s="113">
        <v>0</v>
      </c>
      <c r="GK37" s="116">
        <v>0</v>
      </c>
      <c r="GL37" s="116">
        <v>0</v>
      </c>
      <c r="GM37" s="116">
        <v>0</v>
      </c>
      <c r="GN37" s="116">
        <v>0</v>
      </c>
      <c r="GO37" s="116">
        <v>0</v>
      </c>
      <c r="GP37" s="115">
        <v>0</v>
      </c>
      <c r="GQ37" s="118">
        <v>12763</v>
      </c>
      <c r="GR37" s="112">
        <v>0</v>
      </c>
      <c r="GS37" s="116">
        <v>0</v>
      </c>
      <c r="GT37" s="115">
        <v>0</v>
      </c>
      <c r="GU37" s="112">
        <v>0</v>
      </c>
      <c r="GV37" s="116">
        <v>0</v>
      </c>
      <c r="GW37" s="116">
        <v>82390</v>
      </c>
      <c r="GX37" s="116">
        <v>0</v>
      </c>
      <c r="GY37" s="116">
        <v>0</v>
      </c>
      <c r="GZ37" s="116">
        <v>0</v>
      </c>
      <c r="HA37" s="114">
        <v>82390</v>
      </c>
      <c r="HB37" s="118">
        <v>82390</v>
      </c>
      <c r="HC37" s="112">
        <v>0</v>
      </c>
      <c r="HD37" s="116">
        <v>0</v>
      </c>
      <c r="HE37" s="114">
        <v>0</v>
      </c>
      <c r="HF37" s="113">
        <v>0</v>
      </c>
      <c r="HG37" s="116">
        <v>126862</v>
      </c>
      <c r="HH37" s="116">
        <v>134092</v>
      </c>
      <c r="HI37" s="116">
        <v>0</v>
      </c>
      <c r="HJ37" s="116">
        <v>162288</v>
      </c>
      <c r="HK37" s="116">
        <v>227542</v>
      </c>
      <c r="HL37" s="115">
        <v>650784</v>
      </c>
      <c r="HM37" s="111">
        <v>650784</v>
      </c>
      <c r="HN37" s="370"/>
      <c r="HO37" s="371"/>
      <c r="HP37" s="372"/>
      <c r="HQ37" s="373"/>
      <c r="HR37" s="371"/>
      <c r="HS37" s="371"/>
      <c r="HT37" s="371"/>
      <c r="HU37" s="371"/>
      <c r="HV37" s="371"/>
      <c r="HW37" s="374"/>
      <c r="HX37" s="375"/>
      <c r="HY37" s="148">
        <v>0</v>
      </c>
      <c r="HZ37" s="149">
        <v>0</v>
      </c>
      <c r="IA37" s="150">
        <v>0</v>
      </c>
      <c r="IB37" s="163">
        <v>0</v>
      </c>
      <c r="IC37" s="149">
        <v>58020</v>
      </c>
      <c r="ID37" s="164">
        <v>275128</v>
      </c>
      <c r="IE37" s="150">
        <v>228149</v>
      </c>
      <c r="IF37" s="149">
        <v>0</v>
      </c>
      <c r="IG37" s="150">
        <v>202573</v>
      </c>
      <c r="IH37" s="165">
        <v>763870</v>
      </c>
      <c r="II37" s="156">
        <v>763870</v>
      </c>
      <c r="IJ37" s="261">
        <v>0</v>
      </c>
      <c r="IK37" s="268">
        <v>0</v>
      </c>
      <c r="IL37" s="269">
        <v>0</v>
      </c>
      <c r="IM37" s="157"/>
      <c r="IN37" s="122">
        <v>0</v>
      </c>
      <c r="IO37" s="122">
        <v>82957</v>
      </c>
      <c r="IP37" s="122">
        <v>0</v>
      </c>
      <c r="IQ37" s="122">
        <v>0</v>
      </c>
      <c r="IR37" s="122">
        <v>0</v>
      </c>
      <c r="IS37" s="158">
        <v>82957</v>
      </c>
      <c r="IT37" s="357">
        <v>82957</v>
      </c>
      <c r="IU37" s="159">
        <v>0</v>
      </c>
      <c r="IV37" s="122">
        <v>0</v>
      </c>
      <c r="IW37" s="123">
        <v>0</v>
      </c>
      <c r="IX37" s="161"/>
      <c r="IY37" s="122">
        <v>0</v>
      </c>
      <c r="IZ37" s="122">
        <v>0</v>
      </c>
      <c r="JA37" s="122">
        <v>0</v>
      </c>
      <c r="JB37" s="122">
        <v>0</v>
      </c>
      <c r="JC37" s="122">
        <v>0</v>
      </c>
      <c r="JD37" s="123">
        <v>0</v>
      </c>
      <c r="JE37" s="124">
        <v>0</v>
      </c>
      <c r="JF37" s="159">
        <v>0</v>
      </c>
      <c r="JG37" s="122">
        <v>0</v>
      </c>
      <c r="JH37" s="158">
        <v>0</v>
      </c>
      <c r="JI37" s="121">
        <v>0</v>
      </c>
      <c r="JJ37" s="122">
        <v>58020</v>
      </c>
      <c r="JK37" s="122">
        <v>49749</v>
      </c>
      <c r="JL37" s="122">
        <v>32968</v>
      </c>
      <c r="JM37" s="122">
        <v>0</v>
      </c>
      <c r="JN37" s="122">
        <v>0</v>
      </c>
      <c r="JO37" s="123">
        <v>140737</v>
      </c>
      <c r="JP37" s="357">
        <v>140737</v>
      </c>
      <c r="JQ37" s="159">
        <v>0</v>
      </c>
      <c r="JR37" s="122">
        <v>0</v>
      </c>
      <c r="JS37" s="158">
        <v>0</v>
      </c>
      <c r="JT37" s="121">
        <v>0</v>
      </c>
      <c r="JU37" s="122">
        <v>0</v>
      </c>
      <c r="JV37" s="122">
        <v>0</v>
      </c>
      <c r="JW37" s="122">
        <v>0</v>
      </c>
      <c r="JX37" s="122">
        <v>0</v>
      </c>
      <c r="JY37" s="122">
        <v>0</v>
      </c>
      <c r="JZ37" s="123">
        <v>0</v>
      </c>
      <c r="KA37" s="357">
        <v>0</v>
      </c>
      <c r="KB37" s="264">
        <v>0</v>
      </c>
      <c r="KC37" s="258">
        <v>0</v>
      </c>
      <c r="KD37" s="123">
        <v>0</v>
      </c>
      <c r="KE37" s="121">
        <v>0</v>
      </c>
      <c r="KF37" s="122">
        <v>0</v>
      </c>
      <c r="KG37" s="122">
        <v>0</v>
      </c>
      <c r="KH37" s="122">
        <v>0</v>
      </c>
      <c r="KI37" s="122">
        <v>0</v>
      </c>
      <c r="KJ37" s="122">
        <v>0</v>
      </c>
      <c r="KK37" s="123">
        <v>0</v>
      </c>
      <c r="KL37" s="160">
        <v>0</v>
      </c>
      <c r="KM37" s="261">
        <v>0</v>
      </c>
      <c r="KN37" s="268">
        <v>0</v>
      </c>
      <c r="KO37" s="269">
        <v>0</v>
      </c>
      <c r="KP37" s="157"/>
      <c r="KQ37" s="122">
        <v>0</v>
      </c>
      <c r="KR37" s="122">
        <v>0</v>
      </c>
      <c r="KS37" s="122">
        <v>195181</v>
      </c>
      <c r="KT37" s="122">
        <v>0</v>
      </c>
      <c r="KU37" s="122">
        <v>202573</v>
      </c>
      <c r="KV37" s="123">
        <v>397754</v>
      </c>
      <c r="KW37" s="357">
        <v>397754</v>
      </c>
      <c r="KX37" s="159">
        <v>0</v>
      </c>
      <c r="KY37" s="122">
        <v>0</v>
      </c>
      <c r="KZ37" s="123">
        <v>0</v>
      </c>
      <c r="LA37" s="162"/>
      <c r="LB37" s="122">
        <v>0</v>
      </c>
      <c r="LC37" s="122">
        <v>0</v>
      </c>
      <c r="LD37" s="122">
        <v>0</v>
      </c>
      <c r="LE37" s="122">
        <v>0</v>
      </c>
      <c r="LF37" s="122">
        <v>0</v>
      </c>
      <c r="LG37" s="123">
        <v>0</v>
      </c>
      <c r="LH37" s="124">
        <v>0</v>
      </c>
      <c r="LI37" s="159">
        <v>0</v>
      </c>
      <c r="LJ37" s="122">
        <v>0</v>
      </c>
      <c r="LK37" s="123">
        <v>0</v>
      </c>
      <c r="LL37" s="162"/>
      <c r="LM37" s="122">
        <v>0</v>
      </c>
      <c r="LN37" s="122">
        <v>142422</v>
      </c>
      <c r="LO37" s="122">
        <v>0</v>
      </c>
      <c r="LP37" s="122">
        <v>0</v>
      </c>
      <c r="LQ37" s="122">
        <v>0</v>
      </c>
      <c r="LR37" s="123">
        <v>142422</v>
      </c>
      <c r="LS37" s="357">
        <v>142422</v>
      </c>
      <c r="LT37" s="159">
        <v>0</v>
      </c>
      <c r="LU37" s="122">
        <v>0</v>
      </c>
      <c r="LV37" s="123">
        <v>0</v>
      </c>
      <c r="LW37" s="162"/>
      <c r="LX37" s="122">
        <v>0</v>
      </c>
      <c r="LY37" s="122">
        <v>0</v>
      </c>
      <c r="LZ37" s="122">
        <v>0</v>
      </c>
      <c r="MA37" s="122">
        <v>0</v>
      </c>
      <c r="MB37" s="122">
        <v>0</v>
      </c>
      <c r="MC37" s="123">
        <v>0</v>
      </c>
      <c r="MD37" s="124">
        <v>0</v>
      </c>
      <c r="ME37" s="159">
        <v>0</v>
      </c>
      <c r="MF37" s="122">
        <v>0</v>
      </c>
      <c r="MG37" s="123">
        <v>0</v>
      </c>
      <c r="MH37" s="162"/>
      <c r="MI37" s="122">
        <v>0</v>
      </c>
      <c r="MJ37" s="122">
        <v>0</v>
      </c>
      <c r="MK37" s="122">
        <v>0</v>
      </c>
      <c r="ML37" s="122">
        <v>0</v>
      </c>
      <c r="MM37" s="122">
        <v>230539</v>
      </c>
      <c r="MN37" s="123">
        <v>230539</v>
      </c>
      <c r="MO37" s="160">
        <v>230539</v>
      </c>
      <c r="MP37" s="159">
        <v>0</v>
      </c>
      <c r="MQ37" s="122">
        <v>0</v>
      </c>
      <c r="MR37" s="123">
        <v>0</v>
      </c>
      <c r="MS37" s="162"/>
      <c r="MT37" s="122">
        <v>0</v>
      </c>
      <c r="MU37" s="122">
        <v>0</v>
      </c>
      <c r="MV37" s="122">
        <v>0</v>
      </c>
      <c r="MW37" s="122">
        <v>0</v>
      </c>
      <c r="MX37" s="122">
        <v>230539</v>
      </c>
      <c r="MY37" s="123">
        <v>230539</v>
      </c>
      <c r="MZ37" s="160">
        <v>230539</v>
      </c>
      <c r="NA37" s="159">
        <v>0</v>
      </c>
      <c r="NB37" s="122">
        <v>0</v>
      </c>
      <c r="NC37" s="123">
        <v>0</v>
      </c>
      <c r="ND37" s="162"/>
      <c r="NE37" s="122">
        <v>0</v>
      </c>
      <c r="NF37" s="122">
        <v>0</v>
      </c>
      <c r="NG37" s="122">
        <v>0</v>
      </c>
      <c r="NH37" s="122">
        <v>0</v>
      </c>
      <c r="NI37" s="122">
        <v>0</v>
      </c>
      <c r="NJ37" s="123">
        <v>0</v>
      </c>
      <c r="NK37" s="357">
        <v>0</v>
      </c>
      <c r="NL37" s="159">
        <v>0</v>
      </c>
      <c r="NM37" s="122">
        <v>0</v>
      </c>
      <c r="NN37" s="123">
        <v>0</v>
      </c>
      <c r="NO37" s="162"/>
      <c r="NP37" s="122">
        <v>0</v>
      </c>
      <c r="NQ37" s="122">
        <v>0</v>
      </c>
      <c r="NR37" s="122">
        <v>0</v>
      </c>
      <c r="NS37" s="122">
        <v>0</v>
      </c>
      <c r="NT37" s="122">
        <v>0</v>
      </c>
      <c r="NU37" s="123">
        <v>0</v>
      </c>
      <c r="NV37" s="124">
        <v>0</v>
      </c>
      <c r="NW37" s="159">
        <v>0</v>
      </c>
      <c r="NX37" s="122">
        <v>0</v>
      </c>
      <c r="NY37" s="123">
        <v>0</v>
      </c>
      <c r="NZ37" s="162"/>
      <c r="OA37" s="122">
        <v>0</v>
      </c>
      <c r="OB37" s="122">
        <v>0</v>
      </c>
      <c r="OC37" s="122">
        <v>0</v>
      </c>
      <c r="OD37" s="122">
        <v>0</v>
      </c>
      <c r="OE37" s="122">
        <v>0</v>
      </c>
      <c r="OF37" s="123">
        <v>0</v>
      </c>
      <c r="OG37" s="124">
        <v>0</v>
      </c>
      <c r="OH37" s="159">
        <v>12763</v>
      </c>
      <c r="OI37" s="122">
        <v>8960</v>
      </c>
      <c r="OJ37" s="158">
        <v>21723</v>
      </c>
      <c r="OK37" s="121">
        <v>0</v>
      </c>
      <c r="OL37" s="122">
        <v>333209</v>
      </c>
      <c r="OM37" s="122">
        <v>642474</v>
      </c>
      <c r="ON37" s="122">
        <v>383531</v>
      </c>
      <c r="OO37" s="122">
        <v>363421</v>
      </c>
      <c r="OP37" s="122">
        <v>674346</v>
      </c>
      <c r="OQ37" s="123">
        <v>2396981</v>
      </c>
      <c r="OR37" s="160">
        <v>2418704</v>
      </c>
    </row>
    <row r="38" spans="1:408" ht="20.25" customHeight="1" x14ac:dyDescent="0.2">
      <c r="A38" s="129" t="s">
        <v>33</v>
      </c>
      <c r="B38" s="112">
        <v>64392</v>
      </c>
      <c r="C38" s="116">
        <v>25808</v>
      </c>
      <c r="D38" s="115">
        <v>90200</v>
      </c>
      <c r="E38" s="111">
        <v>0</v>
      </c>
      <c r="F38" s="116">
        <v>322288</v>
      </c>
      <c r="G38" s="116">
        <v>155085</v>
      </c>
      <c r="H38" s="116">
        <v>584439</v>
      </c>
      <c r="I38" s="116">
        <v>258223</v>
      </c>
      <c r="J38" s="116">
        <v>164718</v>
      </c>
      <c r="K38" s="200">
        <v>1484753</v>
      </c>
      <c r="L38" s="118">
        <v>1574953</v>
      </c>
      <c r="M38" s="112">
        <v>20911</v>
      </c>
      <c r="N38" s="116">
        <v>20908</v>
      </c>
      <c r="O38" s="115">
        <v>41819</v>
      </c>
      <c r="P38" s="112">
        <v>0</v>
      </c>
      <c r="Q38" s="116">
        <v>84812</v>
      </c>
      <c r="R38" s="116">
        <v>10759</v>
      </c>
      <c r="S38" s="116">
        <v>225903</v>
      </c>
      <c r="T38" s="116">
        <v>66845</v>
      </c>
      <c r="U38" s="116">
        <v>127646</v>
      </c>
      <c r="V38" s="115">
        <v>515965</v>
      </c>
      <c r="W38" s="118">
        <v>557784</v>
      </c>
      <c r="X38" s="112">
        <v>0</v>
      </c>
      <c r="Y38" s="116">
        <v>0</v>
      </c>
      <c r="Z38" s="115">
        <v>0</v>
      </c>
      <c r="AA38" s="112">
        <v>0</v>
      </c>
      <c r="AB38" s="116">
        <v>17445</v>
      </c>
      <c r="AC38" s="116">
        <v>0</v>
      </c>
      <c r="AD38" s="116">
        <v>66635</v>
      </c>
      <c r="AE38" s="116">
        <v>0</v>
      </c>
      <c r="AF38" s="116">
        <v>0</v>
      </c>
      <c r="AG38" s="115">
        <v>84080</v>
      </c>
      <c r="AH38" s="118">
        <v>84080</v>
      </c>
      <c r="AI38" s="112">
        <v>0</v>
      </c>
      <c r="AJ38" s="116">
        <v>0</v>
      </c>
      <c r="AK38" s="115">
        <v>0</v>
      </c>
      <c r="AL38" s="112">
        <v>0</v>
      </c>
      <c r="AM38" s="116">
        <v>0</v>
      </c>
      <c r="AN38" s="116">
        <v>0</v>
      </c>
      <c r="AO38" s="116">
        <v>0</v>
      </c>
      <c r="AP38" s="116">
        <v>0</v>
      </c>
      <c r="AQ38" s="116">
        <v>0</v>
      </c>
      <c r="AR38" s="115">
        <v>0</v>
      </c>
      <c r="AS38" s="118">
        <v>0</v>
      </c>
      <c r="AT38" s="112">
        <v>20911</v>
      </c>
      <c r="AU38" s="116">
        <v>0</v>
      </c>
      <c r="AV38" s="115">
        <v>20911</v>
      </c>
      <c r="AW38" s="112">
        <v>0</v>
      </c>
      <c r="AX38" s="116">
        <v>22555</v>
      </c>
      <c r="AY38" s="116">
        <v>0</v>
      </c>
      <c r="AZ38" s="116">
        <v>123668</v>
      </c>
      <c r="BA38" s="116">
        <v>0</v>
      </c>
      <c r="BB38" s="116">
        <v>70550</v>
      </c>
      <c r="BC38" s="115">
        <v>216773</v>
      </c>
      <c r="BD38" s="118">
        <v>237684</v>
      </c>
      <c r="BE38" s="112">
        <v>0</v>
      </c>
      <c r="BF38" s="116">
        <v>20908</v>
      </c>
      <c r="BG38" s="114">
        <v>20908</v>
      </c>
      <c r="BH38" s="113">
        <v>0</v>
      </c>
      <c r="BI38" s="116">
        <v>26738</v>
      </c>
      <c r="BJ38" s="116">
        <v>0</v>
      </c>
      <c r="BK38" s="116">
        <v>26738</v>
      </c>
      <c r="BL38" s="116">
        <v>66845</v>
      </c>
      <c r="BM38" s="116">
        <v>53477</v>
      </c>
      <c r="BN38" s="115">
        <v>173798</v>
      </c>
      <c r="BO38" s="118">
        <v>194706</v>
      </c>
      <c r="BP38" s="112">
        <v>0</v>
      </c>
      <c r="BQ38" s="116">
        <v>0</v>
      </c>
      <c r="BR38" s="115">
        <v>0</v>
      </c>
      <c r="BS38" s="112">
        <v>0</v>
      </c>
      <c r="BT38" s="116">
        <v>18074</v>
      </c>
      <c r="BU38" s="116">
        <v>10759</v>
      </c>
      <c r="BV38" s="116">
        <v>8862</v>
      </c>
      <c r="BW38" s="116">
        <v>0</v>
      </c>
      <c r="BX38" s="116">
        <v>3619</v>
      </c>
      <c r="BY38" s="115">
        <v>41314</v>
      </c>
      <c r="BZ38" s="118">
        <v>41314</v>
      </c>
      <c r="CA38" s="112">
        <v>0</v>
      </c>
      <c r="CB38" s="116">
        <v>0</v>
      </c>
      <c r="CC38" s="115">
        <v>0</v>
      </c>
      <c r="CD38" s="112">
        <v>0</v>
      </c>
      <c r="CE38" s="116">
        <v>109747</v>
      </c>
      <c r="CF38" s="116">
        <v>0</v>
      </c>
      <c r="CG38" s="116">
        <v>0</v>
      </c>
      <c r="CH38" s="116">
        <v>9332</v>
      </c>
      <c r="CI38" s="116">
        <v>0</v>
      </c>
      <c r="CJ38" s="115">
        <v>119079</v>
      </c>
      <c r="CK38" s="118">
        <v>119079</v>
      </c>
      <c r="CL38" s="112">
        <v>0</v>
      </c>
      <c r="CM38" s="116">
        <v>0</v>
      </c>
      <c r="CN38" s="115">
        <v>0</v>
      </c>
      <c r="CO38" s="113">
        <v>0</v>
      </c>
      <c r="CP38" s="116">
        <v>98720</v>
      </c>
      <c r="CQ38" s="116">
        <v>0</v>
      </c>
      <c r="CR38" s="116">
        <v>0</v>
      </c>
      <c r="CS38" s="116">
        <v>0</v>
      </c>
      <c r="CT38" s="116">
        <v>0</v>
      </c>
      <c r="CU38" s="115">
        <v>98720</v>
      </c>
      <c r="CV38" s="118">
        <v>98720</v>
      </c>
      <c r="CW38" s="112">
        <v>0</v>
      </c>
      <c r="CX38" s="116">
        <v>0</v>
      </c>
      <c r="CY38" s="115">
        <v>0</v>
      </c>
      <c r="CZ38" s="112">
        <v>0</v>
      </c>
      <c r="DA38" s="116">
        <v>11027</v>
      </c>
      <c r="DB38" s="116">
        <v>0</v>
      </c>
      <c r="DC38" s="116">
        <v>0</v>
      </c>
      <c r="DD38" s="116">
        <v>9332</v>
      </c>
      <c r="DE38" s="116">
        <v>0</v>
      </c>
      <c r="DF38" s="115">
        <v>20359</v>
      </c>
      <c r="DG38" s="118">
        <v>20359</v>
      </c>
      <c r="DH38" s="112">
        <v>0</v>
      </c>
      <c r="DI38" s="116">
        <v>0</v>
      </c>
      <c r="DJ38" s="114">
        <v>0</v>
      </c>
      <c r="DK38" s="113">
        <v>0</v>
      </c>
      <c r="DL38" s="116">
        <v>0</v>
      </c>
      <c r="DM38" s="116">
        <v>0</v>
      </c>
      <c r="DN38" s="116">
        <v>0</v>
      </c>
      <c r="DO38" s="116">
        <v>0</v>
      </c>
      <c r="DP38" s="116">
        <v>0</v>
      </c>
      <c r="DQ38" s="115">
        <v>0</v>
      </c>
      <c r="DR38" s="118">
        <v>0</v>
      </c>
      <c r="DS38" s="112">
        <v>0</v>
      </c>
      <c r="DT38" s="116">
        <v>0</v>
      </c>
      <c r="DU38" s="115">
        <v>0</v>
      </c>
      <c r="DV38" s="112">
        <v>0</v>
      </c>
      <c r="DW38" s="116">
        <v>0</v>
      </c>
      <c r="DX38" s="116">
        <v>0</v>
      </c>
      <c r="DY38" s="116">
        <v>0</v>
      </c>
      <c r="DZ38" s="116">
        <v>0</v>
      </c>
      <c r="EA38" s="116">
        <v>0</v>
      </c>
      <c r="EB38" s="115">
        <v>0</v>
      </c>
      <c r="EC38" s="118">
        <v>0</v>
      </c>
      <c r="ED38" s="112">
        <v>0</v>
      </c>
      <c r="EE38" s="114">
        <v>0</v>
      </c>
      <c r="EF38" s="115">
        <v>0</v>
      </c>
      <c r="EG38" s="112">
        <v>0</v>
      </c>
      <c r="EH38" s="116">
        <v>0</v>
      </c>
      <c r="EI38" s="116">
        <v>0</v>
      </c>
      <c r="EJ38" s="116">
        <v>0</v>
      </c>
      <c r="EK38" s="116">
        <v>0</v>
      </c>
      <c r="EL38" s="116">
        <v>0</v>
      </c>
      <c r="EM38" s="114">
        <v>0</v>
      </c>
      <c r="EN38" s="118">
        <v>0</v>
      </c>
      <c r="EO38" s="112">
        <v>0</v>
      </c>
      <c r="EP38" s="116">
        <v>0</v>
      </c>
      <c r="EQ38" s="114">
        <v>0</v>
      </c>
      <c r="ER38" s="113">
        <v>0</v>
      </c>
      <c r="ES38" s="116">
        <v>0</v>
      </c>
      <c r="ET38" s="116">
        <v>0</v>
      </c>
      <c r="EU38" s="116">
        <v>0</v>
      </c>
      <c r="EV38" s="116">
        <v>0</v>
      </c>
      <c r="EW38" s="116">
        <v>0</v>
      </c>
      <c r="EX38" s="115">
        <v>0</v>
      </c>
      <c r="EY38" s="118">
        <v>0</v>
      </c>
      <c r="EZ38" s="112">
        <v>0</v>
      </c>
      <c r="FA38" s="116">
        <v>0</v>
      </c>
      <c r="FB38" s="114">
        <v>0</v>
      </c>
      <c r="FC38" s="390"/>
      <c r="FD38" s="116">
        <v>0</v>
      </c>
      <c r="FE38" s="116">
        <v>0</v>
      </c>
      <c r="FF38" s="116">
        <v>0</v>
      </c>
      <c r="FG38" s="116">
        <v>0</v>
      </c>
      <c r="FH38" s="116">
        <v>0</v>
      </c>
      <c r="FI38" s="115">
        <v>0</v>
      </c>
      <c r="FJ38" s="118">
        <v>0</v>
      </c>
      <c r="FK38" s="112">
        <v>0</v>
      </c>
      <c r="FL38" s="116">
        <v>4900</v>
      </c>
      <c r="FM38" s="115">
        <v>4900</v>
      </c>
      <c r="FN38" s="112">
        <v>0</v>
      </c>
      <c r="FO38" s="116">
        <v>3500</v>
      </c>
      <c r="FP38" s="116">
        <v>4200</v>
      </c>
      <c r="FQ38" s="116">
        <v>39991</v>
      </c>
      <c r="FR38" s="116">
        <v>4900</v>
      </c>
      <c r="FS38" s="116">
        <v>37072</v>
      </c>
      <c r="FT38" s="115">
        <v>89663</v>
      </c>
      <c r="FU38" s="118">
        <v>94563</v>
      </c>
      <c r="FV38" s="117">
        <v>0</v>
      </c>
      <c r="FW38" s="116">
        <v>4900</v>
      </c>
      <c r="FX38" s="114">
        <v>4900</v>
      </c>
      <c r="FY38" s="113">
        <v>0</v>
      </c>
      <c r="FZ38" s="116">
        <v>3500</v>
      </c>
      <c r="GA38" s="116">
        <v>4200</v>
      </c>
      <c r="GB38" s="116">
        <v>39991</v>
      </c>
      <c r="GC38" s="116">
        <v>4900</v>
      </c>
      <c r="GD38" s="116">
        <v>37072</v>
      </c>
      <c r="GE38" s="115">
        <v>89663</v>
      </c>
      <c r="GF38" s="354">
        <v>94563</v>
      </c>
      <c r="GG38" s="117">
        <v>0</v>
      </c>
      <c r="GH38" s="116">
        <v>0</v>
      </c>
      <c r="GI38" s="114">
        <v>0</v>
      </c>
      <c r="GJ38" s="113">
        <v>0</v>
      </c>
      <c r="GK38" s="116">
        <v>0</v>
      </c>
      <c r="GL38" s="116">
        <v>0</v>
      </c>
      <c r="GM38" s="116">
        <v>0</v>
      </c>
      <c r="GN38" s="116">
        <v>0</v>
      </c>
      <c r="GO38" s="116">
        <v>0</v>
      </c>
      <c r="GP38" s="115">
        <v>0</v>
      </c>
      <c r="GQ38" s="118">
        <v>0</v>
      </c>
      <c r="GR38" s="112">
        <v>0</v>
      </c>
      <c r="GS38" s="116">
        <v>0</v>
      </c>
      <c r="GT38" s="115">
        <v>0</v>
      </c>
      <c r="GU38" s="112">
        <v>0</v>
      </c>
      <c r="GV38" s="116">
        <v>0</v>
      </c>
      <c r="GW38" s="116">
        <v>0</v>
      </c>
      <c r="GX38" s="116">
        <v>0</v>
      </c>
      <c r="GY38" s="116">
        <v>0</v>
      </c>
      <c r="GZ38" s="116">
        <v>0</v>
      </c>
      <c r="HA38" s="114">
        <v>0</v>
      </c>
      <c r="HB38" s="118">
        <v>0</v>
      </c>
      <c r="HC38" s="112">
        <v>43481</v>
      </c>
      <c r="HD38" s="116">
        <v>0</v>
      </c>
      <c r="HE38" s="114">
        <v>43481</v>
      </c>
      <c r="HF38" s="113">
        <v>0</v>
      </c>
      <c r="HG38" s="116">
        <v>124229</v>
      </c>
      <c r="HH38" s="116">
        <v>140126</v>
      </c>
      <c r="HI38" s="116">
        <v>318545</v>
      </c>
      <c r="HJ38" s="116">
        <v>177146</v>
      </c>
      <c r="HK38" s="116">
        <v>0</v>
      </c>
      <c r="HL38" s="115">
        <v>760046</v>
      </c>
      <c r="HM38" s="111">
        <v>803527</v>
      </c>
      <c r="HN38" s="370"/>
      <c r="HO38" s="371"/>
      <c r="HP38" s="372"/>
      <c r="HQ38" s="373"/>
      <c r="HR38" s="371"/>
      <c r="HS38" s="371"/>
      <c r="HT38" s="371"/>
      <c r="HU38" s="371"/>
      <c r="HV38" s="371"/>
      <c r="HW38" s="374"/>
      <c r="HX38" s="375"/>
      <c r="HY38" s="167">
        <v>0</v>
      </c>
      <c r="HZ38" s="152">
        <v>0</v>
      </c>
      <c r="IA38" s="167">
        <v>0</v>
      </c>
      <c r="IB38" s="163">
        <v>0</v>
      </c>
      <c r="IC38" s="149">
        <v>46356</v>
      </c>
      <c r="ID38" s="164">
        <v>0</v>
      </c>
      <c r="IE38" s="150">
        <v>268853</v>
      </c>
      <c r="IF38" s="149">
        <v>0</v>
      </c>
      <c r="IG38" s="150">
        <v>0</v>
      </c>
      <c r="IH38" s="165">
        <v>315209</v>
      </c>
      <c r="II38" s="167">
        <v>315209</v>
      </c>
      <c r="IJ38" s="261">
        <v>0</v>
      </c>
      <c r="IK38" s="268">
        <v>0</v>
      </c>
      <c r="IL38" s="269">
        <v>0</v>
      </c>
      <c r="IM38" s="157"/>
      <c r="IN38" s="122">
        <v>0</v>
      </c>
      <c r="IO38" s="122">
        <v>0</v>
      </c>
      <c r="IP38" s="122">
        <v>0</v>
      </c>
      <c r="IQ38" s="122">
        <v>0</v>
      </c>
      <c r="IR38" s="122">
        <v>0</v>
      </c>
      <c r="IS38" s="158">
        <v>0</v>
      </c>
      <c r="IT38" s="357">
        <v>0</v>
      </c>
      <c r="IU38" s="159">
        <v>0</v>
      </c>
      <c r="IV38" s="122">
        <v>0</v>
      </c>
      <c r="IW38" s="123">
        <v>0</v>
      </c>
      <c r="IX38" s="161"/>
      <c r="IY38" s="122">
        <v>0</v>
      </c>
      <c r="IZ38" s="122">
        <v>0</v>
      </c>
      <c r="JA38" s="122">
        <v>0</v>
      </c>
      <c r="JB38" s="122">
        <v>0</v>
      </c>
      <c r="JC38" s="122">
        <v>0</v>
      </c>
      <c r="JD38" s="123">
        <v>0</v>
      </c>
      <c r="JE38" s="124">
        <v>0</v>
      </c>
      <c r="JF38" s="159">
        <v>0</v>
      </c>
      <c r="JG38" s="122">
        <v>0</v>
      </c>
      <c r="JH38" s="158">
        <v>0</v>
      </c>
      <c r="JI38" s="121">
        <v>0</v>
      </c>
      <c r="JJ38" s="122">
        <v>46356</v>
      </c>
      <c r="JK38" s="122">
        <v>0</v>
      </c>
      <c r="JL38" s="122">
        <v>67479</v>
      </c>
      <c r="JM38" s="122">
        <v>0</v>
      </c>
      <c r="JN38" s="122">
        <v>0</v>
      </c>
      <c r="JO38" s="123">
        <v>113835</v>
      </c>
      <c r="JP38" s="357">
        <v>113835</v>
      </c>
      <c r="JQ38" s="159">
        <v>0</v>
      </c>
      <c r="JR38" s="122">
        <v>0</v>
      </c>
      <c r="JS38" s="158">
        <v>0</v>
      </c>
      <c r="JT38" s="121">
        <v>0</v>
      </c>
      <c r="JU38" s="122">
        <v>0</v>
      </c>
      <c r="JV38" s="122">
        <v>0</v>
      </c>
      <c r="JW38" s="122">
        <v>0</v>
      </c>
      <c r="JX38" s="122">
        <v>0</v>
      </c>
      <c r="JY38" s="122">
        <v>0</v>
      </c>
      <c r="JZ38" s="123">
        <v>0</v>
      </c>
      <c r="KA38" s="357">
        <v>0</v>
      </c>
      <c r="KB38" s="264">
        <v>0</v>
      </c>
      <c r="KC38" s="258">
        <v>0</v>
      </c>
      <c r="KD38" s="123">
        <v>0</v>
      </c>
      <c r="KE38" s="121">
        <v>0</v>
      </c>
      <c r="KF38" s="122">
        <v>0</v>
      </c>
      <c r="KG38" s="122">
        <v>0</v>
      </c>
      <c r="KH38" s="122">
        <v>0</v>
      </c>
      <c r="KI38" s="122">
        <v>0</v>
      </c>
      <c r="KJ38" s="122">
        <v>0</v>
      </c>
      <c r="KK38" s="123">
        <v>0</v>
      </c>
      <c r="KL38" s="160">
        <v>0</v>
      </c>
      <c r="KM38" s="261">
        <v>0</v>
      </c>
      <c r="KN38" s="268">
        <v>0</v>
      </c>
      <c r="KO38" s="269">
        <v>0</v>
      </c>
      <c r="KP38" s="157"/>
      <c r="KQ38" s="122">
        <v>0</v>
      </c>
      <c r="KR38" s="122">
        <v>0</v>
      </c>
      <c r="KS38" s="122">
        <v>0</v>
      </c>
      <c r="KT38" s="122">
        <v>0</v>
      </c>
      <c r="KU38" s="122">
        <v>0</v>
      </c>
      <c r="KV38" s="123">
        <v>0</v>
      </c>
      <c r="KW38" s="357">
        <v>0</v>
      </c>
      <c r="KX38" s="159">
        <v>0</v>
      </c>
      <c r="KY38" s="122">
        <v>0</v>
      </c>
      <c r="KZ38" s="123">
        <v>0</v>
      </c>
      <c r="LA38" s="162"/>
      <c r="LB38" s="122">
        <v>0</v>
      </c>
      <c r="LC38" s="122">
        <v>0</v>
      </c>
      <c r="LD38" s="122">
        <v>0</v>
      </c>
      <c r="LE38" s="122">
        <v>0</v>
      </c>
      <c r="LF38" s="122">
        <v>0</v>
      </c>
      <c r="LG38" s="123">
        <v>0</v>
      </c>
      <c r="LH38" s="124">
        <v>0</v>
      </c>
      <c r="LI38" s="159">
        <v>0</v>
      </c>
      <c r="LJ38" s="122">
        <v>0</v>
      </c>
      <c r="LK38" s="123">
        <v>0</v>
      </c>
      <c r="LL38" s="162"/>
      <c r="LM38" s="122">
        <v>0</v>
      </c>
      <c r="LN38" s="122">
        <v>0</v>
      </c>
      <c r="LO38" s="122">
        <v>0</v>
      </c>
      <c r="LP38" s="122">
        <v>0</v>
      </c>
      <c r="LQ38" s="122">
        <v>0</v>
      </c>
      <c r="LR38" s="123">
        <v>0</v>
      </c>
      <c r="LS38" s="357">
        <v>0</v>
      </c>
      <c r="LT38" s="159">
        <v>0</v>
      </c>
      <c r="LU38" s="122">
        <v>0</v>
      </c>
      <c r="LV38" s="123">
        <v>0</v>
      </c>
      <c r="LW38" s="162"/>
      <c r="LX38" s="122">
        <v>0</v>
      </c>
      <c r="LY38" s="122">
        <v>0</v>
      </c>
      <c r="LZ38" s="122">
        <v>201374</v>
      </c>
      <c r="MA38" s="122">
        <v>0</v>
      </c>
      <c r="MB38" s="122">
        <v>0</v>
      </c>
      <c r="MC38" s="123">
        <v>201374</v>
      </c>
      <c r="MD38" s="124">
        <v>201374</v>
      </c>
      <c r="ME38" s="159">
        <v>0</v>
      </c>
      <c r="MF38" s="122">
        <v>0</v>
      </c>
      <c r="MG38" s="123">
        <v>0</v>
      </c>
      <c r="MH38" s="162"/>
      <c r="MI38" s="122">
        <v>0</v>
      </c>
      <c r="MJ38" s="122">
        <v>188373</v>
      </c>
      <c r="MK38" s="122">
        <v>0</v>
      </c>
      <c r="ML38" s="122">
        <v>215301</v>
      </c>
      <c r="MM38" s="122">
        <v>266896</v>
      </c>
      <c r="MN38" s="123">
        <v>670570</v>
      </c>
      <c r="MO38" s="160">
        <v>670570</v>
      </c>
      <c r="MP38" s="159">
        <v>0</v>
      </c>
      <c r="MQ38" s="122">
        <v>0</v>
      </c>
      <c r="MR38" s="123">
        <v>0</v>
      </c>
      <c r="MS38" s="162"/>
      <c r="MT38" s="122">
        <v>0</v>
      </c>
      <c r="MU38" s="122">
        <v>0</v>
      </c>
      <c r="MV38" s="122">
        <v>0</v>
      </c>
      <c r="MW38" s="122">
        <v>215301</v>
      </c>
      <c r="MX38" s="122">
        <v>0</v>
      </c>
      <c r="MY38" s="123">
        <v>215301</v>
      </c>
      <c r="MZ38" s="160">
        <v>215301</v>
      </c>
      <c r="NA38" s="159">
        <v>0</v>
      </c>
      <c r="NB38" s="122">
        <v>0</v>
      </c>
      <c r="NC38" s="123">
        <v>0</v>
      </c>
      <c r="ND38" s="162"/>
      <c r="NE38" s="122">
        <v>0</v>
      </c>
      <c r="NF38" s="122">
        <v>0</v>
      </c>
      <c r="NG38" s="122">
        <v>0</v>
      </c>
      <c r="NH38" s="122">
        <v>0</v>
      </c>
      <c r="NI38" s="122">
        <v>0</v>
      </c>
      <c r="NJ38" s="123">
        <v>0</v>
      </c>
      <c r="NK38" s="357">
        <v>0</v>
      </c>
      <c r="NL38" s="159">
        <v>0</v>
      </c>
      <c r="NM38" s="122">
        <v>0</v>
      </c>
      <c r="NN38" s="123">
        <v>0</v>
      </c>
      <c r="NO38" s="162"/>
      <c r="NP38" s="122">
        <v>0</v>
      </c>
      <c r="NQ38" s="122">
        <v>0</v>
      </c>
      <c r="NR38" s="122">
        <v>0</v>
      </c>
      <c r="NS38" s="122">
        <v>0</v>
      </c>
      <c r="NT38" s="122">
        <v>0</v>
      </c>
      <c r="NU38" s="123">
        <v>0</v>
      </c>
      <c r="NV38" s="124">
        <v>0</v>
      </c>
      <c r="NW38" s="159">
        <v>0</v>
      </c>
      <c r="NX38" s="122">
        <v>0</v>
      </c>
      <c r="NY38" s="123">
        <v>0</v>
      </c>
      <c r="NZ38" s="162"/>
      <c r="OA38" s="122">
        <v>0</v>
      </c>
      <c r="OB38" s="122">
        <v>188373</v>
      </c>
      <c r="OC38" s="122">
        <v>0</v>
      </c>
      <c r="OD38" s="122">
        <v>0</v>
      </c>
      <c r="OE38" s="122">
        <v>266896</v>
      </c>
      <c r="OF38" s="123">
        <v>455269</v>
      </c>
      <c r="OG38" s="124">
        <v>455269</v>
      </c>
      <c r="OH38" s="159">
        <v>64392</v>
      </c>
      <c r="OI38" s="122">
        <v>25808</v>
      </c>
      <c r="OJ38" s="158">
        <v>90200</v>
      </c>
      <c r="OK38" s="121">
        <v>0</v>
      </c>
      <c r="OL38" s="122">
        <v>368644</v>
      </c>
      <c r="OM38" s="122">
        <v>343458</v>
      </c>
      <c r="ON38" s="122">
        <v>853292</v>
      </c>
      <c r="OO38" s="122">
        <v>473524</v>
      </c>
      <c r="OP38" s="122">
        <v>431614</v>
      </c>
      <c r="OQ38" s="123">
        <v>2470532</v>
      </c>
      <c r="OR38" s="160">
        <v>2560732</v>
      </c>
    </row>
    <row r="39" spans="1:408" ht="20.25" customHeight="1" x14ac:dyDescent="0.2">
      <c r="A39" s="129" t="s">
        <v>34</v>
      </c>
      <c r="B39" s="112">
        <v>0</v>
      </c>
      <c r="C39" s="116">
        <v>14322</v>
      </c>
      <c r="D39" s="201">
        <v>14322</v>
      </c>
      <c r="E39" s="202">
        <v>0</v>
      </c>
      <c r="F39" s="203">
        <v>14854</v>
      </c>
      <c r="G39" s="203">
        <v>237300</v>
      </c>
      <c r="H39" s="203">
        <v>217700</v>
      </c>
      <c r="I39" s="203">
        <v>378709</v>
      </c>
      <c r="J39" s="203">
        <v>0</v>
      </c>
      <c r="K39" s="204">
        <v>848563</v>
      </c>
      <c r="L39" s="118">
        <v>862885</v>
      </c>
      <c r="M39" s="112">
        <v>0</v>
      </c>
      <c r="N39" s="116">
        <v>4172</v>
      </c>
      <c r="O39" s="115">
        <v>4172</v>
      </c>
      <c r="P39" s="112">
        <v>0</v>
      </c>
      <c r="Q39" s="116">
        <v>11354</v>
      </c>
      <c r="R39" s="116">
        <v>40880</v>
      </c>
      <c r="S39" s="116">
        <v>29302</v>
      </c>
      <c r="T39" s="116">
        <v>237442</v>
      </c>
      <c r="U39" s="116">
        <v>0</v>
      </c>
      <c r="V39" s="115">
        <v>318978</v>
      </c>
      <c r="W39" s="118">
        <v>323150</v>
      </c>
      <c r="X39" s="112">
        <v>0</v>
      </c>
      <c r="Y39" s="116">
        <v>0</v>
      </c>
      <c r="Z39" s="115">
        <v>0</v>
      </c>
      <c r="AA39" s="112">
        <v>0</v>
      </c>
      <c r="AB39" s="116">
        <v>0</v>
      </c>
      <c r="AC39" s="116">
        <v>0</v>
      </c>
      <c r="AD39" s="116">
        <v>29302</v>
      </c>
      <c r="AE39" s="116">
        <v>214013</v>
      </c>
      <c r="AF39" s="116">
        <v>0</v>
      </c>
      <c r="AG39" s="115">
        <v>243315</v>
      </c>
      <c r="AH39" s="118">
        <v>243315</v>
      </c>
      <c r="AI39" s="112">
        <v>0</v>
      </c>
      <c r="AJ39" s="116">
        <v>0</v>
      </c>
      <c r="AK39" s="115">
        <v>0</v>
      </c>
      <c r="AL39" s="112">
        <v>0</v>
      </c>
      <c r="AM39" s="116">
        <v>0</v>
      </c>
      <c r="AN39" s="116">
        <v>0</v>
      </c>
      <c r="AO39" s="116">
        <v>0</v>
      </c>
      <c r="AP39" s="116">
        <v>0</v>
      </c>
      <c r="AQ39" s="116">
        <v>0</v>
      </c>
      <c r="AR39" s="115">
        <v>0</v>
      </c>
      <c r="AS39" s="118">
        <v>0</v>
      </c>
      <c r="AT39" s="112">
        <v>0</v>
      </c>
      <c r="AU39" s="116">
        <v>0</v>
      </c>
      <c r="AV39" s="115">
        <v>0</v>
      </c>
      <c r="AW39" s="112">
        <v>0</v>
      </c>
      <c r="AX39" s="116">
        <v>0</v>
      </c>
      <c r="AY39" s="116">
        <v>0</v>
      </c>
      <c r="AZ39" s="116">
        <v>0</v>
      </c>
      <c r="BA39" s="116">
        <v>0</v>
      </c>
      <c r="BB39" s="116">
        <v>0</v>
      </c>
      <c r="BC39" s="115">
        <v>0</v>
      </c>
      <c r="BD39" s="118">
        <v>0</v>
      </c>
      <c r="BE39" s="112">
        <v>0</v>
      </c>
      <c r="BF39" s="116">
        <v>0</v>
      </c>
      <c r="BG39" s="114">
        <v>0</v>
      </c>
      <c r="BH39" s="113">
        <v>0</v>
      </c>
      <c r="BI39" s="116">
        <v>0</v>
      </c>
      <c r="BJ39" s="116">
        <v>0</v>
      </c>
      <c r="BK39" s="116">
        <v>0</v>
      </c>
      <c r="BL39" s="116">
        <v>0</v>
      </c>
      <c r="BM39" s="116">
        <v>0</v>
      </c>
      <c r="BN39" s="115">
        <v>0</v>
      </c>
      <c r="BO39" s="118">
        <v>0</v>
      </c>
      <c r="BP39" s="112">
        <v>0</v>
      </c>
      <c r="BQ39" s="116">
        <v>4172</v>
      </c>
      <c r="BR39" s="115">
        <v>4172</v>
      </c>
      <c r="BS39" s="112">
        <v>0</v>
      </c>
      <c r="BT39" s="116">
        <v>11354</v>
      </c>
      <c r="BU39" s="116">
        <v>40880</v>
      </c>
      <c r="BV39" s="116">
        <v>0</v>
      </c>
      <c r="BW39" s="116">
        <v>23429</v>
      </c>
      <c r="BX39" s="116">
        <v>0</v>
      </c>
      <c r="BY39" s="115">
        <v>75663</v>
      </c>
      <c r="BZ39" s="118">
        <v>79835</v>
      </c>
      <c r="CA39" s="112">
        <v>0</v>
      </c>
      <c r="CB39" s="116">
        <v>0</v>
      </c>
      <c r="CC39" s="115">
        <v>0</v>
      </c>
      <c r="CD39" s="112">
        <v>0</v>
      </c>
      <c r="CE39" s="116">
        <v>0</v>
      </c>
      <c r="CF39" s="116">
        <v>54887</v>
      </c>
      <c r="CG39" s="116">
        <v>160482</v>
      </c>
      <c r="CH39" s="116">
        <v>76622</v>
      </c>
      <c r="CI39" s="116">
        <v>0</v>
      </c>
      <c r="CJ39" s="115">
        <v>291991</v>
      </c>
      <c r="CK39" s="118">
        <v>291991</v>
      </c>
      <c r="CL39" s="112">
        <v>0</v>
      </c>
      <c r="CM39" s="116">
        <v>0</v>
      </c>
      <c r="CN39" s="115">
        <v>0</v>
      </c>
      <c r="CO39" s="113">
        <v>0</v>
      </c>
      <c r="CP39" s="116">
        <v>0</v>
      </c>
      <c r="CQ39" s="116">
        <v>54887</v>
      </c>
      <c r="CR39" s="116">
        <v>160482</v>
      </c>
      <c r="CS39" s="116">
        <v>76622</v>
      </c>
      <c r="CT39" s="116">
        <v>0</v>
      </c>
      <c r="CU39" s="115">
        <v>291991</v>
      </c>
      <c r="CV39" s="118">
        <v>291991</v>
      </c>
      <c r="CW39" s="112">
        <v>0</v>
      </c>
      <c r="CX39" s="116">
        <v>0</v>
      </c>
      <c r="CY39" s="115">
        <v>0</v>
      </c>
      <c r="CZ39" s="112">
        <v>0</v>
      </c>
      <c r="DA39" s="116">
        <v>0</v>
      </c>
      <c r="DB39" s="116">
        <v>0</v>
      </c>
      <c r="DC39" s="116">
        <v>0</v>
      </c>
      <c r="DD39" s="116">
        <v>0</v>
      </c>
      <c r="DE39" s="116">
        <v>0</v>
      </c>
      <c r="DF39" s="115">
        <v>0</v>
      </c>
      <c r="DG39" s="118">
        <v>0</v>
      </c>
      <c r="DH39" s="112">
        <v>0</v>
      </c>
      <c r="DI39" s="116">
        <v>0</v>
      </c>
      <c r="DJ39" s="114">
        <v>0</v>
      </c>
      <c r="DK39" s="113">
        <v>0</v>
      </c>
      <c r="DL39" s="116">
        <v>0</v>
      </c>
      <c r="DM39" s="116">
        <v>0</v>
      </c>
      <c r="DN39" s="116">
        <v>0</v>
      </c>
      <c r="DO39" s="116">
        <v>35427</v>
      </c>
      <c r="DP39" s="116">
        <v>0</v>
      </c>
      <c r="DQ39" s="115">
        <v>35427</v>
      </c>
      <c r="DR39" s="118">
        <v>35427</v>
      </c>
      <c r="DS39" s="112">
        <v>0</v>
      </c>
      <c r="DT39" s="116">
        <v>0</v>
      </c>
      <c r="DU39" s="115">
        <v>0</v>
      </c>
      <c r="DV39" s="112">
        <v>0</v>
      </c>
      <c r="DW39" s="116">
        <v>0</v>
      </c>
      <c r="DX39" s="116">
        <v>0</v>
      </c>
      <c r="DY39" s="116">
        <v>0</v>
      </c>
      <c r="DZ39" s="116">
        <v>35427</v>
      </c>
      <c r="EA39" s="116">
        <v>0</v>
      </c>
      <c r="EB39" s="115">
        <v>35427</v>
      </c>
      <c r="EC39" s="118">
        <v>35427</v>
      </c>
      <c r="ED39" s="112">
        <v>0</v>
      </c>
      <c r="EE39" s="114">
        <v>0</v>
      </c>
      <c r="EF39" s="115">
        <v>0</v>
      </c>
      <c r="EG39" s="112">
        <v>0</v>
      </c>
      <c r="EH39" s="116">
        <v>0</v>
      </c>
      <c r="EI39" s="116">
        <v>0</v>
      </c>
      <c r="EJ39" s="116">
        <v>0</v>
      </c>
      <c r="EK39" s="116">
        <v>0</v>
      </c>
      <c r="EL39" s="116">
        <v>0</v>
      </c>
      <c r="EM39" s="114">
        <v>0</v>
      </c>
      <c r="EN39" s="118">
        <v>0</v>
      </c>
      <c r="EO39" s="112">
        <v>0</v>
      </c>
      <c r="EP39" s="116">
        <v>0</v>
      </c>
      <c r="EQ39" s="114">
        <v>0</v>
      </c>
      <c r="ER39" s="113">
        <v>0</v>
      </c>
      <c r="ES39" s="116">
        <v>0</v>
      </c>
      <c r="ET39" s="116">
        <v>0</v>
      </c>
      <c r="EU39" s="116">
        <v>0</v>
      </c>
      <c r="EV39" s="116">
        <v>0</v>
      </c>
      <c r="EW39" s="116">
        <v>0</v>
      </c>
      <c r="EX39" s="115">
        <v>0</v>
      </c>
      <c r="EY39" s="118">
        <v>0</v>
      </c>
      <c r="EZ39" s="112">
        <v>0</v>
      </c>
      <c r="FA39" s="116">
        <v>0</v>
      </c>
      <c r="FB39" s="114">
        <v>0</v>
      </c>
      <c r="FC39" s="390"/>
      <c r="FD39" s="116">
        <v>0</v>
      </c>
      <c r="FE39" s="116">
        <v>0</v>
      </c>
      <c r="FF39" s="116">
        <v>0</v>
      </c>
      <c r="FG39" s="116">
        <v>0</v>
      </c>
      <c r="FH39" s="116">
        <v>0</v>
      </c>
      <c r="FI39" s="115">
        <v>0</v>
      </c>
      <c r="FJ39" s="118">
        <v>0</v>
      </c>
      <c r="FK39" s="112">
        <v>0</v>
      </c>
      <c r="FL39" s="116">
        <v>10150</v>
      </c>
      <c r="FM39" s="115">
        <v>10150</v>
      </c>
      <c r="FN39" s="112">
        <v>0</v>
      </c>
      <c r="FO39" s="116">
        <v>3500</v>
      </c>
      <c r="FP39" s="116">
        <v>8575</v>
      </c>
      <c r="FQ39" s="116">
        <v>27916</v>
      </c>
      <c r="FR39" s="116">
        <v>29218</v>
      </c>
      <c r="FS39" s="116">
        <v>0</v>
      </c>
      <c r="FT39" s="115">
        <v>69209</v>
      </c>
      <c r="FU39" s="118">
        <v>79359</v>
      </c>
      <c r="FV39" s="117">
        <v>0</v>
      </c>
      <c r="FW39" s="116">
        <v>10150</v>
      </c>
      <c r="FX39" s="114">
        <v>10150</v>
      </c>
      <c r="FY39" s="113">
        <v>0</v>
      </c>
      <c r="FZ39" s="116">
        <v>3500</v>
      </c>
      <c r="GA39" s="116">
        <v>8575</v>
      </c>
      <c r="GB39" s="116">
        <v>27916</v>
      </c>
      <c r="GC39" s="116">
        <v>29218</v>
      </c>
      <c r="GD39" s="116">
        <v>0</v>
      </c>
      <c r="GE39" s="115">
        <v>69209</v>
      </c>
      <c r="GF39" s="354">
        <v>79359</v>
      </c>
      <c r="GG39" s="117">
        <v>0</v>
      </c>
      <c r="GH39" s="116">
        <v>0</v>
      </c>
      <c r="GI39" s="114">
        <v>0</v>
      </c>
      <c r="GJ39" s="113">
        <v>0</v>
      </c>
      <c r="GK39" s="116">
        <v>0</v>
      </c>
      <c r="GL39" s="116">
        <v>0</v>
      </c>
      <c r="GM39" s="116">
        <v>0</v>
      </c>
      <c r="GN39" s="116">
        <v>0</v>
      </c>
      <c r="GO39" s="116">
        <v>0</v>
      </c>
      <c r="GP39" s="115">
        <v>0</v>
      </c>
      <c r="GQ39" s="118">
        <v>0</v>
      </c>
      <c r="GR39" s="112">
        <v>0</v>
      </c>
      <c r="GS39" s="116">
        <v>0</v>
      </c>
      <c r="GT39" s="115">
        <v>0</v>
      </c>
      <c r="GU39" s="112">
        <v>0</v>
      </c>
      <c r="GV39" s="116">
        <v>0</v>
      </c>
      <c r="GW39" s="116">
        <v>0</v>
      </c>
      <c r="GX39" s="116">
        <v>0</v>
      </c>
      <c r="GY39" s="116">
        <v>0</v>
      </c>
      <c r="GZ39" s="116">
        <v>0</v>
      </c>
      <c r="HA39" s="114">
        <v>0</v>
      </c>
      <c r="HB39" s="118">
        <v>0</v>
      </c>
      <c r="HC39" s="112">
        <v>0</v>
      </c>
      <c r="HD39" s="116">
        <v>0</v>
      </c>
      <c r="HE39" s="114">
        <v>0</v>
      </c>
      <c r="HF39" s="113">
        <v>0</v>
      </c>
      <c r="HG39" s="116">
        <v>0</v>
      </c>
      <c r="HH39" s="116">
        <v>132958</v>
      </c>
      <c r="HI39" s="116">
        <v>0</v>
      </c>
      <c r="HJ39" s="116">
        <v>0</v>
      </c>
      <c r="HK39" s="116">
        <v>0</v>
      </c>
      <c r="HL39" s="115">
        <v>132958</v>
      </c>
      <c r="HM39" s="111">
        <v>132958</v>
      </c>
      <c r="HN39" s="370"/>
      <c r="HO39" s="371"/>
      <c r="HP39" s="372"/>
      <c r="HQ39" s="373"/>
      <c r="HR39" s="371"/>
      <c r="HS39" s="371"/>
      <c r="HT39" s="371"/>
      <c r="HU39" s="371"/>
      <c r="HV39" s="371"/>
      <c r="HW39" s="374"/>
      <c r="HX39" s="375"/>
      <c r="HY39" s="148">
        <v>0</v>
      </c>
      <c r="HZ39" s="149">
        <v>0</v>
      </c>
      <c r="IA39" s="150">
        <v>0</v>
      </c>
      <c r="IB39" s="163">
        <v>0</v>
      </c>
      <c r="IC39" s="149">
        <v>96873</v>
      </c>
      <c r="ID39" s="164">
        <v>315819</v>
      </c>
      <c r="IE39" s="150">
        <v>0</v>
      </c>
      <c r="IF39" s="149">
        <v>236957</v>
      </c>
      <c r="IG39" s="150">
        <v>0</v>
      </c>
      <c r="IH39" s="165">
        <v>649649</v>
      </c>
      <c r="II39" s="156">
        <v>649649</v>
      </c>
      <c r="IJ39" s="261">
        <v>0</v>
      </c>
      <c r="IK39" s="268">
        <v>0</v>
      </c>
      <c r="IL39" s="269">
        <v>0</v>
      </c>
      <c r="IM39" s="157"/>
      <c r="IN39" s="122">
        <v>0</v>
      </c>
      <c r="IO39" s="122">
        <v>0</v>
      </c>
      <c r="IP39" s="122">
        <v>0</v>
      </c>
      <c r="IQ39" s="122">
        <v>0</v>
      </c>
      <c r="IR39" s="122">
        <v>0</v>
      </c>
      <c r="IS39" s="158">
        <v>0</v>
      </c>
      <c r="IT39" s="357">
        <v>0</v>
      </c>
      <c r="IU39" s="159">
        <v>0</v>
      </c>
      <c r="IV39" s="122">
        <v>0</v>
      </c>
      <c r="IW39" s="123">
        <v>0</v>
      </c>
      <c r="IX39" s="161"/>
      <c r="IY39" s="122">
        <v>0</v>
      </c>
      <c r="IZ39" s="122">
        <v>0</v>
      </c>
      <c r="JA39" s="122">
        <v>0</v>
      </c>
      <c r="JB39" s="122">
        <v>0</v>
      </c>
      <c r="JC39" s="122">
        <v>0</v>
      </c>
      <c r="JD39" s="123">
        <v>0</v>
      </c>
      <c r="JE39" s="124">
        <v>0</v>
      </c>
      <c r="JF39" s="159">
        <v>0</v>
      </c>
      <c r="JG39" s="122">
        <v>0</v>
      </c>
      <c r="JH39" s="158">
        <v>0</v>
      </c>
      <c r="JI39" s="121">
        <v>0</v>
      </c>
      <c r="JJ39" s="122">
        <v>0</v>
      </c>
      <c r="JK39" s="122">
        <v>0</v>
      </c>
      <c r="JL39" s="122">
        <v>0</v>
      </c>
      <c r="JM39" s="122">
        <v>0</v>
      </c>
      <c r="JN39" s="122">
        <v>0</v>
      </c>
      <c r="JO39" s="123">
        <v>0</v>
      </c>
      <c r="JP39" s="357">
        <v>0</v>
      </c>
      <c r="JQ39" s="159">
        <v>0</v>
      </c>
      <c r="JR39" s="122">
        <v>0</v>
      </c>
      <c r="JS39" s="158">
        <v>0</v>
      </c>
      <c r="JT39" s="121">
        <v>0</v>
      </c>
      <c r="JU39" s="122">
        <v>0</v>
      </c>
      <c r="JV39" s="122">
        <v>0</v>
      </c>
      <c r="JW39" s="122">
        <v>0</v>
      </c>
      <c r="JX39" s="122">
        <v>0</v>
      </c>
      <c r="JY39" s="122">
        <v>0</v>
      </c>
      <c r="JZ39" s="123">
        <v>0</v>
      </c>
      <c r="KA39" s="357">
        <v>0</v>
      </c>
      <c r="KB39" s="264">
        <v>0</v>
      </c>
      <c r="KC39" s="258">
        <v>0</v>
      </c>
      <c r="KD39" s="123">
        <v>0</v>
      </c>
      <c r="KE39" s="121">
        <v>0</v>
      </c>
      <c r="KF39" s="122">
        <v>96873</v>
      </c>
      <c r="KG39" s="122">
        <v>0</v>
      </c>
      <c r="KH39" s="122">
        <v>0</v>
      </c>
      <c r="KI39" s="122">
        <v>0</v>
      </c>
      <c r="KJ39" s="122">
        <v>0</v>
      </c>
      <c r="KK39" s="123">
        <v>96873</v>
      </c>
      <c r="KL39" s="160">
        <v>96873</v>
      </c>
      <c r="KM39" s="261">
        <v>0</v>
      </c>
      <c r="KN39" s="268">
        <v>0</v>
      </c>
      <c r="KO39" s="269">
        <v>0</v>
      </c>
      <c r="KP39" s="157"/>
      <c r="KQ39" s="122">
        <v>0</v>
      </c>
      <c r="KR39" s="122">
        <v>0</v>
      </c>
      <c r="KS39" s="122">
        <v>0</v>
      </c>
      <c r="KT39" s="122">
        <v>0</v>
      </c>
      <c r="KU39" s="122">
        <v>0</v>
      </c>
      <c r="KV39" s="123">
        <v>0</v>
      </c>
      <c r="KW39" s="357">
        <v>0</v>
      </c>
      <c r="KX39" s="159">
        <v>0</v>
      </c>
      <c r="KY39" s="122">
        <v>0</v>
      </c>
      <c r="KZ39" s="123">
        <v>0</v>
      </c>
      <c r="LA39" s="162"/>
      <c r="LB39" s="122">
        <v>0</v>
      </c>
      <c r="LC39" s="122">
        <v>0</v>
      </c>
      <c r="LD39" s="122">
        <v>0</v>
      </c>
      <c r="LE39" s="122">
        <v>0</v>
      </c>
      <c r="LF39" s="122">
        <v>0</v>
      </c>
      <c r="LG39" s="123">
        <v>0</v>
      </c>
      <c r="LH39" s="124">
        <v>0</v>
      </c>
      <c r="LI39" s="159">
        <v>0</v>
      </c>
      <c r="LJ39" s="122">
        <v>0</v>
      </c>
      <c r="LK39" s="123">
        <v>0</v>
      </c>
      <c r="LL39" s="162"/>
      <c r="LM39" s="122">
        <v>0</v>
      </c>
      <c r="LN39" s="122">
        <v>0</v>
      </c>
      <c r="LO39" s="122">
        <v>0</v>
      </c>
      <c r="LP39" s="122">
        <v>0</v>
      </c>
      <c r="LQ39" s="122">
        <v>0</v>
      </c>
      <c r="LR39" s="123">
        <v>0</v>
      </c>
      <c r="LS39" s="357">
        <v>0</v>
      </c>
      <c r="LT39" s="159">
        <v>0</v>
      </c>
      <c r="LU39" s="122">
        <v>0</v>
      </c>
      <c r="LV39" s="123">
        <v>0</v>
      </c>
      <c r="LW39" s="162"/>
      <c r="LX39" s="122">
        <v>0</v>
      </c>
      <c r="LY39" s="122">
        <v>315819</v>
      </c>
      <c r="LZ39" s="122">
        <v>0</v>
      </c>
      <c r="MA39" s="122">
        <v>236957</v>
      </c>
      <c r="MB39" s="122">
        <v>0</v>
      </c>
      <c r="MC39" s="123">
        <v>552776</v>
      </c>
      <c r="MD39" s="124">
        <v>552776</v>
      </c>
      <c r="ME39" s="159">
        <v>0</v>
      </c>
      <c r="MF39" s="122">
        <v>0</v>
      </c>
      <c r="MG39" s="123">
        <v>0</v>
      </c>
      <c r="MH39" s="162"/>
      <c r="MI39" s="122">
        <v>0</v>
      </c>
      <c r="MJ39" s="122">
        <v>0</v>
      </c>
      <c r="MK39" s="122">
        <v>212793</v>
      </c>
      <c r="ML39" s="122">
        <v>0</v>
      </c>
      <c r="MM39" s="122">
        <v>0</v>
      </c>
      <c r="MN39" s="123">
        <v>212793</v>
      </c>
      <c r="MO39" s="160">
        <v>212793</v>
      </c>
      <c r="MP39" s="159">
        <v>0</v>
      </c>
      <c r="MQ39" s="122">
        <v>0</v>
      </c>
      <c r="MR39" s="123">
        <v>0</v>
      </c>
      <c r="MS39" s="162"/>
      <c r="MT39" s="122">
        <v>0</v>
      </c>
      <c r="MU39" s="122">
        <v>0</v>
      </c>
      <c r="MV39" s="122">
        <v>0</v>
      </c>
      <c r="MW39" s="122">
        <v>0</v>
      </c>
      <c r="MX39" s="122">
        <v>0</v>
      </c>
      <c r="MY39" s="123">
        <v>0</v>
      </c>
      <c r="MZ39" s="160">
        <v>0</v>
      </c>
      <c r="NA39" s="159">
        <v>0</v>
      </c>
      <c r="NB39" s="122">
        <v>0</v>
      </c>
      <c r="NC39" s="123">
        <v>0</v>
      </c>
      <c r="ND39" s="162"/>
      <c r="NE39" s="122">
        <v>0</v>
      </c>
      <c r="NF39" s="122">
        <v>0</v>
      </c>
      <c r="NG39" s="122">
        <v>212793</v>
      </c>
      <c r="NH39" s="122">
        <v>0</v>
      </c>
      <c r="NI39" s="122">
        <v>0</v>
      </c>
      <c r="NJ39" s="123">
        <v>212793</v>
      </c>
      <c r="NK39" s="357">
        <v>212793</v>
      </c>
      <c r="NL39" s="159">
        <v>0</v>
      </c>
      <c r="NM39" s="122">
        <v>0</v>
      </c>
      <c r="NN39" s="123">
        <v>0</v>
      </c>
      <c r="NO39" s="162"/>
      <c r="NP39" s="122">
        <v>0</v>
      </c>
      <c r="NQ39" s="122">
        <v>0</v>
      </c>
      <c r="NR39" s="122">
        <v>0</v>
      </c>
      <c r="NS39" s="122">
        <v>0</v>
      </c>
      <c r="NT39" s="122">
        <v>0</v>
      </c>
      <c r="NU39" s="123">
        <v>0</v>
      </c>
      <c r="NV39" s="124">
        <v>0</v>
      </c>
      <c r="NW39" s="159">
        <v>0</v>
      </c>
      <c r="NX39" s="122">
        <v>0</v>
      </c>
      <c r="NY39" s="123">
        <v>0</v>
      </c>
      <c r="NZ39" s="162"/>
      <c r="OA39" s="122">
        <v>0</v>
      </c>
      <c r="OB39" s="122">
        <v>0</v>
      </c>
      <c r="OC39" s="122">
        <v>0</v>
      </c>
      <c r="OD39" s="122">
        <v>0</v>
      </c>
      <c r="OE39" s="122">
        <v>0</v>
      </c>
      <c r="OF39" s="123">
        <v>0</v>
      </c>
      <c r="OG39" s="124">
        <v>0</v>
      </c>
      <c r="OH39" s="159">
        <v>0</v>
      </c>
      <c r="OI39" s="122">
        <v>14322</v>
      </c>
      <c r="OJ39" s="158">
        <v>14322</v>
      </c>
      <c r="OK39" s="121">
        <v>0</v>
      </c>
      <c r="OL39" s="122">
        <v>111727</v>
      </c>
      <c r="OM39" s="122">
        <v>553119</v>
      </c>
      <c r="ON39" s="122">
        <v>430493</v>
      </c>
      <c r="OO39" s="122">
        <v>615666</v>
      </c>
      <c r="OP39" s="122">
        <v>0</v>
      </c>
      <c r="OQ39" s="123">
        <v>1711005</v>
      </c>
      <c r="OR39" s="160">
        <v>1725327</v>
      </c>
    </row>
    <row r="40" spans="1:408" ht="20.25" customHeight="1" x14ac:dyDescent="0.2">
      <c r="A40" s="129" t="s">
        <v>35</v>
      </c>
      <c r="B40" s="112">
        <v>164616</v>
      </c>
      <c r="C40" s="116">
        <v>174293</v>
      </c>
      <c r="D40" s="115">
        <v>338909</v>
      </c>
      <c r="E40" s="111">
        <v>0</v>
      </c>
      <c r="F40" s="116">
        <v>599299</v>
      </c>
      <c r="G40" s="116">
        <v>419531</v>
      </c>
      <c r="H40" s="116">
        <v>697229</v>
      </c>
      <c r="I40" s="116">
        <v>937599</v>
      </c>
      <c r="J40" s="116">
        <v>234164</v>
      </c>
      <c r="K40" s="200">
        <v>2887822</v>
      </c>
      <c r="L40" s="118">
        <v>3226731</v>
      </c>
      <c r="M40" s="112">
        <v>37198</v>
      </c>
      <c r="N40" s="116">
        <v>24899</v>
      </c>
      <c r="O40" s="115">
        <v>62097</v>
      </c>
      <c r="P40" s="112">
        <v>0</v>
      </c>
      <c r="Q40" s="116">
        <v>192781</v>
      </c>
      <c r="R40" s="116">
        <v>115381</v>
      </c>
      <c r="S40" s="116">
        <v>198012</v>
      </c>
      <c r="T40" s="116">
        <v>310065</v>
      </c>
      <c r="U40" s="116">
        <v>207004</v>
      </c>
      <c r="V40" s="115">
        <v>1023243</v>
      </c>
      <c r="W40" s="118">
        <v>1085340</v>
      </c>
      <c r="X40" s="112">
        <v>0</v>
      </c>
      <c r="Y40" s="116">
        <v>0</v>
      </c>
      <c r="Z40" s="115">
        <v>0</v>
      </c>
      <c r="AA40" s="112">
        <v>0</v>
      </c>
      <c r="AB40" s="116">
        <v>166433</v>
      </c>
      <c r="AC40" s="116">
        <v>95123</v>
      </c>
      <c r="AD40" s="116">
        <v>133227</v>
      </c>
      <c r="AE40" s="116">
        <v>183197</v>
      </c>
      <c r="AF40" s="116">
        <v>0</v>
      </c>
      <c r="AG40" s="115">
        <v>577980</v>
      </c>
      <c r="AH40" s="118">
        <v>577980</v>
      </c>
      <c r="AI40" s="112">
        <v>0</v>
      </c>
      <c r="AJ40" s="116">
        <v>0</v>
      </c>
      <c r="AK40" s="115">
        <v>0</v>
      </c>
      <c r="AL40" s="112">
        <v>0</v>
      </c>
      <c r="AM40" s="116">
        <v>0</v>
      </c>
      <c r="AN40" s="116">
        <v>0</v>
      </c>
      <c r="AO40" s="116">
        <v>0</v>
      </c>
      <c r="AP40" s="116">
        <v>0</v>
      </c>
      <c r="AQ40" s="116">
        <v>0</v>
      </c>
      <c r="AR40" s="115">
        <v>0</v>
      </c>
      <c r="AS40" s="118">
        <v>0</v>
      </c>
      <c r="AT40" s="112">
        <v>0</v>
      </c>
      <c r="AU40" s="116">
        <v>0</v>
      </c>
      <c r="AV40" s="115">
        <v>0</v>
      </c>
      <c r="AW40" s="112">
        <v>0</v>
      </c>
      <c r="AX40" s="116">
        <v>0</v>
      </c>
      <c r="AY40" s="116">
        <v>12033</v>
      </c>
      <c r="AZ40" s="116">
        <v>37128</v>
      </c>
      <c r="BA40" s="116">
        <v>76034</v>
      </c>
      <c r="BB40" s="116">
        <v>188902</v>
      </c>
      <c r="BC40" s="115">
        <v>314097</v>
      </c>
      <c r="BD40" s="118">
        <v>314097</v>
      </c>
      <c r="BE40" s="112">
        <v>0</v>
      </c>
      <c r="BF40" s="116">
        <v>0</v>
      </c>
      <c r="BG40" s="114">
        <v>0</v>
      </c>
      <c r="BH40" s="113">
        <v>0</v>
      </c>
      <c r="BI40" s="116">
        <v>0</v>
      </c>
      <c r="BJ40" s="116">
        <v>0</v>
      </c>
      <c r="BK40" s="116">
        <v>0</v>
      </c>
      <c r="BL40" s="116">
        <v>0</v>
      </c>
      <c r="BM40" s="116">
        <v>0</v>
      </c>
      <c r="BN40" s="115">
        <v>0</v>
      </c>
      <c r="BO40" s="118">
        <v>0</v>
      </c>
      <c r="BP40" s="112">
        <v>37198</v>
      </c>
      <c r="BQ40" s="116">
        <v>24899</v>
      </c>
      <c r="BR40" s="115">
        <v>62097</v>
      </c>
      <c r="BS40" s="112">
        <v>0</v>
      </c>
      <c r="BT40" s="116">
        <v>26348</v>
      </c>
      <c r="BU40" s="116">
        <v>8225</v>
      </c>
      <c r="BV40" s="116">
        <v>27657</v>
      </c>
      <c r="BW40" s="116">
        <v>50834</v>
      </c>
      <c r="BX40" s="116">
        <v>18102</v>
      </c>
      <c r="BY40" s="115">
        <v>131166</v>
      </c>
      <c r="BZ40" s="118">
        <v>193263</v>
      </c>
      <c r="CA40" s="112">
        <v>0</v>
      </c>
      <c r="CB40" s="116">
        <v>0</v>
      </c>
      <c r="CC40" s="115">
        <v>0</v>
      </c>
      <c r="CD40" s="112">
        <v>0</v>
      </c>
      <c r="CE40" s="116">
        <v>140518</v>
      </c>
      <c r="CF40" s="116">
        <v>196665</v>
      </c>
      <c r="CG40" s="116">
        <v>76426</v>
      </c>
      <c r="CH40" s="116">
        <v>88268</v>
      </c>
      <c r="CI40" s="116">
        <v>0</v>
      </c>
      <c r="CJ40" s="115">
        <v>501877</v>
      </c>
      <c r="CK40" s="118">
        <v>501877</v>
      </c>
      <c r="CL40" s="112">
        <v>0</v>
      </c>
      <c r="CM40" s="116">
        <v>0</v>
      </c>
      <c r="CN40" s="115">
        <v>0</v>
      </c>
      <c r="CO40" s="113">
        <v>0</v>
      </c>
      <c r="CP40" s="116">
        <v>109396</v>
      </c>
      <c r="CQ40" s="116">
        <v>177135</v>
      </c>
      <c r="CR40" s="116">
        <v>76426</v>
      </c>
      <c r="CS40" s="116">
        <v>0</v>
      </c>
      <c r="CT40" s="116">
        <v>0</v>
      </c>
      <c r="CU40" s="115">
        <v>362957</v>
      </c>
      <c r="CV40" s="118">
        <v>362957</v>
      </c>
      <c r="CW40" s="112">
        <v>0</v>
      </c>
      <c r="CX40" s="116">
        <v>0</v>
      </c>
      <c r="CY40" s="115">
        <v>0</v>
      </c>
      <c r="CZ40" s="112">
        <v>0</v>
      </c>
      <c r="DA40" s="116">
        <v>31122</v>
      </c>
      <c r="DB40" s="116">
        <v>19530</v>
      </c>
      <c r="DC40" s="116">
        <v>0</v>
      </c>
      <c r="DD40" s="116">
        <v>88268</v>
      </c>
      <c r="DE40" s="116">
        <v>0</v>
      </c>
      <c r="DF40" s="115">
        <v>138920</v>
      </c>
      <c r="DG40" s="118">
        <v>138920</v>
      </c>
      <c r="DH40" s="112">
        <v>0</v>
      </c>
      <c r="DI40" s="116">
        <v>0</v>
      </c>
      <c r="DJ40" s="114">
        <v>0</v>
      </c>
      <c r="DK40" s="113">
        <v>0</v>
      </c>
      <c r="DL40" s="116">
        <v>0</v>
      </c>
      <c r="DM40" s="116">
        <v>0</v>
      </c>
      <c r="DN40" s="116">
        <v>0</v>
      </c>
      <c r="DO40" s="116">
        <v>0</v>
      </c>
      <c r="DP40" s="116">
        <v>0</v>
      </c>
      <c r="DQ40" s="115">
        <v>0</v>
      </c>
      <c r="DR40" s="118">
        <v>0</v>
      </c>
      <c r="DS40" s="112">
        <v>0</v>
      </c>
      <c r="DT40" s="116">
        <v>0</v>
      </c>
      <c r="DU40" s="115">
        <v>0</v>
      </c>
      <c r="DV40" s="112">
        <v>0</v>
      </c>
      <c r="DW40" s="116">
        <v>0</v>
      </c>
      <c r="DX40" s="116">
        <v>0</v>
      </c>
      <c r="DY40" s="116">
        <v>0</v>
      </c>
      <c r="DZ40" s="116">
        <v>0</v>
      </c>
      <c r="EA40" s="116">
        <v>0</v>
      </c>
      <c r="EB40" s="115">
        <v>0</v>
      </c>
      <c r="EC40" s="118">
        <v>0</v>
      </c>
      <c r="ED40" s="112">
        <v>0</v>
      </c>
      <c r="EE40" s="114">
        <v>0</v>
      </c>
      <c r="EF40" s="115">
        <v>0</v>
      </c>
      <c r="EG40" s="112">
        <v>0</v>
      </c>
      <c r="EH40" s="116">
        <v>0</v>
      </c>
      <c r="EI40" s="116">
        <v>0</v>
      </c>
      <c r="EJ40" s="116">
        <v>0</v>
      </c>
      <c r="EK40" s="116">
        <v>0</v>
      </c>
      <c r="EL40" s="116">
        <v>0</v>
      </c>
      <c r="EM40" s="114">
        <v>0</v>
      </c>
      <c r="EN40" s="118">
        <v>0</v>
      </c>
      <c r="EO40" s="112">
        <v>0</v>
      </c>
      <c r="EP40" s="116">
        <v>0</v>
      </c>
      <c r="EQ40" s="114">
        <v>0</v>
      </c>
      <c r="ER40" s="113">
        <v>0</v>
      </c>
      <c r="ES40" s="116">
        <v>0</v>
      </c>
      <c r="ET40" s="116">
        <v>0</v>
      </c>
      <c r="EU40" s="116">
        <v>0</v>
      </c>
      <c r="EV40" s="116">
        <v>0</v>
      </c>
      <c r="EW40" s="116">
        <v>0</v>
      </c>
      <c r="EX40" s="115">
        <v>0</v>
      </c>
      <c r="EY40" s="118">
        <v>0</v>
      </c>
      <c r="EZ40" s="112">
        <v>0</v>
      </c>
      <c r="FA40" s="116">
        <v>0</v>
      </c>
      <c r="FB40" s="114">
        <v>0</v>
      </c>
      <c r="FC40" s="390"/>
      <c r="FD40" s="116">
        <v>0</v>
      </c>
      <c r="FE40" s="116">
        <v>0</v>
      </c>
      <c r="FF40" s="116">
        <v>0</v>
      </c>
      <c r="FG40" s="116">
        <v>0</v>
      </c>
      <c r="FH40" s="116">
        <v>0</v>
      </c>
      <c r="FI40" s="115">
        <v>0</v>
      </c>
      <c r="FJ40" s="118">
        <v>0</v>
      </c>
      <c r="FK40" s="112">
        <v>0</v>
      </c>
      <c r="FL40" s="116">
        <v>0</v>
      </c>
      <c r="FM40" s="115">
        <v>0</v>
      </c>
      <c r="FN40" s="112">
        <v>0</v>
      </c>
      <c r="FO40" s="116">
        <v>20125</v>
      </c>
      <c r="FP40" s="116">
        <v>83440</v>
      </c>
      <c r="FQ40" s="116">
        <v>114940</v>
      </c>
      <c r="FR40" s="116">
        <v>47110</v>
      </c>
      <c r="FS40" s="116">
        <v>27160</v>
      </c>
      <c r="FT40" s="115">
        <v>292775</v>
      </c>
      <c r="FU40" s="118">
        <v>292775</v>
      </c>
      <c r="FV40" s="117">
        <v>0</v>
      </c>
      <c r="FW40" s="116">
        <v>0</v>
      </c>
      <c r="FX40" s="114">
        <v>0</v>
      </c>
      <c r="FY40" s="113">
        <v>0</v>
      </c>
      <c r="FZ40" s="116">
        <v>20125</v>
      </c>
      <c r="GA40" s="116">
        <v>83440</v>
      </c>
      <c r="GB40" s="116">
        <v>114940</v>
      </c>
      <c r="GC40" s="116">
        <v>47110</v>
      </c>
      <c r="GD40" s="116">
        <v>27160</v>
      </c>
      <c r="GE40" s="115">
        <v>292775</v>
      </c>
      <c r="GF40" s="354">
        <v>292775</v>
      </c>
      <c r="GG40" s="117">
        <v>0</v>
      </c>
      <c r="GH40" s="116">
        <v>0</v>
      </c>
      <c r="GI40" s="114">
        <v>0</v>
      </c>
      <c r="GJ40" s="113">
        <v>0</v>
      </c>
      <c r="GK40" s="116">
        <v>0</v>
      </c>
      <c r="GL40" s="116">
        <v>0</v>
      </c>
      <c r="GM40" s="116">
        <v>0</v>
      </c>
      <c r="GN40" s="116">
        <v>0</v>
      </c>
      <c r="GO40" s="116">
        <v>0</v>
      </c>
      <c r="GP40" s="115">
        <v>0</v>
      </c>
      <c r="GQ40" s="118">
        <v>0</v>
      </c>
      <c r="GR40" s="112">
        <v>0</v>
      </c>
      <c r="GS40" s="116">
        <v>0</v>
      </c>
      <c r="GT40" s="115">
        <v>0</v>
      </c>
      <c r="GU40" s="112">
        <v>0</v>
      </c>
      <c r="GV40" s="116">
        <v>0</v>
      </c>
      <c r="GW40" s="116">
        <v>0</v>
      </c>
      <c r="GX40" s="116">
        <v>0</v>
      </c>
      <c r="GY40" s="116">
        <v>0</v>
      </c>
      <c r="GZ40" s="116">
        <v>0</v>
      </c>
      <c r="HA40" s="114">
        <v>0</v>
      </c>
      <c r="HB40" s="118">
        <v>0</v>
      </c>
      <c r="HC40" s="112">
        <v>127418</v>
      </c>
      <c r="HD40" s="116">
        <v>149394</v>
      </c>
      <c r="HE40" s="114">
        <v>276812</v>
      </c>
      <c r="HF40" s="113">
        <v>0</v>
      </c>
      <c r="HG40" s="116">
        <v>245875</v>
      </c>
      <c r="HH40" s="116">
        <v>24045</v>
      </c>
      <c r="HI40" s="116">
        <v>307851</v>
      </c>
      <c r="HJ40" s="116">
        <v>492156</v>
      </c>
      <c r="HK40" s="116">
        <v>0</v>
      </c>
      <c r="HL40" s="115">
        <v>1069927</v>
      </c>
      <c r="HM40" s="111">
        <v>1346739</v>
      </c>
      <c r="HN40" s="370"/>
      <c r="HO40" s="371"/>
      <c r="HP40" s="372"/>
      <c r="HQ40" s="373"/>
      <c r="HR40" s="371"/>
      <c r="HS40" s="371"/>
      <c r="HT40" s="371"/>
      <c r="HU40" s="371"/>
      <c r="HV40" s="371"/>
      <c r="HW40" s="374"/>
      <c r="HX40" s="375"/>
      <c r="HY40" s="167">
        <v>0</v>
      </c>
      <c r="HZ40" s="152">
        <v>0</v>
      </c>
      <c r="IA40" s="167">
        <v>0</v>
      </c>
      <c r="IB40" s="163">
        <v>0</v>
      </c>
      <c r="IC40" s="149">
        <v>47208</v>
      </c>
      <c r="ID40" s="164">
        <v>0</v>
      </c>
      <c r="IE40" s="150">
        <v>258524</v>
      </c>
      <c r="IF40" s="149">
        <v>0</v>
      </c>
      <c r="IG40" s="150">
        <v>0</v>
      </c>
      <c r="IH40" s="165">
        <v>305732</v>
      </c>
      <c r="II40" s="167">
        <v>305732</v>
      </c>
      <c r="IJ40" s="261">
        <v>0</v>
      </c>
      <c r="IK40" s="268">
        <v>0</v>
      </c>
      <c r="IL40" s="269">
        <v>0</v>
      </c>
      <c r="IM40" s="157"/>
      <c r="IN40" s="122">
        <v>0</v>
      </c>
      <c r="IO40" s="122">
        <v>0</v>
      </c>
      <c r="IP40" s="122">
        <v>0</v>
      </c>
      <c r="IQ40" s="122">
        <v>0</v>
      </c>
      <c r="IR40" s="122">
        <v>0</v>
      </c>
      <c r="IS40" s="158">
        <v>0</v>
      </c>
      <c r="IT40" s="357">
        <v>0</v>
      </c>
      <c r="IU40" s="159">
        <v>0</v>
      </c>
      <c r="IV40" s="122">
        <v>0</v>
      </c>
      <c r="IW40" s="123">
        <v>0</v>
      </c>
      <c r="IX40" s="161"/>
      <c r="IY40" s="122">
        <v>0</v>
      </c>
      <c r="IZ40" s="122">
        <v>0</v>
      </c>
      <c r="JA40" s="122">
        <v>0</v>
      </c>
      <c r="JB40" s="122">
        <v>0</v>
      </c>
      <c r="JC40" s="122">
        <v>0</v>
      </c>
      <c r="JD40" s="123">
        <v>0</v>
      </c>
      <c r="JE40" s="124">
        <v>0</v>
      </c>
      <c r="JF40" s="159">
        <v>0</v>
      </c>
      <c r="JG40" s="122">
        <v>0</v>
      </c>
      <c r="JH40" s="158">
        <v>0</v>
      </c>
      <c r="JI40" s="121">
        <v>0</v>
      </c>
      <c r="JJ40" s="122">
        <v>47208</v>
      </c>
      <c r="JK40" s="122">
        <v>0</v>
      </c>
      <c r="JL40" s="122">
        <v>0</v>
      </c>
      <c r="JM40" s="122">
        <v>0</v>
      </c>
      <c r="JN40" s="122">
        <v>0</v>
      </c>
      <c r="JO40" s="123">
        <v>47208</v>
      </c>
      <c r="JP40" s="357">
        <v>47208</v>
      </c>
      <c r="JQ40" s="159">
        <v>0</v>
      </c>
      <c r="JR40" s="122">
        <v>0</v>
      </c>
      <c r="JS40" s="158">
        <v>0</v>
      </c>
      <c r="JT40" s="121">
        <v>0</v>
      </c>
      <c r="JU40" s="122">
        <v>0</v>
      </c>
      <c r="JV40" s="122">
        <v>0</v>
      </c>
      <c r="JW40" s="122">
        <v>0</v>
      </c>
      <c r="JX40" s="122">
        <v>0</v>
      </c>
      <c r="JY40" s="122">
        <v>0</v>
      </c>
      <c r="JZ40" s="123">
        <v>0</v>
      </c>
      <c r="KA40" s="357">
        <v>0</v>
      </c>
      <c r="KB40" s="264">
        <v>0</v>
      </c>
      <c r="KC40" s="258">
        <v>0</v>
      </c>
      <c r="KD40" s="123">
        <v>0</v>
      </c>
      <c r="KE40" s="121">
        <v>0</v>
      </c>
      <c r="KF40" s="122">
        <v>0</v>
      </c>
      <c r="KG40" s="122">
        <v>0</v>
      </c>
      <c r="KH40" s="122">
        <v>69286</v>
      </c>
      <c r="KI40" s="122">
        <v>0</v>
      </c>
      <c r="KJ40" s="122">
        <v>0</v>
      </c>
      <c r="KK40" s="123">
        <v>69286</v>
      </c>
      <c r="KL40" s="160">
        <v>69286</v>
      </c>
      <c r="KM40" s="261">
        <v>0</v>
      </c>
      <c r="KN40" s="268">
        <v>0</v>
      </c>
      <c r="KO40" s="269">
        <v>0</v>
      </c>
      <c r="KP40" s="157"/>
      <c r="KQ40" s="122">
        <v>0</v>
      </c>
      <c r="KR40" s="122">
        <v>0</v>
      </c>
      <c r="KS40" s="122">
        <v>189238</v>
      </c>
      <c r="KT40" s="122">
        <v>0</v>
      </c>
      <c r="KU40" s="122">
        <v>0</v>
      </c>
      <c r="KV40" s="123">
        <v>189238</v>
      </c>
      <c r="KW40" s="357">
        <v>189238</v>
      </c>
      <c r="KX40" s="159">
        <v>0</v>
      </c>
      <c r="KY40" s="122">
        <v>0</v>
      </c>
      <c r="KZ40" s="123">
        <v>0</v>
      </c>
      <c r="LA40" s="162"/>
      <c r="LB40" s="122">
        <v>0</v>
      </c>
      <c r="LC40" s="122">
        <v>0</v>
      </c>
      <c r="LD40" s="122">
        <v>0</v>
      </c>
      <c r="LE40" s="122">
        <v>0</v>
      </c>
      <c r="LF40" s="122">
        <v>0</v>
      </c>
      <c r="LG40" s="123">
        <v>0</v>
      </c>
      <c r="LH40" s="124">
        <v>0</v>
      </c>
      <c r="LI40" s="159">
        <v>0</v>
      </c>
      <c r="LJ40" s="122">
        <v>0</v>
      </c>
      <c r="LK40" s="123">
        <v>0</v>
      </c>
      <c r="LL40" s="162"/>
      <c r="LM40" s="122">
        <v>0</v>
      </c>
      <c r="LN40" s="122">
        <v>0</v>
      </c>
      <c r="LO40" s="122">
        <v>0</v>
      </c>
      <c r="LP40" s="122">
        <v>0</v>
      </c>
      <c r="LQ40" s="122">
        <v>0</v>
      </c>
      <c r="LR40" s="123">
        <v>0</v>
      </c>
      <c r="LS40" s="357">
        <v>0</v>
      </c>
      <c r="LT40" s="159">
        <v>0</v>
      </c>
      <c r="LU40" s="122">
        <v>0</v>
      </c>
      <c r="LV40" s="123">
        <v>0</v>
      </c>
      <c r="LW40" s="162"/>
      <c r="LX40" s="122">
        <v>0</v>
      </c>
      <c r="LY40" s="122">
        <v>0</v>
      </c>
      <c r="LZ40" s="122">
        <v>0</v>
      </c>
      <c r="MA40" s="122">
        <v>0</v>
      </c>
      <c r="MB40" s="122">
        <v>0</v>
      </c>
      <c r="MC40" s="123">
        <v>0</v>
      </c>
      <c r="MD40" s="124">
        <v>0</v>
      </c>
      <c r="ME40" s="159">
        <v>0</v>
      </c>
      <c r="MF40" s="122">
        <v>0</v>
      </c>
      <c r="MG40" s="123">
        <v>0</v>
      </c>
      <c r="MH40" s="162"/>
      <c r="MI40" s="122">
        <v>0</v>
      </c>
      <c r="MJ40" s="122">
        <v>0</v>
      </c>
      <c r="MK40" s="122">
        <v>284340</v>
      </c>
      <c r="ML40" s="122">
        <v>391888</v>
      </c>
      <c r="MM40" s="122">
        <v>0</v>
      </c>
      <c r="MN40" s="123">
        <v>676228</v>
      </c>
      <c r="MO40" s="160">
        <v>676228</v>
      </c>
      <c r="MP40" s="159">
        <v>0</v>
      </c>
      <c r="MQ40" s="122">
        <v>0</v>
      </c>
      <c r="MR40" s="123">
        <v>0</v>
      </c>
      <c r="MS40" s="162"/>
      <c r="MT40" s="122">
        <v>0</v>
      </c>
      <c r="MU40" s="122">
        <v>0</v>
      </c>
      <c r="MV40" s="122">
        <v>170128</v>
      </c>
      <c r="MW40" s="122">
        <v>391888</v>
      </c>
      <c r="MX40" s="122">
        <v>0</v>
      </c>
      <c r="MY40" s="123">
        <v>562016</v>
      </c>
      <c r="MZ40" s="160">
        <v>562016</v>
      </c>
      <c r="NA40" s="159">
        <v>0</v>
      </c>
      <c r="NB40" s="122">
        <v>0</v>
      </c>
      <c r="NC40" s="123">
        <v>0</v>
      </c>
      <c r="ND40" s="162"/>
      <c r="NE40" s="122">
        <v>0</v>
      </c>
      <c r="NF40" s="122">
        <v>0</v>
      </c>
      <c r="NG40" s="122">
        <v>114212</v>
      </c>
      <c r="NH40" s="122">
        <v>0</v>
      </c>
      <c r="NI40" s="122">
        <v>0</v>
      </c>
      <c r="NJ40" s="123">
        <v>114212</v>
      </c>
      <c r="NK40" s="357">
        <v>114212</v>
      </c>
      <c r="NL40" s="159">
        <v>0</v>
      </c>
      <c r="NM40" s="122">
        <v>0</v>
      </c>
      <c r="NN40" s="123">
        <v>0</v>
      </c>
      <c r="NO40" s="162"/>
      <c r="NP40" s="122">
        <v>0</v>
      </c>
      <c r="NQ40" s="122">
        <v>0</v>
      </c>
      <c r="NR40" s="122">
        <v>0</v>
      </c>
      <c r="NS40" s="122">
        <v>0</v>
      </c>
      <c r="NT40" s="122">
        <v>0</v>
      </c>
      <c r="NU40" s="123">
        <v>0</v>
      </c>
      <c r="NV40" s="124">
        <v>0</v>
      </c>
      <c r="NW40" s="159">
        <v>0</v>
      </c>
      <c r="NX40" s="122">
        <v>0</v>
      </c>
      <c r="NY40" s="123">
        <v>0</v>
      </c>
      <c r="NZ40" s="162"/>
      <c r="OA40" s="122">
        <v>0</v>
      </c>
      <c r="OB40" s="122">
        <v>0</v>
      </c>
      <c r="OC40" s="122">
        <v>0</v>
      </c>
      <c r="OD40" s="122">
        <v>0</v>
      </c>
      <c r="OE40" s="122">
        <v>0</v>
      </c>
      <c r="OF40" s="123">
        <v>0</v>
      </c>
      <c r="OG40" s="124">
        <v>0</v>
      </c>
      <c r="OH40" s="159">
        <v>164616</v>
      </c>
      <c r="OI40" s="122">
        <v>174293</v>
      </c>
      <c r="OJ40" s="158">
        <v>338909</v>
      </c>
      <c r="OK40" s="121">
        <v>0</v>
      </c>
      <c r="OL40" s="122">
        <v>646507</v>
      </c>
      <c r="OM40" s="122">
        <v>419531</v>
      </c>
      <c r="ON40" s="122">
        <v>1240093</v>
      </c>
      <c r="OO40" s="122">
        <v>1329487</v>
      </c>
      <c r="OP40" s="122">
        <v>234164</v>
      </c>
      <c r="OQ40" s="123">
        <v>3869782</v>
      </c>
      <c r="OR40" s="160">
        <v>4208691</v>
      </c>
    </row>
    <row r="41" spans="1:408" ht="20.25" customHeight="1" x14ac:dyDescent="0.2">
      <c r="A41" s="129" t="s">
        <v>36</v>
      </c>
      <c r="B41" s="112">
        <v>0</v>
      </c>
      <c r="C41" s="116">
        <v>81836</v>
      </c>
      <c r="D41" s="115">
        <v>81836</v>
      </c>
      <c r="E41" s="111">
        <v>0</v>
      </c>
      <c r="F41" s="116">
        <v>427437</v>
      </c>
      <c r="G41" s="116">
        <v>622469</v>
      </c>
      <c r="H41" s="116">
        <v>315495</v>
      </c>
      <c r="I41" s="116">
        <v>910752</v>
      </c>
      <c r="J41" s="116">
        <v>338487</v>
      </c>
      <c r="K41" s="200">
        <v>2614640</v>
      </c>
      <c r="L41" s="118">
        <v>2696476</v>
      </c>
      <c r="M41" s="112">
        <v>0</v>
      </c>
      <c r="N41" s="116">
        <v>35398</v>
      </c>
      <c r="O41" s="115">
        <v>35398</v>
      </c>
      <c r="P41" s="112">
        <v>0</v>
      </c>
      <c r="Q41" s="116">
        <v>261370</v>
      </c>
      <c r="R41" s="116">
        <v>62066</v>
      </c>
      <c r="S41" s="116">
        <v>37527</v>
      </c>
      <c r="T41" s="116">
        <v>268377</v>
      </c>
      <c r="U41" s="116">
        <v>102246</v>
      </c>
      <c r="V41" s="115">
        <v>731586</v>
      </c>
      <c r="W41" s="118">
        <v>766984</v>
      </c>
      <c r="X41" s="112">
        <v>0</v>
      </c>
      <c r="Y41" s="116">
        <v>0</v>
      </c>
      <c r="Z41" s="115">
        <v>0</v>
      </c>
      <c r="AA41" s="112">
        <v>0</v>
      </c>
      <c r="AB41" s="116">
        <v>135605</v>
      </c>
      <c r="AC41" s="116">
        <v>8913</v>
      </c>
      <c r="AD41" s="116">
        <v>0</v>
      </c>
      <c r="AE41" s="116">
        <v>218684</v>
      </c>
      <c r="AF41" s="116">
        <v>0</v>
      </c>
      <c r="AG41" s="115">
        <v>363202</v>
      </c>
      <c r="AH41" s="118">
        <v>363202</v>
      </c>
      <c r="AI41" s="112">
        <v>0</v>
      </c>
      <c r="AJ41" s="116">
        <v>0</v>
      </c>
      <c r="AK41" s="115">
        <v>0</v>
      </c>
      <c r="AL41" s="112">
        <v>0</v>
      </c>
      <c r="AM41" s="116">
        <v>0</v>
      </c>
      <c r="AN41" s="116">
        <v>0</v>
      </c>
      <c r="AO41" s="116">
        <v>0</v>
      </c>
      <c r="AP41" s="116">
        <v>0</v>
      </c>
      <c r="AQ41" s="116">
        <v>0</v>
      </c>
      <c r="AR41" s="115">
        <v>0</v>
      </c>
      <c r="AS41" s="118">
        <v>0</v>
      </c>
      <c r="AT41" s="112">
        <v>0</v>
      </c>
      <c r="AU41" s="116">
        <v>31786</v>
      </c>
      <c r="AV41" s="115">
        <v>31786</v>
      </c>
      <c r="AW41" s="112">
        <v>0</v>
      </c>
      <c r="AX41" s="116">
        <v>103059</v>
      </c>
      <c r="AY41" s="116">
        <v>38166</v>
      </c>
      <c r="AZ41" s="116">
        <v>0</v>
      </c>
      <c r="BA41" s="116">
        <v>0</v>
      </c>
      <c r="BB41" s="116">
        <v>45633</v>
      </c>
      <c r="BC41" s="115">
        <v>186858</v>
      </c>
      <c r="BD41" s="118">
        <v>218644</v>
      </c>
      <c r="BE41" s="112">
        <v>0</v>
      </c>
      <c r="BF41" s="116">
        <v>0</v>
      </c>
      <c r="BG41" s="114">
        <v>0</v>
      </c>
      <c r="BH41" s="113">
        <v>0</v>
      </c>
      <c r="BI41" s="116">
        <v>17932</v>
      </c>
      <c r="BJ41" s="116">
        <v>0</v>
      </c>
      <c r="BK41" s="116">
        <v>0</v>
      </c>
      <c r="BL41" s="116">
        <v>0</v>
      </c>
      <c r="BM41" s="116">
        <v>56613</v>
      </c>
      <c r="BN41" s="115">
        <v>74545</v>
      </c>
      <c r="BO41" s="118">
        <v>74545</v>
      </c>
      <c r="BP41" s="112">
        <v>0</v>
      </c>
      <c r="BQ41" s="116">
        <v>3612</v>
      </c>
      <c r="BR41" s="115">
        <v>3612</v>
      </c>
      <c r="BS41" s="112">
        <v>0</v>
      </c>
      <c r="BT41" s="116">
        <v>4774</v>
      </c>
      <c r="BU41" s="116">
        <v>14987</v>
      </c>
      <c r="BV41" s="116">
        <v>37527</v>
      </c>
      <c r="BW41" s="116">
        <v>49693</v>
      </c>
      <c r="BX41" s="116">
        <v>0</v>
      </c>
      <c r="BY41" s="115">
        <v>106981</v>
      </c>
      <c r="BZ41" s="118">
        <v>110593</v>
      </c>
      <c r="CA41" s="112">
        <v>0</v>
      </c>
      <c r="CB41" s="116">
        <v>32648</v>
      </c>
      <c r="CC41" s="115">
        <v>32648</v>
      </c>
      <c r="CD41" s="112">
        <v>0</v>
      </c>
      <c r="CE41" s="116">
        <v>142967</v>
      </c>
      <c r="CF41" s="116">
        <v>125378</v>
      </c>
      <c r="CG41" s="116">
        <v>43943</v>
      </c>
      <c r="CH41" s="116">
        <v>0</v>
      </c>
      <c r="CI41" s="116">
        <v>28616</v>
      </c>
      <c r="CJ41" s="115">
        <v>340904</v>
      </c>
      <c r="CK41" s="118">
        <v>373552</v>
      </c>
      <c r="CL41" s="112">
        <v>0</v>
      </c>
      <c r="CM41" s="116">
        <v>0</v>
      </c>
      <c r="CN41" s="115">
        <v>0</v>
      </c>
      <c r="CO41" s="113">
        <v>0</v>
      </c>
      <c r="CP41" s="116">
        <v>130864</v>
      </c>
      <c r="CQ41" s="116">
        <v>125378</v>
      </c>
      <c r="CR41" s="116">
        <v>43943</v>
      </c>
      <c r="CS41" s="116">
        <v>0</v>
      </c>
      <c r="CT41" s="116">
        <v>28616</v>
      </c>
      <c r="CU41" s="115">
        <v>328801</v>
      </c>
      <c r="CV41" s="118">
        <v>328801</v>
      </c>
      <c r="CW41" s="112">
        <v>0</v>
      </c>
      <c r="CX41" s="116">
        <v>32648</v>
      </c>
      <c r="CY41" s="115">
        <v>32648</v>
      </c>
      <c r="CZ41" s="112">
        <v>0</v>
      </c>
      <c r="DA41" s="116">
        <v>12103</v>
      </c>
      <c r="DB41" s="116">
        <v>0</v>
      </c>
      <c r="DC41" s="116">
        <v>0</v>
      </c>
      <c r="DD41" s="116">
        <v>0</v>
      </c>
      <c r="DE41" s="116">
        <v>0</v>
      </c>
      <c r="DF41" s="115">
        <v>12103</v>
      </c>
      <c r="DG41" s="118">
        <v>44751</v>
      </c>
      <c r="DH41" s="112">
        <v>0</v>
      </c>
      <c r="DI41" s="116">
        <v>0</v>
      </c>
      <c r="DJ41" s="114">
        <v>0</v>
      </c>
      <c r="DK41" s="113">
        <v>0</v>
      </c>
      <c r="DL41" s="116">
        <v>0</v>
      </c>
      <c r="DM41" s="116">
        <v>118078</v>
      </c>
      <c r="DN41" s="116">
        <v>48913</v>
      </c>
      <c r="DO41" s="116">
        <v>171878</v>
      </c>
      <c r="DP41" s="116">
        <v>39100</v>
      </c>
      <c r="DQ41" s="115">
        <v>377969</v>
      </c>
      <c r="DR41" s="118">
        <v>377969</v>
      </c>
      <c r="DS41" s="112">
        <v>0</v>
      </c>
      <c r="DT41" s="116">
        <v>0</v>
      </c>
      <c r="DU41" s="115">
        <v>0</v>
      </c>
      <c r="DV41" s="112">
        <v>0</v>
      </c>
      <c r="DW41" s="116">
        <v>0</v>
      </c>
      <c r="DX41" s="116">
        <v>118078</v>
      </c>
      <c r="DY41" s="116">
        <v>48913</v>
      </c>
      <c r="DZ41" s="116">
        <v>171878</v>
      </c>
      <c r="EA41" s="116">
        <v>39100</v>
      </c>
      <c r="EB41" s="115">
        <v>377969</v>
      </c>
      <c r="EC41" s="118">
        <v>377969</v>
      </c>
      <c r="ED41" s="112">
        <v>0</v>
      </c>
      <c r="EE41" s="114">
        <v>0</v>
      </c>
      <c r="EF41" s="115">
        <v>0</v>
      </c>
      <c r="EG41" s="112">
        <v>0</v>
      </c>
      <c r="EH41" s="116">
        <v>0</v>
      </c>
      <c r="EI41" s="116">
        <v>0</v>
      </c>
      <c r="EJ41" s="116">
        <v>0</v>
      </c>
      <c r="EK41" s="116">
        <v>0</v>
      </c>
      <c r="EL41" s="116">
        <v>0</v>
      </c>
      <c r="EM41" s="114">
        <v>0</v>
      </c>
      <c r="EN41" s="118">
        <v>0</v>
      </c>
      <c r="EO41" s="112">
        <v>0</v>
      </c>
      <c r="EP41" s="116">
        <v>0</v>
      </c>
      <c r="EQ41" s="114">
        <v>0</v>
      </c>
      <c r="ER41" s="113">
        <v>0</v>
      </c>
      <c r="ES41" s="116">
        <v>0</v>
      </c>
      <c r="ET41" s="116">
        <v>0</v>
      </c>
      <c r="EU41" s="116">
        <v>0</v>
      </c>
      <c r="EV41" s="116">
        <v>0</v>
      </c>
      <c r="EW41" s="116">
        <v>0</v>
      </c>
      <c r="EX41" s="115">
        <v>0</v>
      </c>
      <c r="EY41" s="118">
        <v>0</v>
      </c>
      <c r="EZ41" s="112">
        <v>0</v>
      </c>
      <c r="FA41" s="116">
        <v>0</v>
      </c>
      <c r="FB41" s="114">
        <v>0</v>
      </c>
      <c r="FC41" s="390"/>
      <c r="FD41" s="116">
        <v>0</v>
      </c>
      <c r="FE41" s="116">
        <v>0</v>
      </c>
      <c r="FF41" s="116">
        <v>0</v>
      </c>
      <c r="FG41" s="116">
        <v>0</v>
      </c>
      <c r="FH41" s="116">
        <v>0</v>
      </c>
      <c r="FI41" s="115">
        <v>0</v>
      </c>
      <c r="FJ41" s="118">
        <v>0</v>
      </c>
      <c r="FK41" s="112">
        <v>0</v>
      </c>
      <c r="FL41" s="116">
        <v>13790</v>
      </c>
      <c r="FM41" s="115">
        <v>13790</v>
      </c>
      <c r="FN41" s="112">
        <v>0</v>
      </c>
      <c r="FO41" s="116">
        <v>23100</v>
      </c>
      <c r="FP41" s="116">
        <v>43925</v>
      </c>
      <c r="FQ41" s="116">
        <v>33180</v>
      </c>
      <c r="FR41" s="116">
        <v>42000</v>
      </c>
      <c r="FS41" s="116">
        <v>168525</v>
      </c>
      <c r="FT41" s="115">
        <v>310730</v>
      </c>
      <c r="FU41" s="118">
        <v>324520</v>
      </c>
      <c r="FV41" s="117">
        <v>0</v>
      </c>
      <c r="FW41" s="116">
        <v>13790</v>
      </c>
      <c r="FX41" s="114">
        <v>13790</v>
      </c>
      <c r="FY41" s="113">
        <v>0</v>
      </c>
      <c r="FZ41" s="116">
        <v>23100</v>
      </c>
      <c r="GA41" s="116">
        <v>43925</v>
      </c>
      <c r="GB41" s="116">
        <v>33180</v>
      </c>
      <c r="GC41" s="116">
        <v>42000</v>
      </c>
      <c r="GD41" s="116">
        <v>28525</v>
      </c>
      <c r="GE41" s="115">
        <v>170730</v>
      </c>
      <c r="GF41" s="354">
        <v>184520</v>
      </c>
      <c r="GG41" s="117">
        <v>0</v>
      </c>
      <c r="GH41" s="116">
        <v>0</v>
      </c>
      <c r="GI41" s="114">
        <v>0</v>
      </c>
      <c r="GJ41" s="113">
        <v>0</v>
      </c>
      <c r="GK41" s="116">
        <v>0</v>
      </c>
      <c r="GL41" s="116">
        <v>0</v>
      </c>
      <c r="GM41" s="116">
        <v>0</v>
      </c>
      <c r="GN41" s="116">
        <v>0</v>
      </c>
      <c r="GO41" s="116">
        <v>0</v>
      </c>
      <c r="GP41" s="115">
        <v>0</v>
      </c>
      <c r="GQ41" s="118">
        <v>0</v>
      </c>
      <c r="GR41" s="112">
        <v>0</v>
      </c>
      <c r="GS41" s="116">
        <v>0</v>
      </c>
      <c r="GT41" s="115">
        <v>0</v>
      </c>
      <c r="GU41" s="112">
        <v>0</v>
      </c>
      <c r="GV41" s="116">
        <v>0</v>
      </c>
      <c r="GW41" s="116">
        <v>0</v>
      </c>
      <c r="GX41" s="116">
        <v>0</v>
      </c>
      <c r="GY41" s="116">
        <v>0</v>
      </c>
      <c r="GZ41" s="116">
        <v>140000</v>
      </c>
      <c r="HA41" s="114">
        <v>140000</v>
      </c>
      <c r="HB41" s="118">
        <v>140000</v>
      </c>
      <c r="HC41" s="112">
        <v>0</v>
      </c>
      <c r="HD41" s="116">
        <v>0</v>
      </c>
      <c r="HE41" s="114">
        <v>0</v>
      </c>
      <c r="HF41" s="113">
        <v>0</v>
      </c>
      <c r="HG41" s="116">
        <v>0</v>
      </c>
      <c r="HH41" s="116">
        <v>273022</v>
      </c>
      <c r="HI41" s="116">
        <v>151932</v>
      </c>
      <c r="HJ41" s="116">
        <v>428497</v>
      </c>
      <c r="HK41" s="116">
        <v>0</v>
      </c>
      <c r="HL41" s="115">
        <v>853451</v>
      </c>
      <c r="HM41" s="111">
        <v>853451</v>
      </c>
      <c r="HN41" s="370"/>
      <c r="HO41" s="371"/>
      <c r="HP41" s="372"/>
      <c r="HQ41" s="373"/>
      <c r="HR41" s="371"/>
      <c r="HS41" s="371"/>
      <c r="HT41" s="371"/>
      <c r="HU41" s="371"/>
      <c r="HV41" s="371"/>
      <c r="HW41" s="374"/>
      <c r="HX41" s="375"/>
      <c r="HY41" s="148">
        <v>0</v>
      </c>
      <c r="HZ41" s="149">
        <v>0</v>
      </c>
      <c r="IA41" s="150">
        <v>0</v>
      </c>
      <c r="IB41" s="163">
        <v>0</v>
      </c>
      <c r="IC41" s="149">
        <v>0</v>
      </c>
      <c r="ID41" s="164">
        <v>182354</v>
      </c>
      <c r="IE41" s="150">
        <v>197424</v>
      </c>
      <c r="IF41" s="149">
        <v>368960</v>
      </c>
      <c r="IG41" s="150">
        <v>69412</v>
      </c>
      <c r="IH41" s="165">
        <v>818150</v>
      </c>
      <c r="II41" s="156">
        <v>818150</v>
      </c>
      <c r="IJ41" s="261">
        <v>0</v>
      </c>
      <c r="IK41" s="268">
        <v>0</v>
      </c>
      <c r="IL41" s="269">
        <v>0</v>
      </c>
      <c r="IM41" s="157"/>
      <c r="IN41" s="122">
        <v>0</v>
      </c>
      <c r="IO41" s="122">
        <v>0</v>
      </c>
      <c r="IP41" s="122">
        <v>0</v>
      </c>
      <c r="IQ41" s="122">
        <v>0</v>
      </c>
      <c r="IR41" s="122">
        <v>0</v>
      </c>
      <c r="IS41" s="158">
        <v>0</v>
      </c>
      <c r="IT41" s="357">
        <v>0</v>
      </c>
      <c r="IU41" s="159">
        <v>0</v>
      </c>
      <c r="IV41" s="122">
        <v>0</v>
      </c>
      <c r="IW41" s="123">
        <v>0</v>
      </c>
      <c r="IX41" s="161"/>
      <c r="IY41" s="122">
        <v>0</v>
      </c>
      <c r="IZ41" s="122">
        <v>0</v>
      </c>
      <c r="JA41" s="122">
        <v>0</v>
      </c>
      <c r="JB41" s="122">
        <v>0</v>
      </c>
      <c r="JC41" s="122">
        <v>0</v>
      </c>
      <c r="JD41" s="123">
        <v>0</v>
      </c>
      <c r="JE41" s="124">
        <v>0</v>
      </c>
      <c r="JF41" s="159">
        <v>0</v>
      </c>
      <c r="JG41" s="122">
        <v>0</v>
      </c>
      <c r="JH41" s="158">
        <v>0</v>
      </c>
      <c r="JI41" s="121">
        <v>0</v>
      </c>
      <c r="JJ41" s="122">
        <v>0</v>
      </c>
      <c r="JK41" s="122">
        <v>182354</v>
      </c>
      <c r="JL41" s="122">
        <v>0</v>
      </c>
      <c r="JM41" s="122">
        <v>167813</v>
      </c>
      <c r="JN41" s="122">
        <v>69412</v>
      </c>
      <c r="JO41" s="123">
        <v>419579</v>
      </c>
      <c r="JP41" s="357">
        <v>419579</v>
      </c>
      <c r="JQ41" s="159">
        <v>0</v>
      </c>
      <c r="JR41" s="122">
        <v>0</v>
      </c>
      <c r="JS41" s="158">
        <v>0</v>
      </c>
      <c r="JT41" s="121">
        <v>0</v>
      </c>
      <c r="JU41" s="122">
        <v>0</v>
      </c>
      <c r="JV41" s="122">
        <v>0</v>
      </c>
      <c r="JW41" s="122">
        <v>0</v>
      </c>
      <c r="JX41" s="122">
        <v>0</v>
      </c>
      <c r="JY41" s="122">
        <v>0</v>
      </c>
      <c r="JZ41" s="123">
        <v>0</v>
      </c>
      <c r="KA41" s="357">
        <v>0</v>
      </c>
      <c r="KB41" s="264">
        <v>0</v>
      </c>
      <c r="KC41" s="258">
        <v>0</v>
      </c>
      <c r="KD41" s="123">
        <v>0</v>
      </c>
      <c r="KE41" s="121">
        <v>0</v>
      </c>
      <c r="KF41" s="122">
        <v>0</v>
      </c>
      <c r="KG41" s="122">
        <v>0</v>
      </c>
      <c r="KH41" s="122">
        <v>0</v>
      </c>
      <c r="KI41" s="122">
        <v>0</v>
      </c>
      <c r="KJ41" s="122">
        <v>0</v>
      </c>
      <c r="KK41" s="123">
        <v>0</v>
      </c>
      <c r="KL41" s="160">
        <v>0</v>
      </c>
      <c r="KM41" s="261">
        <v>0</v>
      </c>
      <c r="KN41" s="268">
        <v>0</v>
      </c>
      <c r="KO41" s="269">
        <v>0</v>
      </c>
      <c r="KP41" s="157"/>
      <c r="KQ41" s="122">
        <v>0</v>
      </c>
      <c r="KR41" s="122">
        <v>0</v>
      </c>
      <c r="KS41" s="122">
        <v>197424</v>
      </c>
      <c r="KT41" s="122">
        <v>201147</v>
      </c>
      <c r="KU41" s="122">
        <v>0</v>
      </c>
      <c r="KV41" s="123">
        <v>398571</v>
      </c>
      <c r="KW41" s="357">
        <v>398571</v>
      </c>
      <c r="KX41" s="159">
        <v>0</v>
      </c>
      <c r="KY41" s="122">
        <v>0</v>
      </c>
      <c r="KZ41" s="123">
        <v>0</v>
      </c>
      <c r="LA41" s="162"/>
      <c r="LB41" s="122">
        <v>0</v>
      </c>
      <c r="LC41" s="122">
        <v>0</v>
      </c>
      <c r="LD41" s="122">
        <v>0</v>
      </c>
      <c r="LE41" s="122">
        <v>0</v>
      </c>
      <c r="LF41" s="122">
        <v>0</v>
      </c>
      <c r="LG41" s="123">
        <v>0</v>
      </c>
      <c r="LH41" s="124">
        <v>0</v>
      </c>
      <c r="LI41" s="159">
        <v>0</v>
      </c>
      <c r="LJ41" s="122">
        <v>0</v>
      </c>
      <c r="LK41" s="123">
        <v>0</v>
      </c>
      <c r="LL41" s="162"/>
      <c r="LM41" s="122">
        <v>0</v>
      </c>
      <c r="LN41" s="122">
        <v>0</v>
      </c>
      <c r="LO41" s="122">
        <v>0</v>
      </c>
      <c r="LP41" s="122">
        <v>0</v>
      </c>
      <c r="LQ41" s="122">
        <v>0</v>
      </c>
      <c r="LR41" s="123">
        <v>0</v>
      </c>
      <c r="LS41" s="357">
        <v>0</v>
      </c>
      <c r="LT41" s="159">
        <v>0</v>
      </c>
      <c r="LU41" s="122">
        <v>0</v>
      </c>
      <c r="LV41" s="123">
        <v>0</v>
      </c>
      <c r="LW41" s="162"/>
      <c r="LX41" s="122">
        <v>0</v>
      </c>
      <c r="LY41" s="122">
        <v>0</v>
      </c>
      <c r="LZ41" s="122">
        <v>0</v>
      </c>
      <c r="MA41" s="122">
        <v>0</v>
      </c>
      <c r="MB41" s="122">
        <v>0</v>
      </c>
      <c r="MC41" s="123">
        <v>0</v>
      </c>
      <c r="MD41" s="124">
        <v>0</v>
      </c>
      <c r="ME41" s="159">
        <v>0</v>
      </c>
      <c r="MF41" s="122">
        <v>0</v>
      </c>
      <c r="MG41" s="123">
        <v>0</v>
      </c>
      <c r="MH41" s="162"/>
      <c r="MI41" s="122">
        <v>171685</v>
      </c>
      <c r="MJ41" s="122">
        <v>0</v>
      </c>
      <c r="MK41" s="122">
        <v>100554</v>
      </c>
      <c r="ML41" s="122">
        <v>410627</v>
      </c>
      <c r="MM41" s="122">
        <v>224850</v>
      </c>
      <c r="MN41" s="123">
        <v>907716</v>
      </c>
      <c r="MO41" s="160">
        <v>907716</v>
      </c>
      <c r="MP41" s="159">
        <v>0</v>
      </c>
      <c r="MQ41" s="122">
        <v>0</v>
      </c>
      <c r="MR41" s="123">
        <v>0</v>
      </c>
      <c r="MS41" s="162"/>
      <c r="MT41" s="122">
        <v>0</v>
      </c>
      <c r="MU41" s="122">
        <v>0</v>
      </c>
      <c r="MV41" s="122">
        <v>0</v>
      </c>
      <c r="MW41" s="122">
        <v>190848</v>
      </c>
      <c r="MX41" s="122">
        <v>224850</v>
      </c>
      <c r="MY41" s="123">
        <v>415698</v>
      </c>
      <c r="MZ41" s="160">
        <v>415698</v>
      </c>
      <c r="NA41" s="159">
        <v>0</v>
      </c>
      <c r="NB41" s="122">
        <v>0</v>
      </c>
      <c r="NC41" s="123">
        <v>0</v>
      </c>
      <c r="ND41" s="162"/>
      <c r="NE41" s="122">
        <v>171685</v>
      </c>
      <c r="NF41" s="122">
        <v>0</v>
      </c>
      <c r="NG41" s="122">
        <v>100554</v>
      </c>
      <c r="NH41" s="122">
        <v>219779</v>
      </c>
      <c r="NI41" s="122">
        <v>0</v>
      </c>
      <c r="NJ41" s="123">
        <v>492018</v>
      </c>
      <c r="NK41" s="357">
        <v>492018</v>
      </c>
      <c r="NL41" s="159">
        <v>0</v>
      </c>
      <c r="NM41" s="122">
        <v>0</v>
      </c>
      <c r="NN41" s="123">
        <v>0</v>
      </c>
      <c r="NO41" s="162"/>
      <c r="NP41" s="122">
        <v>0</v>
      </c>
      <c r="NQ41" s="122">
        <v>0</v>
      </c>
      <c r="NR41" s="122">
        <v>0</v>
      </c>
      <c r="NS41" s="122">
        <v>0</v>
      </c>
      <c r="NT41" s="122">
        <v>0</v>
      </c>
      <c r="NU41" s="123">
        <v>0</v>
      </c>
      <c r="NV41" s="124">
        <v>0</v>
      </c>
      <c r="NW41" s="159">
        <v>0</v>
      </c>
      <c r="NX41" s="122">
        <v>0</v>
      </c>
      <c r="NY41" s="123">
        <v>0</v>
      </c>
      <c r="NZ41" s="162"/>
      <c r="OA41" s="122">
        <v>0</v>
      </c>
      <c r="OB41" s="122">
        <v>0</v>
      </c>
      <c r="OC41" s="122">
        <v>0</v>
      </c>
      <c r="OD41" s="122">
        <v>0</v>
      </c>
      <c r="OE41" s="122">
        <v>0</v>
      </c>
      <c r="OF41" s="123">
        <v>0</v>
      </c>
      <c r="OG41" s="124">
        <v>0</v>
      </c>
      <c r="OH41" s="159">
        <v>0</v>
      </c>
      <c r="OI41" s="122">
        <v>81836</v>
      </c>
      <c r="OJ41" s="158">
        <v>81836</v>
      </c>
      <c r="OK41" s="121">
        <v>0</v>
      </c>
      <c r="OL41" s="122">
        <v>599122</v>
      </c>
      <c r="OM41" s="122">
        <v>804823</v>
      </c>
      <c r="ON41" s="122">
        <v>613473</v>
      </c>
      <c r="OO41" s="122">
        <v>1690339</v>
      </c>
      <c r="OP41" s="122">
        <v>632749</v>
      </c>
      <c r="OQ41" s="123">
        <v>4340506</v>
      </c>
      <c r="OR41" s="160">
        <v>4422342</v>
      </c>
    </row>
    <row r="42" spans="1:408" ht="20.25" customHeight="1" thickBot="1" x14ac:dyDescent="0.25">
      <c r="A42" s="130" t="s">
        <v>37</v>
      </c>
      <c r="B42" s="119">
        <v>0</v>
      </c>
      <c r="C42" s="205">
        <v>0</v>
      </c>
      <c r="D42" s="206">
        <v>0</v>
      </c>
      <c r="E42" s="207">
        <v>0</v>
      </c>
      <c r="F42" s="205">
        <v>0</v>
      </c>
      <c r="G42" s="205">
        <v>0</v>
      </c>
      <c r="H42" s="205">
        <v>0</v>
      </c>
      <c r="I42" s="205">
        <v>324792</v>
      </c>
      <c r="J42" s="205">
        <v>205141</v>
      </c>
      <c r="K42" s="207">
        <v>529933</v>
      </c>
      <c r="L42" s="208">
        <v>529933</v>
      </c>
      <c r="M42" s="119">
        <v>0</v>
      </c>
      <c r="N42" s="205">
        <v>0</v>
      </c>
      <c r="O42" s="206">
        <v>0</v>
      </c>
      <c r="P42" s="119">
        <v>0</v>
      </c>
      <c r="Q42" s="205">
        <v>0</v>
      </c>
      <c r="R42" s="205">
        <v>0</v>
      </c>
      <c r="S42" s="205">
        <v>0</v>
      </c>
      <c r="T42" s="205">
        <v>8400</v>
      </c>
      <c r="U42" s="205">
        <v>177281</v>
      </c>
      <c r="V42" s="206">
        <v>185681</v>
      </c>
      <c r="W42" s="208">
        <v>185681</v>
      </c>
      <c r="X42" s="119">
        <v>0</v>
      </c>
      <c r="Y42" s="205">
        <v>0</v>
      </c>
      <c r="Z42" s="206">
        <v>0</v>
      </c>
      <c r="AA42" s="119">
        <v>0</v>
      </c>
      <c r="AB42" s="205">
        <v>0</v>
      </c>
      <c r="AC42" s="205">
        <v>0</v>
      </c>
      <c r="AD42" s="205">
        <v>0</v>
      </c>
      <c r="AE42" s="205">
        <v>0</v>
      </c>
      <c r="AF42" s="205">
        <v>86760</v>
      </c>
      <c r="AG42" s="206">
        <v>86760</v>
      </c>
      <c r="AH42" s="208">
        <v>86760</v>
      </c>
      <c r="AI42" s="119">
        <v>0</v>
      </c>
      <c r="AJ42" s="205">
        <v>0</v>
      </c>
      <c r="AK42" s="206">
        <v>0</v>
      </c>
      <c r="AL42" s="119">
        <v>0</v>
      </c>
      <c r="AM42" s="205">
        <v>0</v>
      </c>
      <c r="AN42" s="205">
        <v>0</v>
      </c>
      <c r="AO42" s="205">
        <v>0</v>
      </c>
      <c r="AP42" s="205">
        <v>0</v>
      </c>
      <c r="AQ42" s="205">
        <v>0</v>
      </c>
      <c r="AR42" s="206">
        <v>0</v>
      </c>
      <c r="AS42" s="208">
        <v>0</v>
      </c>
      <c r="AT42" s="119">
        <v>0</v>
      </c>
      <c r="AU42" s="205">
        <v>0</v>
      </c>
      <c r="AV42" s="206">
        <v>0</v>
      </c>
      <c r="AW42" s="119">
        <v>0</v>
      </c>
      <c r="AX42" s="205">
        <v>0</v>
      </c>
      <c r="AY42" s="205">
        <v>0</v>
      </c>
      <c r="AZ42" s="205">
        <v>0</v>
      </c>
      <c r="BA42" s="205">
        <v>0</v>
      </c>
      <c r="BB42" s="205">
        <v>79111</v>
      </c>
      <c r="BC42" s="206">
        <v>79111</v>
      </c>
      <c r="BD42" s="208">
        <v>79111</v>
      </c>
      <c r="BE42" s="119">
        <v>0</v>
      </c>
      <c r="BF42" s="205">
        <v>0</v>
      </c>
      <c r="BG42" s="210">
        <v>0</v>
      </c>
      <c r="BH42" s="209">
        <v>0</v>
      </c>
      <c r="BI42" s="205">
        <v>0</v>
      </c>
      <c r="BJ42" s="205">
        <v>0</v>
      </c>
      <c r="BK42" s="205">
        <v>0</v>
      </c>
      <c r="BL42" s="205">
        <v>0</v>
      </c>
      <c r="BM42" s="205">
        <v>0</v>
      </c>
      <c r="BN42" s="206">
        <v>0</v>
      </c>
      <c r="BO42" s="208">
        <v>0</v>
      </c>
      <c r="BP42" s="119">
        <v>0</v>
      </c>
      <c r="BQ42" s="205">
        <v>0</v>
      </c>
      <c r="BR42" s="206">
        <v>0</v>
      </c>
      <c r="BS42" s="119">
        <v>0</v>
      </c>
      <c r="BT42" s="205">
        <v>0</v>
      </c>
      <c r="BU42" s="205">
        <v>0</v>
      </c>
      <c r="BV42" s="205">
        <v>0</v>
      </c>
      <c r="BW42" s="205">
        <v>8400</v>
      </c>
      <c r="BX42" s="205">
        <v>11410</v>
      </c>
      <c r="BY42" s="206">
        <v>19810</v>
      </c>
      <c r="BZ42" s="208">
        <v>19810</v>
      </c>
      <c r="CA42" s="119">
        <v>0</v>
      </c>
      <c r="CB42" s="205">
        <v>0</v>
      </c>
      <c r="CC42" s="206">
        <v>0</v>
      </c>
      <c r="CD42" s="119">
        <v>0</v>
      </c>
      <c r="CE42" s="205">
        <v>0</v>
      </c>
      <c r="CF42" s="205">
        <v>0</v>
      </c>
      <c r="CG42" s="205">
        <v>0</v>
      </c>
      <c r="CH42" s="205">
        <v>26353</v>
      </c>
      <c r="CI42" s="205">
        <v>0</v>
      </c>
      <c r="CJ42" s="206">
        <v>26353</v>
      </c>
      <c r="CK42" s="208">
        <v>26353</v>
      </c>
      <c r="CL42" s="119">
        <v>0</v>
      </c>
      <c r="CM42" s="205">
        <v>0</v>
      </c>
      <c r="CN42" s="206">
        <v>0</v>
      </c>
      <c r="CO42" s="209">
        <v>0</v>
      </c>
      <c r="CP42" s="205">
        <v>0</v>
      </c>
      <c r="CQ42" s="205">
        <v>0</v>
      </c>
      <c r="CR42" s="205">
        <v>0</v>
      </c>
      <c r="CS42" s="205">
        <v>26353</v>
      </c>
      <c r="CT42" s="205">
        <v>0</v>
      </c>
      <c r="CU42" s="206">
        <v>26353</v>
      </c>
      <c r="CV42" s="208">
        <v>26353</v>
      </c>
      <c r="CW42" s="119">
        <v>0</v>
      </c>
      <c r="CX42" s="205">
        <v>0</v>
      </c>
      <c r="CY42" s="206">
        <v>0</v>
      </c>
      <c r="CZ42" s="119">
        <v>0</v>
      </c>
      <c r="DA42" s="205">
        <v>0</v>
      </c>
      <c r="DB42" s="205">
        <v>0</v>
      </c>
      <c r="DC42" s="205">
        <v>0</v>
      </c>
      <c r="DD42" s="205">
        <v>0</v>
      </c>
      <c r="DE42" s="205">
        <v>0</v>
      </c>
      <c r="DF42" s="206">
        <v>0</v>
      </c>
      <c r="DG42" s="208">
        <v>0</v>
      </c>
      <c r="DH42" s="119">
        <v>0</v>
      </c>
      <c r="DI42" s="205">
        <v>0</v>
      </c>
      <c r="DJ42" s="210">
        <v>0</v>
      </c>
      <c r="DK42" s="209">
        <v>0</v>
      </c>
      <c r="DL42" s="205">
        <v>0</v>
      </c>
      <c r="DM42" s="205">
        <v>0</v>
      </c>
      <c r="DN42" s="205">
        <v>0</v>
      </c>
      <c r="DO42" s="205">
        <v>113023</v>
      </c>
      <c r="DP42" s="205">
        <v>0</v>
      </c>
      <c r="DQ42" s="206">
        <v>113023</v>
      </c>
      <c r="DR42" s="208">
        <v>113023</v>
      </c>
      <c r="DS42" s="119">
        <v>0</v>
      </c>
      <c r="DT42" s="205">
        <v>0</v>
      </c>
      <c r="DU42" s="206">
        <v>0</v>
      </c>
      <c r="DV42" s="119">
        <v>0</v>
      </c>
      <c r="DW42" s="205">
        <v>0</v>
      </c>
      <c r="DX42" s="205">
        <v>0</v>
      </c>
      <c r="DY42" s="205">
        <v>0</v>
      </c>
      <c r="DZ42" s="205">
        <v>0</v>
      </c>
      <c r="EA42" s="205">
        <v>0</v>
      </c>
      <c r="EB42" s="206">
        <v>0</v>
      </c>
      <c r="EC42" s="208">
        <v>0</v>
      </c>
      <c r="ED42" s="119">
        <v>0</v>
      </c>
      <c r="EE42" s="210">
        <v>0</v>
      </c>
      <c r="EF42" s="206">
        <v>0</v>
      </c>
      <c r="EG42" s="119">
        <v>0</v>
      </c>
      <c r="EH42" s="205">
        <v>0</v>
      </c>
      <c r="EI42" s="205">
        <v>0</v>
      </c>
      <c r="EJ42" s="205">
        <v>0</v>
      </c>
      <c r="EK42" s="205">
        <v>113023</v>
      </c>
      <c r="EL42" s="205">
        <v>0</v>
      </c>
      <c r="EM42" s="210">
        <v>113023</v>
      </c>
      <c r="EN42" s="208">
        <v>113023</v>
      </c>
      <c r="EO42" s="119">
        <v>0</v>
      </c>
      <c r="EP42" s="205">
        <v>0</v>
      </c>
      <c r="EQ42" s="210">
        <v>0</v>
      </c>
      <c r="ER42" s="209">
        <v>0</v>
      </c>
      <c r="ES42" s="205">
        <v>0</v>
      </c>
      <c r="ET42" s="205">
        <v>0</v>
      </c>
      <c r="EU42" s="205">
        <v>0</v>
      </c>
      <c r="EV42" s="205">
        <v>0</v>
      </c>
      <c r="EW42" s="205">
        <v>0</v>
      </c>
      <c r="EX42" s="206">
        <v>0</v>
      </c>
      <c r="EY42" s="208">
        <v>0</v>
      </c>
      <c r="EZ42" s="119">
        <v>0</v>
      </c>
      <c r="FA42" s="205">
        <v>0</v>
      </c>
      <c r="FB42" s="210">
        <v>0</v>
      </c>
      <c r="FC42" s="391"/>
      <c r="FD42" s="205">
        <v>0</v>
      </c>
      <c r="FE42" s="205">
        <v>0</v>
      </c>
      <c r="FF42" s="205">
        <v>0</v>
      </c>
      <c r="FG42" s="205">
        <v>0</v>
      </c>
      <c r="FH42" s="205">
        <v>0</v>
      </c>
      <c r="FI42" s="206">
        <v>0</v>
      </c>
      <c r="FJ42" s="208">
        <v>0</v>
      </c>
      <c r="FK42" s="119">
        <v>0</v>
      </c>
      <c r="FL42" s="205">
        <v>0</v>
      </c>
      <c r="FM42" s="206">
        <v>0</v>
      </c>
      <c r="FN42" s="119">
        <v>0</v>
      </c>
      <c r="FO42" s="205">
        <v>0</v>
      </c>
      <c r="FP42" s="205">
        <v>0</v>
      </c>
      <c r="FQ42" s="205">
        <v>0</v>
      </c>
      <c r="FR42" s="205">
        <v>9800</v>
      </c>
      <c r="FS42" s="205">
        <v>27860</v>
      </c>
      <c r="FT42" s="206">
        <v>37660</v>
      </c>
      <c r="FU42" s="208">
        <v>37660</v>
      </c>
      <c r="FV42" s="211">
        <v>0</v>
      </c>
      <c r="FW42" s="205">
        <v>0</v>
      </c>
      <c r="FX42" s="210">
        <v>0</v>
      </c>
      <c r="FY42" s="209">
        <v>0</v>
      </c>
      <c r="FZ42" s="205">
        <v>0</v>
      </c>
      <c r="GA42" s="205">
        <v>0</v>
      </c>
      <c r="GB42" s="205">
        <v>0</v>
      </c>
      <c r="GC42" s="205">
        <v>9800</v>
      </c>
      <c r="GD42" s="205">
        <v>27860</v>
      </c>
      <c r="GE42" s="206">
        <v>37660</v>
      </c>
      <c r="GF42" s="355">
        <v>37660</v>
      </c>
      <c r="GG42" s="211">
        <v>0</v>
      </c>
      <c r="GH42" s="205">
        <v>0</v>
      </c>
      <c r="GI42" s="210">
        <v>0</v>
      </c>
      <c r="GJ42" s="209">
        <v>0</v>
      </c>
      <c r="GK42" s="205">
        <v>0</v>
      </c>
      <c r="GL42" s="205">
        <v>0</v>
      </c>
      <c r="GM42" s="205">
        <v>0</v>
      </c>
      <c r="GN42" s="205">
        <v>0</v>
      </c>
      <c r="GO42" s="205">
        <v>0</v>
      </c>
      <c r="GP42" s="206">
        <v>0</v>
      </c>
      <c r="GQ42" s="208">
        <v>0</v>
      </c>
      <c r="GR42" s="119">
        <v>0</v>
      </c>
      <c r="GS42" s="205">
        <v>0</v>
      </c>
      <c r="GT42" s="206">
        <v>0</v>
      </c>
      <c r="GU42" s="119">
        <v>0</v>
      </c>
      <c r="GV42" s="205">
        <v>0</v>
      </c>
      <c r="GW42" s="205">
        <v>0</v>
      </c>
      <c r="GX42" s="205">
        <v>0</v>
      </c>
      <c r="GY42" s="205">
        <v>0</v>
      </c>
      <c r="GZ42" s="205">
        <v>0</v>
      </c>
      <c r="HA42" s="210">
        <v>0</v>
      </c>
      <c r="HB42" s="208">
        <v>0</v>
      </c>
      <c r="HC42" s="119">
        <v>0</v>
      </c>
      <c r="HD42" s="205">
        <v>0</v>
      </c>
      <c r="HE42" s="210">
        <v>0</v>
      </c>
      <c r="HF42" s="209">
        <v>0</v>
      </c>
      <c r="HG42" s="205">
        <v>0</v>
      </c>
      <c r="HH42" s="205">
        <v>0</v>
      </c>
      <c r="HI42" s="205">
        <v>0</v>
      </c>
      <c r="HJ42" s="205">
        <v>167216</v>
      </c>
      <c r="HK42" s="205">
        <v>0</v>
      </c>
      <c r="HL42" s="206">
        <v>167216</v>
      </c>
      <c r="HM42" s="207">
        <v>167216</v>
      </c>
      <c r="HN42" s="376"/>
      <c r="HO42" s="377"/>
      <c r="HP42" s="378"/>
      <c r="HQ42" s="379"/>
      <c r="HR42" s="377"/>
      <c r="HS42" s="377"/>
      <c r="HT42" s="377"/>
      <c r="HU42" s="377"/>
      <c r="HV42" s="377"/>
      <c r="HW42" s="380"/>
      <c r="HX42" s="381"/>
      <c r="HY42" s="168">
        <v>0</v>
      </c>
      <c r="HZ42" s="169">
        <v>0</v>
      </c>
      <c r="IA42" s="170">
        <v>0</v>
      </c>
      <c r="IB42" s="171">
        <v>0</v>
      </c>
      <c r="IC42" s="172">
        <v>0</v>
      </c>
      <c r="ID42" s="173">
        <v>0</v>
      </c>
      <c r="IE42" s="174">
        <v>0</v>
      </c>
      <c r="IF42" s="172">
        <v>0</v>
      </c>
      <c r="IG42" s="174">
        <v>48094</v>
      </c>
      <c r="IH42" s="175">
        <v>48094</v>
      </c>
      <c r="II42" s="176">
        <v>48094</v>
      </c>
      <c r="IJ42" s="262">
        <v>0</v>
      </c>
      <c r="IK42" s="270">
        <v>0</v>
      </c>
      <c r="IL42" s="271">
        <v>0</v>
      </c>
      <c r="IM42" s="177"/>
      <c r="IN42" s="178">
        <v>0</v>
      </c>
      <c r="IO42" s="178">
        <v>0</v>
      </c>
      <c r="IP42" s="178">
        <v>0</v>
      </c>
      <c r="IQ42" s="178">
        <v>0</v>
      </c>
      <c r="IR42" s="178">
        <v>0</v>
      </c>
      <c r="IS42" s="179">
        <v>0</v>
      </c>
      <c r="IT42" s="358">
        <v>0</v>
      </c>
      <c r="IU42" s="180">
        <v>0</v>
      </c>
      <c r="IV42" s="178">
        <v>0</v>
      </c>
      <c r="IW42" s="182">
        <v>0</v>
      </c>
      <c r="IX42" s="185"/>
      <c r="IY42" s="178">
        <v>0</v>
      </c>
      <c r="IZ42" s="178">
        <v>0</v>
      </c>
      <c r="JA42" s="178">
        <v>0</v>
      </c>
      <c r="JB42" s="178">
        <v>0</v>
      </c>
      <c r="JC42" s="178">
        <v>0</v>
      </c>
      <c r="JD42" s="182">
        <v>0</v>
      </c>
      <c r="JE42" s="183">
        <v>0</v>
      </c>
      <c r="JF42" s="180">
        <v>0</v>
      </c>
      <c r="JG42" s="178">
        <v>0</v>
      </c>
      <c r="JH42" s="179">
        <v>0</v>
      </c>
      <c r="JI42" s="181">
        <v>0</v>
      </c>
      <c r="JJ42" s="178">
        <v>0</v>
      </c>
      <c r="JK42" s="178">
        <v>0</v>
      </c>
      <c r="JL42" s="178">
        <v>0</v>
      </c>
      <c r="JM42" s="178">
        <v>0</v>
      </c>
      <c r="JN42" s="178">
        <v>48094</v>
      </c>
      <c r="JO42" s="182">
        <v>48094</v>
      </c>
      <c r="JP42" s="358">
        <v>48094</v>
      </c>
      <c r="JQ42" s="180">
        <v>0</v>
      </c>
      <c r="JR42" s="178">
        <v>0</v>
      </c>
      <c r="JS42" s="179">
        <v>0</v>
      </c>
      <c r="JT42" s="181">
        <v>0</v>
      </c>
      <c r="JU42" s="178">
        <v>0</v>
      </c>
      <c r="JV42" s="178">
        <v>0</v>
      </c>
      <c r="JW42" s="178">
        <v>0</v>
      </c>
      <c r="JX42" s="178">
        <v>0</v>
      </c>
      <c r="JY42" s="178">
        <v>0</v>
      </c>
      <c r="JZ42" s="182">
        <v>0</v>
      </c>
      <c r="KA42" s="358">
        <v>0</v>
      </c>
      <c r="KB42" s="265">
        <v>0</v>
      </c>
      <c r="KC42" s="259">
        <v>0</v>
      </c>
      <c r="KD42" s="182">
        <v>0</v>
      </c>
      <c r="KE42" s="181">
        <v>0</v>
      </c>
      <c r="KF42" s="178">
        <v>0</v>
      </c>
      <c r="KG42" s="178">
        <v>0</v>
      </c>
      <c r="KH42" s="178">
        <v>0</v>
      </c>
      <c r="KI42" s="178">
        <v>0</v>
      </c>
      <c r="KJ42" s="178">
        <v>0</v>
      </c>
      <c r="KK42" s="182">
        <v>0</v>
      </c>
      <c r="KL42" s="184">
        <v>0</v>
      </c>
      <c r="KM42" s="262">
        <v>0</v>
      </c>
      <c r="KN42" s="270">
        <v>0</v>
      </c>
      <c r="KO42" s="271">
        <v>0</v>
      </c>
      <c r="KP42" s="177"/>
      <c r="KQ42" s="178">
        <v>0</v>
      </c>
      <c r="KR42" s="178">
        <v>0</v>
      </c>
      <c r="KS42" s="178">
        <v>0</v>
      </c>
      <c r="KT42" s="178">
        <v>0</v>
      </c>
      <c r="KU42" s="178">
        <v>0</v>
      </c>
      <c r="KV42" s="182">
        <v>0</v>
      </c>
      <c r="KW42" s="358">
        <v>0</v>
      </c>
      <c r="KX42" s="180">
        <v>0</v>
      </c>
      <c r="KY42" s="178">
        <v>0</v>
      </c>
      <c r="KZ42" s="182">
        <v>0</v>
      </c>
      <c r="LA42" s="186"/>
      <c r="LB42" s="178">
        <v>0</v>
      </c>
      <c r="LC42" s="178">
        <v>0</v>
      </c>
      <c r="LD42" s="178">
        <v>0</v>
      </c>
      <c r="LE42" s="178">
        <v>0</v>
      </c>
      <c r="LF42" s="178">
        <v>0</v>
      </c>
      <c r="LG42" s="182">
        <v>0</v>
      </c>
      <c r="LH42" s="183">
        <v>0</v>
      </c>
      <c r="LI42" s="180">
        <v>0</v>
      </c>
      <c r="LJ42" s="178">
        <v>0</v>
      </c>
      <c r="LK42" s="182">
        <v>0</v>
      </c>
      <c r="LL42" s="186"/>
      <c r="LM42" s="178">
        <v>0</v>
      </c>
      <c r="LN42" s="178">
        <v>0</v>
      </c>
      <c r="LO42" s="178">
        <v>0</v>
      </c>
      <c r="LP42" s="178">
        <v>0</v>
      </c>
      <c r="LQ42" s="178">
        <v>0</v>
      </c>
      <c r="LR42" s="182">
        <v>0</v>
      </c>
      <c r="LS42" s="358">
        <v>0</v>
      </c>
      <c r="LT42" s="180">
        <v>0</v>
      </c>
      <c r="LU42" s="178">
        <v>0</v>
      </c>
      <c r="LV42" s="182">
        <v>0</v>
      </c>
      <c r="LW42" s="186"/>
      <c r="LX42" s="178">
        <v>0</v>
      </c>
      <c r="LY42" s="178">
        <v>0</v>
      </c>
      <c r="LZ42" s="178">
        <v>0</v>
      </c>
      <c r="MA42" s="178">
        <v>0</v>
      </c>
      <c r="MB42" s="178">
        <v>0</v>
      </c>
      <c r="MC42" s="182">
        <v>0</v>
      </c>
      <c r="MD42" s="183">
        <v>0</v>
      </c>
      <c r="ME42" s="180">
        <v>0</v>
      </c>
      <c r="MF42" s="178">
        <v>0</v>
      </c>
      <c r="MG42" s="182">
        <v>0</v>
      </c>
      <c r="MH42" s="186"/>
      <c r="MI42" s="178">
        <v>0</v>
      </c>
      <c r="MJ42" s="178">
        <v>0</v>
      </c>
      <c r="MK42" s="178">
        <v>0</v>
      </c>
      <c r="ML42" s="178">
        <v>0</v>
      </c>
      <c r="MM42" s="178">
        <v>311373</v>
      </c>
      <c r="MN42" s="182">
        <v>311373</v>
      </c>
      <c r="MO42" s="184">
        <v>311373</v>
      </c>
      <c r="MP42" s="180">
        <v>0</v>
      </c>
      <c r="MQ42" s="178">
        <v>0</v>
      </c>
      <c r="MR42" s="182">
        <v>0</v>
      </c>
      <c r="MS42" s="186"/>
      <c r="MT42" s="178">
        <v>0</v>
      </c>
      <c r="MU42" s="178">
        <v>0</v>
      </c>
      <c r="MV42" s="178">
        <v>0</v>
      </c>
      <c r="MW42" s="178">
        <v>0</v>
      </c>
      <c r="MX42" s="178">
        <v>0</v>
      </c>
      <c r="MY42" s="182">
        <v>0</v>
      </c>
      <c r="MZ42" s="184">
        <v>0</v>
      </c>
      <c r="NA42" s="180">
        <v>0</v>
      </c>
      <c r="NB42" s="178">
        <v>0</v>
      </c>
      <c r="NC42" s="182">
        <v>0</v>
      </c>
      <c r="ND42" s="186"/>
      <c r="NE42" s="178">
        <v>0</v>
      </c>
      <c r="NF42" s="178">
        <v>0</v>
      </c>
      <c r="NG42" s="178">
        <v>0</v>
      </c>
      <c r="NH42" s="178">
        <v>0</v>
      </c>
      <c r="NI42" s="178">
        <v>0</v>
      </c>
      <c r="NJ42" s="182">
        <v>0</v>
      </c>
      <c r="NK42" s="358">
        <v>0</v>
      </c>
      <c r="NL42" s="180">
        <v>0</v>
      </c>
      <c r="NM42" s="178">
        <v>0</v>
      </c>
      <c r="NN42" s="182">
        <v>0</v>
      </c>
      <c r="NO42" s="186"/>
      <c r="NP42" s="178">
        <v>0</v>
      </c>
      <c r="NQ42" s="178">
        <v>0</v>
      </c>
      <c r="NR42" s="178">
        <v>0</v>
      </c>
      <c r="NS42" s="178">
        <v>0</v>
      </c>
      <c r="NT42" s="178">
        <v>0</v>
      </c>
      <c r="NU42" s="182">
        <v>0</v>
      </c>
      <c r="NV42" s="183">
        <v>0</v>
      </c>
      <c r="NW42" s="180">
        <v>0</v>
      </c>
      <c r="NX42" s="178">
        <v>0</v>
      </c>
      <c r="NY42" s="182">
        <v>0</v>
      </c>
      <c r="NZ42" s="186"/>
      <c r="OA42" s="178">
        <v>0</v>
      </c>
      <c r="OB42" s="178">
        <v>0</v>
      </c>
      <c r="OC42" s="178">
        <v>0</v>
      </c>
      <c r="OD42" s="178">
        <v>0</v>
      </c>
      <c r="OE42" s="178">
        <v>311373</v>
      </c>
      <c r="OF42" s="182">
        <v>311373</v>
      </c>
      <c r="OG42" s="183">
        <v>311373</v>
      </c>
      <c r="OH42" s="180">
        <v>0</v>
      </c>
      <c r="OI42" s="178">
        <v>0</v>
      </c>
      <c r="OJ42" s="179">
        <v>0</v>
      </c>
      <c r="OK42" s="181">
        <v>0</v>
      </c>
      <c r="OL42" s="178">
        <v>0</v>
      </c>
      <c r="OM42" s="178">
        <v>0</v>
      </c>
      <c r="ON42" s="178">
        <v>0</v>
      </c>
      <c r="OO42" s="178">
        <v>324792</v>
      </c>
      <c r="OP42" s="178">
        <v>564608</v>
      </c>
      <c r="OQ42" s="182">
        <v>889400</v>
      </c>
      <c r="OR42" s="184">
        <v>889400</v>
      </c>
    </row>
    <row r="43" spans="1:408" x14ac:dyDescent="0.2">
      <c r="A43" s="44" t="s">
        <v>84</v>
      </c>
    </row>
  </sheetData>
  <mergeCells count="158">
    <mergeCell ref="AS7:AS8"/>
    <mergeCell ref="AT7:AV7"/>
    <mergeCell ref="AW7:BC7"/>
    <mergeCell ref="BD7:BD8"/>
    <mergeCell ref="BE7:BG7"/>
    <mergeCell ref="BH7:BN7"/>
    <mergeCell ref="DG7:DG8"/>
    <mergeCell ref="F1:G1"/>
    <mergeCell ref="A4:A8"/>
    <mergeCell ref="B4:L6"/>
    <mergeCell ref="M4:HX4"/>
    <mergeCell ref="M5:BZ5"/>
    <mergeCell ref="CA5:DG5"/>
    <mergeCell ref="DH5:FJ5"/>
    <mergeCell ref="FK5:HB5"/>
    <mergeCell ref="HC5:HM6"/>
    <mergeCell ref="HN5:HX6"/>
    <mergeCell ref="GG6:GQ6"/>
    <mergeCell ref="GR6:HB6"/>
    <mergeCell ref="CA6:CK6"/>
    <mergeCell ref="CL6:CV6"/>
    <mergeCell ref="CW6:DG6"/>
    <mergeCell ref="DH6:DR6"/>
    <mergeCell ref="B7:D7"/>
    <mergeCell ref="E7:K7"/>
    <mergeCell ref="L7:L8"/>
    <mergeCell ref="M7:O7"/>
    <mergeCell ref="P7:V7"/>
    <mergeCell ref="FK6:FU6"/>
    <mergeCell ref="FV6:GF6"/>
    <mergeCell ref="M6:W6"/>
    <mergeCell ref="X6:AH6"/>
    <mergeCell ref="AI6:AS6"/>
    <mergeCell ref="AT6:BD6"/>
    <mergeCell ref="BE6:BO6"/>
    <mergeCell ref="BP6:BZ6"/>
    <mergeCell ref="DS6:EC6"/>
    <mergeCell ref="ED6:EN6"/>
    <mergeCell ref="W7:W8"/>
    <mergeCell ref="EO6:EY6"/>
    <mergeCell ref="EZ6:FJ6"/>
    <mergeCell ref="BO7:BO8"/>
    <mergeCell ref="X7:Z7"/>
    <mergeCell ref="AA7:AG7"/>
    <mergeCell ref="AH7:AH8"/>
    <mergeCell ref="AI7:AK7"/>
    <mergeCell ref="AL7:AR7"/>
    <mergeCell ref="CK7:CK8"/>
    <mergeCell ref="CL7:CN7"/>
    <mergeCell ref="CO7:CU7"/>
    <mergeCell ref="CV7:CV8"/>
    <mergeCell ref="CW7:CY7"/>
    <mergeCell ref="BP7:BR7"/>
    <mergeCell ref="BS7:BY7"/>
    <mergeCell ref="BZ7:BZ8"/>
    <mergeCell ref="CA7:CC7"/>
    <mergeCell ref="CD7:CJ7"/>
    <mergeCell ref="CZ7:DF7"/>
    <mergeCell ref="EY7:EY8"/>
    <mergeCell ref="DH7:DJ7"/>
    <mergeCell ref="DK7:DQ7"/>
    <mergeCell ref="DR7:DR8"/>
    <mergeCell ref="DS7:DU7"/>
    <mergeCell ref="DV7:EB7"/>
    <mergeCell ref="EC7:EC8"/>
    <mergeCell ref="ED7:EF7"/>
    <mergeCell ref="EG7:EM7"/>
    <mergeCell ref="EN7:EN8"/>
    <mergeCell ref="EO7:EQ7"/>
    <mergeCell ref="ER7:EX7"/>
    <mergeCell ref="GQ7:GQ8"/>
    <mergeCell ref="EZ7:FB7"/>
    <mergeCell ref="FC7:FI7"/>
    <mergeCell ref="FJ7:FJ8"/>
    <mergeCell ref="FK7:FM7"/>
    <mergeCell ref="FN7:FT7"/>
    <mergeCell ref="FU7:FU8"/>
    <mergeCell ref="FV7:FX7"/>
    <mergeCell ref="FY7:GE7"/>
    <mergeCell ref="GF7:GF8"/>
    <mergeCell ref="GG7:GI7"/>
    <mergeCell ref="GJ7:GP7"/>
    <mergeCell ref="HN7:HP7"/>
    <mergeCell ref="HQ7:HW7"/>
    <mergeCell ref="HX7:HX8"/>
    <mergeCell ref="GR7:GT7"/>
    <mergeCell ref="GU7:HA7"/>
    <mergeCell ref="HB7:HB8"/>
    <mergeCell ref="HC7:HE7"/>
    <mergeCell ref="HF7:HL7"/>
    <mergeCell ref="HM7:HM8"/>
    <mergeCell ref="IC1:ID1"/>
    <mergeCell ref="HY4:MD4"/>
    <mergeCell ref="ME4:OG4"/>
    <mergeCell ref="OH4:OR6"/>
    <mergeCell ref="HY5:II6"/>
    <mergeCell ref="IJ5:IT6"/>
    <mergeCell ref="IU5:JE6"/>
    <mergeCell ref="JF5:JP6"/>
    <mergeCell ref="JQ5:KA6"/>
    <mergeCell ref="KB5:KL6"/>
    <mergeCell ref="KM5:KW6"/>
    <mergeCell ref="KX5:LH6"/>
    <mergeCell ref="LI5:LS6"/>
    <mergeCell ref="LT5:MD6"/>
    <mergeCell ref="ME5:MO6"/>
    <mergeCell ref="MP5:MZ6"/>
    <mergeCell ref="JT7:JZ7"/>
    <mergeCell ref="KA7:KA8"/>
    <mergeCell ref="KB7:KD7"/>
    <mergeCell ref="KE7:KK7"/>
    <mergeCell ref="KL7:KL8"/>
    <mergeCell ref="NA5:NK6"/>
    <mergeCell ref="NL5:NV6"/>
    <mergeCell ref="NW5:OG6"/>
    <mergeCell ref="HY7:IA7"/>
    <mergeCell ref="IB7:IH7"/>
    <mergeCell ref="II7:II8"/>
    <mergeCell ref="IJ7:IL7"/>
    <mergeCell ref="IM7:IS7"/>
    <mergeCell ref="IT7:IT8"/>
    <mergeCell ref="IU7:IW7"/>
    <mergeCell ref="IX7:JD7"/>
    <mergeCell ref="JE7:JE8"/>
    <mergeCell ref="JF7:JH7"/>
    <mergeCell ref="JI7:JO7"/>
    <mergeCell ref="JP7:JP8"/>
    <mergeCell ref="JQ7:JS7"/>
    <mergeCell ref="LH7:LH8"/>
    <mergeCell ref="LI7:LK7"/>
    <mergeCell ref="LL7:LR7"/>
    <mergeCell ref="LS7:LS8"/>
    <mergeCell ref="LT7:LV7"/>
    <mergeCell ref="KM7:KO7"/>
    <mergeCell ref="KP7:KV7"/>
    <mergeCell ref="KW7:KW8"/>
    <mergeCell ref="KX7:KZ7"/>
    <mergeCell ref="LA7:LG7"/>
    <mergeCell ref="MP7:MR7"/>
    <mergeCell ref="MS7:MY7"/>
    <mergeCell ref="MZ7:MZ8"/>
    <mergeCell ref="NA7:NC7"/>
    <mergeCell ref="ND7:NJ7"/>
    <mergeCell ref="LW7:MC7"/>
    <mergeCell ref="MD7:MD8"/>
    <mergeCell ref="ME7:MG7"/>
    <mergeCell ref="MH7:MN7"/>
    <mergeCell ref="MO7:MO8"/>
    <mergeCell ref="NZ7:OF7"/>
    <mergeCell ref="OG7:OG8"/>
    <mergeCell ref="OH7:OJ7"/>
    <mergeCell ref="OK7:OQ7"/>
    <mergeCell ref="OR7:OR8"/>
    <mergeCell ref="NK7:NK8"/>
    <mergeCell ref="NL7:NN7"/>
    <mergeCell ref="NO7:NU7"/>
    <mergeCell ref="NV7:NV8"/>
    <mergeCell ref="NW7:NY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3" max="1048575" man="1"/>
    <brk id="45" max="1048575" man="1"/>
    <brk id="67" max="1048575" man="1"/>
    <brk id="89" max="1048575" man="1"/>
    <brk id="111" max="1048575" man="1"/>
    <brk id="133" max="1048575" man="1"/>
    <brk id="166" max="1048575" man="1"/>
    <brk id="188" max="1048575" man="1"/>
    <brk id="210"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HX41"/>
  <sheetViews>
    <sheetView zoomScaleNormal="100" workbookViewId="0">
      <pane xSplit="1" ySplit="7" topLeftCell="B8" activePane="bottomRight" state="frozen"/>
      <selection pane="topRight" activeCell="B1" sqref="B1"/>
      <selection pane="bottomLeft" activeCell="A8" sqref="A8"/>
      <selection pane="bottomRight"/>
    </sheetView>
  </sheetViews>
  <sheetFormatPr defaultColWidth="9" defaultRowHeight="13.2" x14ac:dyDescent="0.2"/>
  <cols>
    <col min="1" max="1" width="9.88671875" style="326" customWidth="1"/>
    <col min="2" max="3" width="9.21875" style="326" bestFit="1" customWidth="1"/>
    <col min="4" max="4" width="10.77734375" style="326" bestFit="1" customWidth="1"/>
    <col min="5" max="5" width="7.109375" style="326" customWidth="1"/>
    <col min="6" max="10" width="10.44140625" style="326" bestFit="1" customWidth="1"/>
    <col min="11" max="12" width="11.6640625" style="326" bestFit="1" customWidth="1"/>
    <col min="13" max="15" width="9.21875" style="326" bestFit="1" customWidth="1"/>
    <col min="16" max="16" width="7.44140625" style="326" customWidth="1"/>
    <col min="17" max="17" width="9.21875" style="326" bestFit="1" customWidth="1"/>
    <col min="18" max="21" width="10.44140625" style="326" bestFit="1" customWidth="1"/>
    <col min="22" max="23" width="11.6640625" style="326" bestFit="1" customWidth="1"/>
    <col min="24" max="26" width="9.109375" style="326" bestFit="1" customWidth="1"/>
    <col min="27" max="27" width="7" style="326" customWidth="1"/>
    <col min="28" max="29" width="9.109375" style="326" bestFit="1" customWidth="1"/>
    <col min="30" max="31" width="9.6640625" style="326" bestFit="1" customWidth="1"/>
    <col min="32" max="32" width="9.109375" style="326" bestFit="1" customWidth="1"/>
    <col min="33" max="34" width="9.6640625" style="326" bestFit="1" customWidth="1"/>
    <col min="35" max="37" width="9.109375" style="326" bestFit="1" customWidth="1"/>
    <col min="38" max="38" width="7.33203125" style="326" customWidth="1"/>
    <col min="39" max="48" width="9.109375" style="326" bestFit="1" customWidth="1"/>
    <col min="49" max="49" width="7.33203125" style="326" customWidth="1"/>
    <col min="50" max="59" width="9.109375" style="326" bestFit="1" customWidth="1"/>
    <col min="60" max="60" width="7.77734375" style="326" customWidth="1"/>
    <col min="61" max="70" width="9.109375" style="326" bestFit="1" customWidth="1"/>
    <col min="71" max="71" width="7.77734375" style="326" customWidth="1"/>
    <col min="72" max="76" width="9.109375" style="326" bestFit="1" customWidth="1"/>
    <col min="77" max="78" width="9.6640625" style="326" bestFit="1" customWidth="1"/>
    <col min="79" max="81" width="9.109375" style="326" bestFit="1" customWidth="1"/>
    <col min="82" max="82" width="7.88671875" style="326" customWidth="1"/>
    <col min="83" max="92" width="9.109375" style="326" bestFit="1" customWidth="1"/>
    <col min="93" max="93" width="8" style="326" customWidth="1"/>
    <col min="94" max="103" width="9.109375" style="326" bestFit="1" customWidth="1"/>
    <col min="104" max="104" width="8" style="326" customWidth="1"/>
    <col min="105" max="114" width="9.109375" style="326" bestFit="1" customWidth="1"/>
    <col min="115" max="115" width="7.6640625" style="326" customWidth="1"/>
    <col min="116" max="116" width="9.109375" style="326" bestFit="1" customWidth="1"/>
    <col min="117" max="120" width="9.6640625" style="326" bestFit="1" customWidth="1"/>
    <col min="121" max="122" width="10.6640625" style="326" bestFit="1" customWidth="1"/>
    <col min="123" max="125" width="9.109375" style="326" bestFit="1" customWidth="1"/>
    <col min="126" max="126" width="7.44140625" style="326" customWidth="1"/>
    <col min="127" max="128" width="9.109375" style="326" bestFit="1" customWidth="1"/>
    <col min="129" max="133" width="9.6640625" style="326" bestFit="1" customWidth="1"/>
    <col min="134" max="136" width="9.109375" style="326" bestFit="1" customWidth="1"/>
    <col min="137" max="137" width="7.6640625" style="326" customWidth="1"/>
    <col min="138" max="147" width="9.109375" style="326" bestFit="1" customWidth="1"/>
    <col min="148" max="148" width="7.77734375" style="326" customWidth="1"/>
    <col min="149" max="158" width="9.109375" style="326" bestFit="1" customWidth="1"/>
    <col min="159" max="159" width="7.77734375" style="326" customWidth="1"/>
    <col min="160" max="169" width="9.109375" style="326" bestFit="1" customWidth="1"/>
    <col min="170" max="170" width="7.33203125" style="326" customWidth="1"/>
    <col min="171" max="180" width="9.109375" style="326" bestFit="1" customWidth="1"/>
    <col min="181" max="181" width="8" style="326" customWidth="1"/>
    <col min="182" max="187" width="9.109375" style="326" bestFit="1" customWidth="1"/>
    <col min="188" max="188" width="9.6640625" style="326" bestFit="1" customWidth="1"/>
    <col min="189" max="191" width="9.109375" style="326" bestFit="1" customWidth="1"/>
    <col min="192" max="192" width="7.44140625" style="326" customWidth="1"/>
    <col min="193" max="202" width="9.109375" style="326" bestFit="1" customWidth="1"/>
    <col min="203" max="203" width="7.88671875" style="326" customWidth="1"/>
    <col min="204" max="213" width="9.109375" style="326" bestFit="1" customWidth="1"/>
    <col min="214" max="214" width="7.88671875" style="326" customWidth="1"/>
    <col min="215" max="224" width="9.109375" style="326" bestFit="1" customWidth="1"/>
    <col min="225" max="225" width="7.6640625" style="326" customWidth="1"/>
    <col min="226" max="228" width="9.6640625" style="326" bestFit="1" customWidth="1"/>
    <col min="229" max="229" width="10.6640625" style="326" bestFit="1" customWidth="1"/>
    <col min="230" max="230" width="9.6640625" style="326" bestFit="1" customWidth="1"/>
    <col min="231" max="232" width="10.6640625" style="326" bestFit="1" customWidth="1"/>
    <col min="233" max="16384" width="9" style="326"/>
  </cols>
  <sheetData>
    <row r="1" spans="1:232" s="1" customFormat="1" ht="25.5" customHeight="1" x14ac:dyDescent="0.2">
      <c r="A1" s="20" t="s">
        <v>0</v>
      </c>
      <c r="B1" s="39"/>
      <c r="C1" s="39"/>
      <c r="D1" s="520">
        <f>第１表!F2</f>
        <v>4</v>
      </c>
      <c r="E1" s="521">
        <f>第１表!G2</f>
        <v>4</v>
      </c>
      <c r="F1" s="758">
        <f>IF(E1&lt;3,E1-2+12,E1-2)</f>
        <v>2</v>
      </c>
      <c r="G1" s="758"/>
      <c r="I1" s="39"/>
      <c r="J1" s="39"/>
      <c r="K1" s="39"/>
      <c r="CK1" s="39"/>
      <c r="CL1" s="39"/>
      <c r="CM1" s="39"/>
      <c r="CN1" s="39"/>
      <c r="CO1" s="39"/>
      <c r="CP1" s="39"/>
      <c r="CQ1" s="39"/>
      <c r="CR1" s="39"/>
      <c r="CS1" s="39"/>
      <c r="CT1" s="39"/>
      <c r="CU1" s="39"/>
      <c r="CV1" s="39"/>
      <c r="CW1" s="39"/>
      <c r="CX1" s="39"/>
      <c r="CY1" s="39"/>
      <c r="CZ1" s="39"/>
      <c r="DA1" s="39"/>
      <c r="DB1" s="39"/>
      <c r="DC1" s="39"/>
      <c r="DD1" s="39"/>
      <c r="DE1" s="39"/>
      <c r="DF1" s="39"/>
      <c r="DG1" s="39"/>
      <c r="DH1" s="39"/>
      <c r="DI1" s="39"/>
      <c r="DJ1" s="39"/>
      <c r="DK1" s="39"/>
      <c r="DL1" s="39"/>
      <c r="DM1" s="39"/>
      <c r="DN1" s="39"/>
      <c r="DO1" s="39"/>
      <c r="DP1" s="39"/>
      <c r="DQ1" s="39"/>
      <c r="DR1" s="39"/>
      <c r="DS1" s="39"/>
      <c r="DT1" s="39"/>
      <c r="DU1" s="39"/>
      <c r="DV1" s="39"/>
      <c r="DW1" s="39"/>
      <c r="DX1" s="39"/>
      <c r="DY1" s="39"/>
      <c r="DZ1" s="39"/>
      <c r="EA1" s="39"/>
      <c r="EB1" s="39"/>
    </row>
    <row r="2" spans="1:232" ht="25.5" customHeight="1" thickBot="1" x14ac:dyDescent="0.25">
      <c r="A2" s="20" t="s">
        <v>120</v>
      </c>
    </row>
    <row r="3" spans="1:232" ht="19.5" customHeight="1" thickBot="1" x14ac:dyDescent="0.25">
      <c r="A3" s="759"/>
      <c r="B3" s="766" t="s">
        <v>116</v>
      </c>
      <c r="C3" s="767"/>
      <c r="D3" s="767"/>
      <c r="E3" s="767"/>
      <c r="F3" s="767"/>
      <c r="G3" s="767"/>
      <c r="H3" s="767"/>
      <c r="I3" s="767"/>
      <c r="J3" s="767"/>
      <c r="K3" s="767"/>
      <c r="L3" s="767"/>
      <c r="M3" s="526"/>
      <c r="N3" s="526"/>
      <c r="O3" s="526"/>
      <c r="P3" s="526"/>
      <c r="Q3" s="526"/>
      <c r="R3" s="526"/>
      <c r="S3" s="526"/>
      <c r="T3" s="526"/>
      <c r="U3" s="526"/>
      <c r="V3" s="526"/>
      <c r="W3" s="526"/>
      <c r="X3" s="526"/>
      <c r="Y3" s="526"/>
      <c r="Z3" s="526"/>
      <c r="AA3" s="526"/>
      <c r="AB3" s="526"/>
      <c r="AC3" s="526"/>
      <c r="AD3" s="526"/>
      <c r="AE3" s="526"/>
      <c r="AF3" s="526"/>
      <c r="AG3" s="526"/>
      <c r="AH3" s="526"/>
      <c r="AI3" s="526"/>
      <c r="AJ3" s="526"/>
      <c r="AK3" s="526"/>
      <c r="AL3" s="526"/>
      <c r="AM3" s="526"/>
      <c r="AN3" s="526"/>
      <c r="AO3" s="526"/>
      <c r="AP3" s="526"/>
      <c r="AQ3" s="526"/>
      <c r="AR3" s="526"/>
      <c r="AS3" s="526"/>
      <c r="AT3" s="526"/>
      <c r="AU3" s="526"/>
      <c r="AV3" s="526"/>
      <c r="AW3" s="526"/>
      <c r="AX3" s="526"/>
      <c r="AY3" s="526"/>
      <c r="AZ3" s="526"/>
      <c r="BA3" s="526"/>
      <c r="BB3" s="526"/>
      <c r="BC3" s="526"/>
      <c r="BD3" s="526"/>
      <c r="BE3" s="526"/>
      <c r="BF3" s="526"/>
      <c r="BG3" s="526"/>
      <c r="BH3" s="526"/>
      <c r="BI3" s="526"/>
      <c r="BJ3" s="526"/>
      <c r="BK3" s="526"/>
      <c r="BL3" s="526"/>
      <c r="BM3" s="526"/>
      <c r="BN3" s="526"/>
      <c r="BO3" s="526"/>
      <c r="BP3" s="526"/>
      <c r="BQ3" s="526"/>
      <c r="BR3" s="526"/>
      <c r="BS3" s="526"/>
      <c r="BT3" s="526"/>
      <c r="BU3" s="526"/>
      <c r="BV3" s="526"/>
      <c r="BW3" s="526"/>
      <c r="BX3" s="526"/>
      <c r="BY3" s="526"/>
      <c r="BZ3" s="526"/>
      <c r="CA3" s="526"/>
      <c r="CB3" s="526"/>
      <c r="CC3" s="526"/>
      <c r="CD3" s="526"/>
      <c r="CE3" s="526"/>
      <c r="CF3" s="526"/>
      <c r="CG3" s="526"/>
      <c r="CH3" s="526"/>
      <c r="CI3" s="526"/>
      <c r="CJ3" s="526"/>
      <c r="CK3" s="526"/>
      <c r="CL3" s="526"/>
      <c r="CM3" s="526"/>
      <c r="CN3" s="526"/>
      <c r="CO3" s="526"/>
      <c r="CP3" s="526"/>
      <c r="CQ3" s="526"/>
      <c r="CR3" s="526"/>
      <c r="CS3" s="526"/>
      <c r="CT3" s="526"/>
      <c r="CU3" s="526"/>
      <c r="CV3" s="526"/>
      <c r="CW3" s="526"/>
      <c r="CX3" s="526"/>
      <c r="CY3" s="526"/>
      <c r="CZ3" s="526"/>
      <c r="DA3" s="526"/>
      <c r="DB3" s="526"/>
      <c r="DC3" s="526"/>
      <c r="DD3" s="526"/>
      <c r="DE3" s="526"/>
      <c r="DF3" s="526"/>
      <c r="DG3" s="527"/>
      <c r="DH3" s="766" t="s">
        <v>118</v>
      </c>
      <c r="DI3" s="767"/>
      <c r="DJ3" s="767"/>
      <c r="DK3" s="767"/>
      <c r="DL3" s="767"/>
      <c r="DM3" s="767"/>
      <c r="DN3" s="767"/>
      <c r="DO3" s="767"/>
      <c r="DP3" s="767"/>
      <c r="DQ3" s="767"/>
      <c r="DR3" s="767"/>
      <c r="DS3" s="767"/>
      <c r="DT3" s="767"/>
      <c r="DU3" s="767"/>
      <c r="DV3" s="767"/>
      <c r="DW3" s="767"/>
      <c r="DX3" s="767"/>
      <c r="DY3" s="767"/>
      <c r="DZ3" s="767"/>
      <c r="EA3" s="767"/>
      <c r="EB3" s="767"/>
      <c r="EC3" s="767"/>
      <c r="ED3" s="767"/>
      <c r="EE3" s="767"/>
      <c r="EF3" s="767"/>
      <c r="EG3" s="767"/>
      <c r="EH3" s="767"/>
      <c r="EI3" s="767"/>
      <c r="EJ3" s="767"/>
      <c r="EK3" s="767"/>
      <c r="EL3" s="767"/>
      <c r="EM3" s="767"/>
      <c r="EN3" s="767"/>
      <c r="EO3" s="767"/>
      <c r="EP3" s="767"/>
      <c r="EQ3" s="767"/>
      <c r="ER3" s="767"/>
      <c r="ES3" s="767"/>
      <c r="ET3" s="767"/>
      <c r="EU3" s="767"/>
      <c r="EV3" s="767"/>
      <c r="EW3" s="767"/>
      <c r="EX3" s="767"/>
      <c r="EY3" s="767"/>
      <c r="EZ3" s="767"/>
      <c r="FA3" s="767"/>
      <c r="FB3" s="767"/>
      <c r="FC3" s="767"/>
      <c r="FD3" s="767"/>
      <c r="FE3" s="767"/>
      <c r="FF3" s="767"/>
      <c r="FG3" s="767"/>
      <c r="FH3" s="767"/>
      <c r="FI3" s="767"/>
      <c r="FJ3" s="767"/>
      <c r="FK3" s="767"/>
      <c r="FL3" s="767"/>
      <c r="FM3" s="767"/>
      <c r="FN3" s="767"/>
      <c r="FO3" s="767"/>
      <c r="FP3" s="767"/>
      <c r="FQ3" s="767"/>
      <c r="FR3" s="767"/>
      <c r="FS3" s="767"/>
      <c r="FT3" s="767"/>
      <c r="FU3" s="767"/>
      <c r="FV3" s="767"/>
      <c r="FW3" s="767"/>
      <c r="FX3" s="767"/>
      <c r="FY3" s="767"/>
      <c r="FZ3" s="767"/>
      <c r="GA3" s="767"/>
      <c r="GB3" s="767"/>
      <c r="GC3" s="767"/>
      <c r="GD3" s="767"/>
      <c r="GE3" s="767"/>
      <c r="GF3" s="767"/>
      <c r="GG3" s="767"/>
      <c r="GH3" s="767"/>
      <c r="GI3" s="767"/>
      <c r="GJ3" s="767"/>
      <c r="GK3" s="767"/>
      <c r="GL3" s="767"/>
      <c r="GM3" s="767"/>
      <c r="GN3" s="767"/>
      <c r="GO3" s="767"/>
      <c r="GP3" s="767"/>
      <c r="GQ3" s="767"/>
      <c r="GR3" s="767"/>
      <c r="GS3" s="767"/>
      <c r="GT3" s="767"/>
      <c r="GU3" s="767"/>
      <c r="GV3" s="767"/>
      <c r="GW3" s="767"/>
      <c r="GX3" s="767"/>
      <c r="GY3" s="767"/>
      <c r="GZ3" s="767"/>
      <c r="HA3" s="767"/>
      <c r="HB3" s="767"/>
      <c r="HC3" s="767"/>
      <c r="HD3" s="767"/>
      <c r="HE3" s="767"/>
      <c r="HF3" s="767"/>
      <c r="HG3" s="767"/>
      <c r="HH3" s="767"/>
      <c r="HI3" s="767"/>
      <c r="HJ3" s="767"/>
      <c r="HK3" s="767"/>
      <c r="HL3" s="767"/>
      <c r="HM3" s="769"/>
      <c r="HN3" s="770" t="s">
        <v>60</v>
      </c>
      <c r="HO3" s="771"/>
      <c r="HP3" s="771"/>
      <c r="HQ3" s="771"/>
      <c r="HR3" s="771"/>
      <c r="HS3" s="771"/>
      <c r="HT3" s="771"/>
      <c r="HU3" s="771"/>
      <c r="HV3" s="771"/>
      <c r="HW3" s="771"/>
      <c r="HX3" s="772"/>
    </row>
    <row r="4" spans="1:232" ht="19.5" customHeight="1" thickBot="1" x14ac:dyDescent="0.25">
      <c r="A4" s="760"/>
      <c r="B4" s="746"/>
      <c r="C4" s="747"/>
      <c r="D4" s="747"/>
      <c r="E4" s="747"/>
      <c r="F4" s="747"/>
      <c r="G4" s="747"/>
      <c r="H4" s="747"/>
      <c r="I4" s="747"/>
      <c r="J4" s="747"/>
      <c r="K4" s="747"/>
      <c r="L4" s="768"/>
      <c r="M4" s="762" t="s">
        <v>57</v>
      </c>
      <c r="N4" s="763"/>
      <c r="O4" s="763"/>
      <c r="P4" s="763"/>
      <c r="Q4" s="763"/>
      <c r="R4" s="763"/>
      <c r="S4" s="763"/>
      <c r="T4" s="763"/>
      <c r="U4" s="763"/>
      <c r="V4" s="763"/>
      <c r="W4" s="764"/>
      <c r="X4" s="762" t="s">
        <v>58</v>
      </c>
      <c r="Y4" s="763"/>
      <c r="Z4" s="763"/>
      <c r="AA4" s="763"/>
      <c r="AB4" s="763"/>
      <c r="AC4" s="763"/>
      <c r="AD4" s="763"/>
      <c r="AE4" s="763"/>
      <c r="AF4" s="763"/>
      <c r="AG4" s="763"/>
      <c r="AH4" s="764"/>
      <c r="AI4" s="762" t="s">
        <v>59</v>
      </c>
      <c r="AJ4" s="763"/>
      <c r="AK4" s="763"/>
      <c r="AL4" s="763"/>
      <c r="AM4" s="763"/>
      <c r="AN4" s="763"/>
      <c r="AO4" s="763"/>
      <c r="AP4" s="763"/>
      <c r="AQ4" s="763"/>
      <c r="AR4" s="763"/>
      <c r="AS4" s="764"/>
      <c r="AT4" s="762" t="s">
        <v>151</v>
      </c>
      <c r="AU4" s="763"/>
      <c r="AV4" s="763"/>
      <c r="AW4" s="763"/>
      <c r="AX4" s="763"/>
      <c r="AY4" s="763"/>
      <c r="AZ4" s="763"/>
      <c r="BA4" s="763"/>
      <c r="BB4" s="763"/>
      <c r="BC4" s="763"/>
      <c r="BD4" s="764"/>
      <c r="BE4" s="762" t="s">
        <v>117</v>
      </c>
      <c r="BF4" s="763"/>
      <c r="BG4" s="763"/>
      <c r="BH4" s="763"/>
      <c r="BI4" s="763"/>
      <c r="BJ4" s="763"/>
      <c r="BK4" s="763"/>
      <c r="BL4" s="763"/>
      <c r="BM4" s="763"/>
      <c r="BN4" s="763"/>
      <c r="BO4" s="764"/>
      <c r="BP4" s="762" t="s">
        <v>77</v>
      </c>
      <c r="BQ4" s="763"/>
      <c r="BR4" s="763"/>
      <c r="BS4" s="763"/>
      <c r="BT4" s="763"/>
      <c r="BU4" s="763"/>
      <c r="BV4" s="763"/>
      <c r="BW4" s="763"/>
      <c r="BX4" s="763"/>
      <c r="BY4" s="763"/>
      <c r="BZ4" s="764"/>
      <c r="CA4" s="762" t="s">
        <v>78</v>
      </c>
      <c r="CB4" s="763"/>
      <c r="CC4" s="763"/>
      <c r="CD4" s="763"/>
      <c r="CE4" s="763"/>
      <c r="CF4" s="763"/>
      <c r="CG4" s="763"/>
      <c r="CH4" s="763"/>
      <c r="CI4" s="763"/>
      <c r="CJ4" s="763"/>
      <c r="CK4" s="764"/>
      <c r="CL4" s="762" t="s">
        <v>79</v>
      </c>
      <c r="CM4" s="763"/>
      <c r="CN4" s="763"/>
      <c r="CO4" s="763"/>
      <c r="CP4" s="763"/>
      <c r="CQ4" s="763"/>
      <c r="CR4" s="763"/>
      <c r="CS4" s="763"/>
      <c r="CT4" s="763"/>
      <c r="CU4" s="763"/>
      <c r="CV4" s="764"/>
      <c r="CW4" s="762" t="s">
        <v>152</v>
      </c>
      <c r="CX4" s="763"/>
      <c r="CY4" s="763"/>
      <c r="CZ4" s="763"/>
      <c r="DA4" s="763"/>
      <c r="DB4" s="763"/>
      <c r="DC4" s="763"/>
      <c r="DD4" s="763"/>
      <c r="DE4" s="763"/>
      <c r="DF4" s="763"/>
      <c r="DG4" s="764"/>
      <c r="DH4" s="746"/>
      <c r="DI4" s="747"/>
      <c r="DJ4" s="747"/>
      <c r="DK4" s="747"/>
      <c r="DL4" s="747"/>
      <c r="DM4" s="747"/>
      <c r="DN4" s="747"/>
      <c r="DO4" s="747"/>
      <c r="DP4" s="747"/>
      <c r="DQ4" s="747"/>
      <c r="DR4" s="748"/>
      <c r="DS4" s="762" t="s">
        <v>57</v>
      </c>
      <c r="DT4" s="763"/>
      <c r="DU4" s="763"/>
      <c r="DV4" s="763"/>
      <c r="DW4" s="763"/>
      <c r="DX4" s="763"/>
      <c r="DY4" s="763"/>
      <c r="DZ4" s="763"/>
      <c r="EA4" s="763"/>
      <c r="EB4" s="763"/>
      <c r="EC4" s="764"/>
      <c r="ED4" s="762" t="s">
        <v>58</v>
      </c>
      <c r="EE4" s="763"/>
      <c r="EF4" s="763"/>
      <c r="EG4" s="763"/>
      <c r="EH4" s="763"/>
      <c r="EI4" s="763"/>
      <c r="EJ4" s="763"/>
      <c r="EK4" s="763"/>
      <c r="EL4" s="763"/>
      <c r="EM4" s="763"/>
      <c r="EN4" s="764"/>
      <c r="EO4" s="762" t="s">
        <v>59</v>
      </c>
      <c r="EP4" s="763"/>
      <c r="EQ4" s="763"/>
      <c r="ER4" s="763"/>
      <c r="ES4" s="763"/>
      <c r="ET4" s="763"/>
      <c r="EU4" s="763"/>
      <c r="EV4" s="763"/>
      <c r="EW4" s="763"/>
      <c r="EX4" s="763"/>
      <c r="EY4" s="764"/>
      <c r="EZ4" s="762" t="s">
        <v>151</v>
      </c>
      <c r="FA4" s="763"/>
      <c r="FB4" s="763"/>
      <c r="FC4" s="763"/>
      <c r="FD4" s="763"/>
      <c r="FE4" s="763"/>
      <c r="FF4" s="763"/>
      <c r="FG4" s="763"/>
      <c r="FH4" s="763"/>
      <c r="FI4" s="763"/>
      <c r="FJ4" s="764"/>
      <c r="FK4" s="762" t="s">
        <v>117</v>
      </c>
      <c r="FL4" s="763"/>
      <c r="FM4" s="763"/>
      <c r="FN4" s="763"/>
      <c r="FO4" s="763"/>
      <c r="FP4" s="763"/>
      <c r="FQ4" s="763"/>
      <c r="FR4" s="763"/>
      <c r="FS4" s="763"/>
      <c r="FT4" s="763"/>
      <c r="FU4" s="764"/>
      <c r="FV4" s="762" t="s">
        <v>77</v>
      </c>
      <c r="FW4" s="763"/>
      <c r="FX4" s="763"/>
      <c r="FY4" s="763"/>
      <c r="FZ4" s="763"/>
      <c r="GA4" s="763"/>
      <c r="GB4" s="763"/>
      <c r="GC4" s="763"/>
      <c r="GD4" s="763"/>
      <c r="GE4" s="763"/>
      <c r="GF4" s="764"/>
      <c r="GG4" s="762" t="s">
        <v>78</v>
      </c>
      <c r="GH4" s="763"/>
      <c r="GI4" s="763"/>
      <c r="GJ4" s="763"/>
      <c r="GK4" s="763"/>
      <c r="GL4" s="763"/>
      <c r="GM4" s="763"/>
      <c r="GN4" s="763"/>
      <c r="GO4" s="763"/>
      <c r="GP4" s="763"/>
      <c r="GQ4" s="764"/>
      <c r="GR4" s="762" t="s">
        <v>79</v>
      </c>
      <c r="GS4" s="763"/>
      <c r="GT4" s="763"/>
      <c r="GU4" s="763"/>
      <c r="GV4" s="763"/>
      <c r="GW4" s="763"/>
      <c r="GX4" s="763"/>
      <c r="GY4" s="763"/>
      <c r="GZ4" s="763"/>
      <c r="HA4" s="763"/>
      <c r="HB4" s="764"/>
      <c r="HC4" s="762" t="s">
        <v>152</v>
      </c>
      <c r="HD4" s="763"/>
      <c r="HE4" s="763"/>
      <c r="HF4" s="763"/>
      <c r="HG4" s="763"/>
      <c r="HH4" s="763"/>
      <c r="HI4" s="763"/>
      <c r="HJ4" s="763"/>
      <c r="HK4" s="763"/>
      <c r="HL4" s="763"/>
      <c r="HM4" s="764"/>
      <c r="HN4" s="773"/>
      <c r="HO4" s="774"/>
      <c r="HP4" s="774"/>
      <c r="HQ4" s="774"/>
      <c r="HR4" s="774"/>
      <c r="HS4" s="774"/>
      <c r="HT4" s="774"/>
      <c r="HU4" s="774"/>
      <c r="HV4" s="774"/>
      <c r="HW4" s="774"/>
      <c r="HX4" s="775"/>
    </row>
    <row r="5" spans="1:232" ht="19.5" customHeight="1" x14ac:dyDescent="0.2">
      <c r="A5" s="760"/>
      <c r="B5" s="751" t="s">
        <v>61</v>
      </c>
      <c r="C5" s="752"/>
      <c r="D5" s="753"/>
      <c r="E5" s="754" t="s">
        <v>62</v>
      </c>
      <c r="F5" s="752"/>
      <c r="G5" s="752"/>
      <c r="H5" s="752"/>
      <c r="I5" s="752"/>
      <c r="J5" s="752"/>
      <c r="K5" s="755"/>
      <c r="L5" s="765" t="s">
        <v>52</v>
      </c>
      <c r="M5" s="746" t="s">
        <v>61</v>
      </c>
      <c r="N5" s="747"/>
      <c r="O5" s="748"/>
      <c r="P5" s="749" t="s">
        <v>62</v>
      </c>
      <c r="Q5" s="747"/>
      <c r="R5" s="747"/>
      <c r="S5" s="747"/>
      <c r="T5" s="747"/>
      <c r="U5" s="747"/>
      <c r="V5" s="750"/>
      <c r="W5" s="648" t="s">
        <v>52</v>
      </c>
      <c r="X5" s="746" t="s">
        <v>61</v>
      </c>
      <c r="Y5" s="747"/>
      <c r="Z5" s="748"/>
      <c r="AA5" s="749" t="s">
        <v>62</v>
      </c>
      <c r="AB5" s="747"/>
      <c r="AC5" s="747"/>
      <c r="AD5" s="747"/>
      <c r="AE5" s="747"/>
      <c r="AF5" s="747"/>
      <c r="AG5" s="750"/>
      <c r="AH5" s="648" t="s">
        <v>52</v>
      </c>
      <c r="AI5" s="746" t="s">
        <v>61</v>
      </c>
      <c r="AJ5" s="747"/>
      <c r="AK5" s="748"/>
      <c r="AL5" s="749" t="s">
        <v>62</v>
      </c>
      <c r="AM5" s="747"/>
      <c r="AN5" s="747"/>
      <c r="AO5" s="747"/>
      <c r="AP5" s="747"/>
      <c r="AQ5" s="747"/>
      <c r="AR5" s="750"/>
      <c r="AS5" s="648" t="s">
        <v>52</v>
      </c>
      <c r="AT5" s="746" t="s">
        <v>61</v>
      </c>
      <c r="AU5" s="747"/>
      <c r="AV5" s="748"/>
      <c r="AW5" s="749" t="s">
        <v>62</v>
      </c>
      <c r="AX5" s="747"/>
      <c r="AY5" s="747"/>
      <c r="AZ5" s="747"/>
      <c r="BA5" s="747"/>
      <c r="BB5" s="747"/>
      <c r="BC5" s="750"/>
      <c r="BD5" s="648" t="s">
        <v>52</v>
      </c>
      <c r="BE5" s="746" t="s">
        <v>61</v>
      </c>
      <c r="BF5" s="747"/>
      <c r="BG5" s="748"/>
      <c r="BH5" s="749" t="s">
        <v>62</v>
      </c>
      <c r="BI5" s="747"/>
      <c r="BJ5" s="747"/>
      <c r="BK5" s="747"/>
      <c r="BL5" s="747"/>
      <c r="BM5" s="747"/>
      <c r="BN5" s="750"/>
      <c r="BO5" s="648" t="s">
        <v>52</v>
      </c>
      <c r="BP5" s="746" t="s">
        <v>61</v>
      </c>
      <c r="BQ5" s="747"/>
      <c r="BR5" s="748"/>
      <c r="BS5" s="749" t="s">
        <v>62</v>
      </c>
      <c r="BT5" s="747"/>
      <c r="BU5" s="747"/>
      <c r="BV5" s="747"/>
      <c r="BW5" s="747"/>
      <c r="BX5" s="747"/>
      <c r="BY5" s="750"/>
      <c r="BZ5" s="648" t="s">
        <v>52</v>
      </c>
      <c r="CA5" s="746" t="s">
        <v>61</v>
      </c>
      <c r="CB5" s="747"/>
      <c r="CC5" s="748"/>
      <c r="CD5" s="749" t="s">
        <v>62</v>
      </c>
      <c r="CE5" s="747"/>
      <c r="CF5" s="747"/>
      <c r="CG5" s="747"/>
      <c r="CH5" s="747"/>
      <c r="CI5" s="747"/>
      <c r="CJ5" s="750"/>
      <c r="CK5" s="648" t="s">
        <v>52</v>
      </c>
      <c r="CL5" s="746" t="s">
        <v>61</v>
      </c>
      <c r="CM5" s="747"/>
      <c r="CN5" s="748"/>
      <c r="CO5" s="749" t="s">
        <v>62</v>
      </c>
      <c r="CP5" s="747"/>
      <c r="CQ5" s="747"/>
      <c r="CR5" s="747"/>
      <c r="CS5" s="747"/>
      <c r="CT5" s="747"/>
      <c r="CU5" s="750"/>
      <c r="CV5" s="648" t="s">
        <v>52</v>
      </c>
      <c r="CW5" s="746" t="s">
        <v>61</v>
      </c>
      <c r="CX5" s="747"/>
      <c r="CY5" s="748"/>
      <c r="CZ5" s="749" t="s">
        <v>62</v>
      </c>
      <c r="DA5" s="747"/>
      <c r="DB5" s="747"/>
      <c r="DC5" s="747"/>
      <c r="DD5" s="747"/>
      <c r="DE5" s="747"/>
      <c r="DF5" s="750"/>
      <c r="DG5" s="648" t="s">
        <v>52</v>
      </c>
      <c r="DH5" s="751" t="s">
        <v>61</v>
      </c>
      <c r="DI5" s="752"/>
      <c r="DJ5" s="753"/>
      <c r="DK5" s="754" t="s">
        <v>62</v>
      </c>
      <c r="DL5" s="752"/>
      <c r="DM5" s="752"/>
      <c r="DN5" s="752"/>
      <c r="DO5" s="752"/>
      <c r="DP5" s="752"/>
      <c r="DQ5" s="755"/>
      <c r="DR5" s="756" t="s">
        <v>52</v>
      </c>
      <c r="DS5" s="746" t="s">
        <v>61</v>
      </c>
      <c r="DT5" s="747"/>
      <c r="DU5" s="748"/>
      <c r="DV5" s="749" t="s">
        <v>62</v>
      </c>
      <c r="DW5" s="747"/>
      <c r="DX5" s="747"/>
      <c r="DY5" s="747"/>
      <c r="DZ5" s="747"/>
      <c r="EA5" s="747"/>
      <c r="EB5" s="750"/>
      <c r="EC5" s="648" t="s">
        <v>52</v>
      </c>
      <c r="ED5" s="746" t="s">
        <v>61</v>
      </c>
      <c r="EE5" s="747"/>
      <c r="EF5" s="748"/>
      <c r="EG5" s="749" t="s">
        <v>62</v>
      </c>
      <c r="EH5" s="747"/>
      <c r="EI5" s="747"/>
      <c r="EJ5" s="747"/>
      <c r="EK5" s="747"/>
      <c r="EL5" s="747"/>
      <c r="EM5" s="750"/>
      <c r="EN5" s="648" t="s">
        <v>52</v>
      </c>
      <c r="EO5" s="746" t="s">
        <v>61</v>
      </c>
      <c r="EP5" s="747"/>
      <c r="EQ5" s="748"/>
      <c r="ER5" s="749" t="s">
        <v>62</v>
      </c>
      <c r="ES5" s="747"/>
      <c r="ET5" s="747"/>
      <c r="EU5" s="747"/>
      <c r="EV5" s="747"/>
      <c r="EW5" s="747"/>
      <c r="EX5" s="750"/>
      <c r="EY5" s="648" t="s">
        <v>52</v>
      </c>
      <c r="EZ5" s="746" t="s">
        <v>61</v>
      </c>
      <c r="FA5" s="747"/>
      <c r="FB5" s="748"/>
      <c r="FC5" s="749" t="s">
        <v>62</v>
      </c>
      <c r="FD5" s="747"/>
      <c r="FE5" s="747"/>
      <c r="FF5" s="747"/>
      <c r="FG5" s="747"/>
      <c r="FH5" s="747"/>
      <c r="FI5" s="750"/>
      <c r="FJ5" s="648" t="s">
        <v>52</v>
      </c>
      <c r="FK5" s="746" t="s">
        <v>61</v>
      </c>
      <c r="FL5" s="747"/>
      <c r="FM5" s="748"/>
      <c r="FN5" s="749" t="s">
        <v>62</v>
      </c>
      <c r="FO5" s="747"/>
      <c r="FP5" s="747"/>
      <c r="FQ5" s="747"/>
      <c r="FR5" s="747"/>
      <c r="FS5" s="747"/>
      <c r="FT5" s="750"/>
      <c r="FU5" s="648" t="s">
        <v>52</v>
      </c>
      <c r="FV5" s="746" t="s">
        <v>61</v>
      </c>
      <c r="FW5" s="747"/>
      <c r="FX5" s="748"/>
      <c r="FY5" s="749" t="s">
        <v>62</v>
      </c>
      <c r="FZ5" s="747"/>
      <c r="GA5" s="747"/>
      <c r="GB5" s="747"/>
      <c r="GC5" s="747"/>
      <c r="GD5" s="747"/>
      <c r="GE5" s="750"/>
      <c r="GF5" s="648" t="s">
        <v>52</v>
      </c>
      <c r="GG5" s="746" t="s">
        <v>61</v>
      </c>
      <c r="GH5" s="747"/>
      <c r="GI5" s="748"/>
      <c r="GJ5" s="749" t="s">
        <v>62</v>
      </c>
      <c r="GK5" s="747"/>
      <c r="GL5" s="747"/>
      <c r="GM5" s="747"/>
      <c r="GN5" s="747"/>
      <c r="GO5" s="747"/>
      <c r="GP5" s="750"/>
      <c r="GQ5" s="648" t="s">
        <v>52</v>
      </c>
      <c r="GR5" s="746" t="s">
        <v>61</v>
      </c>
      <c r="GS5" s="747"/>
      <c r="GT5" s="748"/>
      <c r="GU5" s="749" t="s">
        <v>62</v>
      </c>
      <c r="GV5" s="747"/>
      <c r="GW5" s="747"/>
      <c r="GX5" s="747"/>
      <c r="GY5" s="747"/>
      <c r="GZ5" s="747"/>
      <c r="HA5" s="750"/>
      <c r="HB5" s="648" t="s">
        <v>52</v>
      </c>
      <c r="HC5" s="746" t="s">
        <v>61</v>
      </c>
      <c r="HD5" s="747"/>
      <c r="HE5" s="748"/>
      <c r="HF5" s="749" t="s">
        <v>62</v>
      </c>
      <c r="HG5" s="747"/>
      <c r="HH5" s="747"/>
      <c r="HI5" s="747"/>
      <c r="HJ5" s="747"/>
      <c r="HK5" s="747"/>
      <c r="HL5" s="750"/>
      <c r="HM5" s="648" t="s">
        <v>52</v>
      </c>
      <c r="HN5" s="746" t="s">
        <v>61</v>
      </c>
      <c r="HO5" s="747"/>
      <c r="HP5" s="748"/>
      <c r="HQ5" s="749" t="s">
        <v>62</v>
      </c>
      <c r="HR5" s="747"/>
      <c r="HS5" s="747"/>
      <c r="HT5" s="747"/>
      <c r="HU5" s="747"/>
      <c r="HV5" s="747"/>
      <c r="HW5" s="750"/>
      <c r="HX5" s="648" t="s">
        <v>52</v>
      </c>
    </row>
    <row r="6" spans="1:232" ht="34.5" customHeight="1" thickBot="1" x14ac:dyDescent="0.25">
      <c r="A6" s="761"/>
      <c r="B6" s="415" t="s">
        <v>119</v>
      </c>
      <c r="C6" s="416" t="s">
        <v>44</v>
      </c>
      <c r="D6" s="432" t="s">
        <v>45</v>
      </c>
      <c r="E6" s="433" t="s">
        <v>83</v>
      </c>
      <c r="F6" s="416" t="s">
        <v>47</v>
      </c>
      <c r="G6" s="416" t="s">
        <v>48</v>
      </c>
      <c r="H6" s="416" t="s">
        <v>49</v>
      </c>
      <c r="I6" s="416" t="s">
        <v>50</v>
      </c>
      <c r="J6" s="416" t="s">
        <v>51</v>
      </c>
      <c r="K6" s="434" t="s">
        <v>45</v>
      </c>
      <c r="L6" s="745"/>
      <c r="M6" s="415" t="s">
        <v>119</v>
      </c>
      <c r="N6" s="416" t="s">
        <v>44</v>
      </c>
      <c r="O6" s="432" t="s">
        <v>45</v>
      </c>
      <c r="P6" s="433" t="s">
        <v>83</v>
      </c>
      <c r="Q6" s="416" t="s">
        <v>47</v>
      </c>
      <c r="R6" s="416" t="s">
        <v>48</v>
      </c>
      <c r="S6" s="416" t="s">
        <v>49</v>
      </c>
      <c r="T6" s="416" t="s">
        <v>50</v>
      </c>
      <c r="U6" s="416" t="s">
        <v>51</v>
      </c>
      <c r="V6" s="434" t="s">
        <v>45</v>
      </c>
      <c r="W6" s="745"/>
      <c r="X6" s="415" t="s">
        <v>119</v>
      </c>
      <c r="Y6" s="416" t="s">
        <v>44</v>
      </c>
      <c r="Z6" s="432" t="s">
        <v>45</v>
      </c>
      <c r="AA6" s="433" t="s">
        <v>83</v>
      </c>
      <c r="AB6" s="416" t="s">
        <v>47</v>
      </c>
      <c r="AC6" s="416" t="s">
        <v>48</v>
      </c>
      <c r="AD6" s="416" t="s">
        <v>49</v>
      </c>
      <c r="AE6" s="416" t="s">
        <v>50</v>
      </c>
      <c r="AF6" s="416" t="s">
        <v>51</v>
      </c>
      <c r="AG6" s="434" t="s">
        <v>45</v>
      </c>
      <c r="AH6" s="745"/>
      <c r="AI6" s="415" t="s">
        <v>119</v>
      </c>
      <c r="AJ6" s="416" t="s">
        <v>44</v>
      </c>
      <c r="AK6" s="432" t="s">
        <v>45</v>
      </c>
      <c r="AL6" s="433" t="s">
        <v>83</v>
      </c>
      <c r="AM6" s="416" t="s">
        <v>47</v>
      </c>
      <c r="AN6" s="416" t="s">
        <v>48</v>
      </c>
      <c r="AO6" s="416" t="s">
        <v>49</v>
      </c>
      <c r="AP6" s="416" t="s">
        <v>50</v>
      </c>
      <c r="AQ6" s="416" t="s">
        <v>51</v>
      </c>
      <c r="AR6" s="434" t="s">
        <v>45</v>
      </c>
      <c r="AS6" s="745"/>
      <c r="AT6" s="415" t="s">
        <v>119</v>
      </c>
      <c r="AU6" s="416" t="s">
        <v>44</v>
      </c>
      <c r="AV6" s="432" t="s">
        <v>45</v>
      </c>
      <c r="AW6" s="433" t="s">
        <v>83</v>
      </c>
      <c r="AX6" s="416" t="s">
        <v>47</v>
      </c>
      <c r="AY6" s="416" t="s">
        <v>48</v>
      </c>
      <c r="AZ6" s="416" t="s">
        <v>49</v>
      </c>
      <c r="BA6" s="416" t="s">
        <v>50</v>
      </c>
      <c r="BB6" s="416" t="s">
        <v>51</v>
      </c>
      <c r="BC6" s="434" t="s">
        <v>45</v>
      </c>
      <c r="BD6" s="745"/>
      <c r="BE6" s="415" t="s">
        <v>119</v>
      </c>
      <c r="BF6" s="416" t="s">
        <v>44</v>
      </c>
      <c r="BG6" s="432" t="s">
        <v>45</v>
      </c>
      <c r="BH6" s="433" t="s">
        <v>83</v>
      </c>
      <c r="BI6" s="416" t="s">
        <v>47</v>
      </c>
      <c r="BJ6" s="416" t="s">
        <v>48</v>
      </c>
      <c r="BK6" s="416" t="s">
        <v>49</v>
      </c>
      <c r="BL6" s="416" t="s">
        <v>50</v>
      </c>
      <c r="BM6" s="416" t="s">
        <v>51</v>
      </c>
      <c r="BN6" s="434" t="s">
        <v>45</v>
      </c>
      <c r="BO6" s="745"/>
      <c r="BP6" s="415" t="s">
        <v>119</v>
      </c>
      <c r="BQ6" s="416" t="s">
        <v>44</v>
      </c>
      <c r="BR6" s="432" t="s">
        <v>45</v>
      </c>
      <c r="BS6" s="433" t="s">
        <v>83</v>
      </c>
      <c r="BT6" s="416" t="s">
        <v>47</v>
      </c>
      <c r="BU6" s="416" t="s">
        <v>48</v>
      </c>
      <c r="BV6" s="416" t="s">
        <v>49</v>
      </c>
      <c r="BW6" s="416" t="s">
        <v>50</v>
      </c>
      <c r="BX6" s="416" t="s">
        <v>51</v>
      </c>
      <c r="BY6" s="434" t="s">
        <v>45</v>
      </c>
      <c r="BZ6" s="745"/>
      <c r="CA6" s="415" t="s">
        <v>119</v>
      </c>
      <c r="CB6" s="416" t="s">
        <v>44</v>
      </c>
      <c r="CC6" s="432" t="s">
        <v>45</v>
      </c>
      <c r="CD6" s="433" t="s">
        <v>83</v>
      </c>
      <c r="CE6" s="416" t="s">
        <v>47</v>
      </c>
      <c r="CF6" s="416" t="s">
        <v>48</v>
      </c>
      <c r="CG6" s="416" t="s">
        <v>49</v>
      </c>
      <c r="CH6" s="416" t="s">
        <v>50</v>
      </c>
      <c r="CI6" s="416" t="s">
        <v>51</v>
      </c>
      <c r="CJ6" s="434" t="s">
        <v>45</v>
      </c>
      <c r="CK6" s="745"/>
      <c r="CL6" s="415" t="s">
        <v>119</v>
      </c>
      <c r="CM6" s="416" t="s">
        <v>44</v>
      </c>
      <c r="CN6" s="432" t="s">
        <v>45</v>
      </c>
      <c r="CO6" s="433" t="s">
        <v>83</v>
      </c>
      <c r="CP6" s="416" t="s">
        <v>47</v>
      </c>
      <c r="CQ6" s="416" t="s">
        <v>48</v>
      </c>
      <c r="CR6" s="416" t="s">
        <v>49</v>
      </c>
      <c r="CS6" s="416" t="s">
        <v>50</v>
      </c>
      <c r="CT6" s="416" t="s">
        <v>51</v>
      </c>
      <c r="CU6" s="434" t="s">
        <v>45</v>
      </c>
      <c r="CV6" s="745"/>
      <c r="CW6" s="415" t="s">
        <v>119</v>
      </c>
      <c r="CX6" s="416" t="s">
        <v>44</v>
      </c>
      <c r="CY6" s="432" t="s">
        <v>45</v>
      </c>
      <c r="CZ6" s="433" t="s">
        <v>83</v>
      </c>
      <c r="DA6" s="416" t="s">
        <v>47</v>
      </c>
      <c r="DB6" s="416" t="s">
        <v>48</v>
      </c>
      <c r="DC6" s="416" t="s">
        <v>49</v>
      </c>
      <c r="DD6" s="416" t="s">
        <v>50</v>
      </c>
      <c r="DE6" s="416" t="s">
        <v>51</v>
      </c>
      <c r="DF6" s="434" t="s">
        <v>45</v>
      </c>
      <c r="DG6" s="745"/>
      <c r="DH6" s="415" t="s">
        <v>119</v>
      </c>
      <c r="DI6" s="416" t="s">
        <v>44</v>
      </c>
      <c r="DJ6" s="432" t="s">
        <v>45</v>
      </c>
      <c r="DK6" s="433" t="s">
        <v>83</v>
      </c>
      <c r="DL6" s="416" t="s">
        <v>47</v>
      </c>
      <c r="DM6" s="416" t="s">
        <v>48</v>
      </c>
      <c r="DN6" s="416" t="s">
        <v>49</v>
      </c>
      <c r="DO6" s="416" t="s">
        <v>50</v>
      </c>
      <c r="DP6" s="416" t="s">
        <v>51</v>
      </c>
      <c r="DQ6" s="434" t="s">
        <v>45</v>
      </c>
      <c r="DR6" s="757"/>
      <c r="DS6" s="415" t="s">
        <v>119</v>
      </c>
      <c r="DT6" s="416" t="s">
        <v>44</v>
      </c>
      <c r="DU6" s="432" t="s">
        <v>45</v>
      </c>
      <c r="DV6" s="433" t="s">
        <v>83</v>
      </c>
      <c r="DW6" s="416" t="s">
        <v>47</v>
      </c>
      <c r="DX6" s="416" t="s">
        <v>48</v>
      </c>
      <c r="DY6" s="416" t="s">
        <v>49</v>
      </c>
      <c r="DZ6" s="416" t="s">
        <v>50</v>
      </c>
      <c r="EA6" s="416" t="s">
        <v>51</v>
      </c>
      <c r="EB6" s="434" t="s">
        <v>45</v>
      </c>
      <c r="EC6" s="745"/>
      <c r="ED6" s="415" t="s">
        <v>119</v>
      </c>
      <c r="EE6" s="416" t="s">
        <v>44</v>
      </c>
      <c r="EF6" s="432" t="s">
        <v>45</v>
      </c>
      <c r="EG6" s="433" t="s">
        <v>83</v>
      </c>
      <c r="EH6" s="416" t="s">
        <v>47</v>
      </c>
      <c r="EI6" s="416" t="s">
        <v>48</v>
      </c>
      <c r="EJ6" s="416" t="s">
        <v>49</v>
      </c>
      <c r="EK6" s="416" t="s">
        <v>50</v>
      </c>
      <c r="EL6" s="416" t="s">
        <v>51</v>
      </c>
      <c r="EM6" s="434" t="s">
        <v>45</v>
      </c>
      <c r="EN6" s="745"/>
      <c r="EO6" s="415" t="s">
        <v>119</v>
      </c>
      <c r="EP6" s="416" t="s">
        <v>44</v>
      </c>
      <c r="EQ6" s="432" t="s">
        <v>45</v>
      </c>
      <c r="ER6" s="433" t="s">
        <v>83</v>
      </c>
      <c r="ES6" s="416" t="s">
        <v>47</v>
      </c>
      <c r="ET6" s="416" t="s">
        <v>48</v>
      </c>
      <c r="EU6" s="416" t="s">
        <v>49</v>
      </c>
      <c r="EV6" s="416" t="s">
        <v>50</v>
      </c>
      <c r="EW6" s="416" t="s">
        <v>51</v>
      </c>
      <c r="EX6" s="434" t="s">
        <v>45</v>
      </c>
      <c r="EY6" s="745"/>
      <c r="EZ6" s="415" t="s">
        <v>119</v>
      </c>
      <c r="FA6" s="416" t="s">
        <v>44</v>
      </c>
      <c r="FB6" s="432" t="s">
        <v>45</v>
      </c>
      <c r="FC6" s="433" t="s">
        <v>83</v>
      </c>
      <c r="FD6" s="416" t="s">
        <v>47</v>
      </c>
      <c r="FE6" s="416" t="s">
        <v>48</v>
      </c>
      <c r="FF6" s="416" t="s">
        <v>49</v>
      </c>
      <c r="FG6" s="416" t="s">
        <v>50</v>
      </c>
      <c r="FH6" s="416" t="s">
        <v>51</v>
      </c>
      <c r="FI6" s="434" t="s">
        <v>45</v>
      </c>
      <c r="FJ6" s="745"/>
      <c r="FK6" s="415" t="s">
        <v>119</v>
      </c>
      <c r="FL6" s="416" t="s">
        <v>44</v>
      </c>
      <c r="FM6" s="432" t="s">
        <v>45</v>
      </c>
      <c r="FN6" s="433" t="s">
        <v>83</v>
      </c>
      <c r="FO6" s="416" t="s">
        <v>47</v>
      </c>
      <c r="FP6" s="416" t="s">
        <v>48</v>
      </c>
      <c r="FQ6" s="416" t="s">
        <v>49</v>
      </c>
      <c r="FR6" s="416" t="s">
        <v>50</v>
      </c>
      <c r="FS6" s="416" t="s">
        <v>51</v>
      </c>
      <c r="FT6" s="434" t="s">
        <v>45</v>
      </c>
      <c r="FU6" s="745"/>
      <c r="FV6" s="415" t="s">
        <v>119</v>
      </c>
      <c r="FW6" s="416" t="s">
        <v>44</v>
      </c>
      <c r="FX6" s="432" t="s">
        <v>45</v>
      </c>
      <c r="FY6" s="433" t="s">
        <v>83</v>
      </c>
      <c r="FZ6" s="416" t="s">
        <v>47</v>
      </c>
      <c r="GA6" s="416" t="s">
        <v>48</v>
      </c>
      <c r="GB6" s="416" t="s">
        <v>49</v>
      </c>
      <c r="GC6" s="416" t="s">
        <v>50</v>
      </c>
      <c r="GD6" s="416" t="s">
        <v>51</v>
      </c>
      <c r="GE6" s="434" t="s">
        <v>45</v>
      </c>
      <c r="GF6" s="745"/>
      <c r="GG6" s="415" t="s">
        <v>119</v>
      </c>
      <c r="GH6" s="416" t="s">
        <v>44</v>
      </c>
      <c r="GI6" s="432" t="s">
        <v>45</v>
      </c>
      <c r="GJ6" s="433" t="s">
        <v>83</v>
      </c>
      <c r="GK6" s="416" t="s">
        <v>47</v>
      </c>
      <c r="GL6" s="416" t="s">
        <v>48</v>
      </c>
      <c r="GM6" s="416" t="s">
        <v>49</v>
      </c>
      <c r="GN6" s="416" t="s">
        <v>50</v>
      </c>
      <c r="GO6" s="416" t="s">
        <v>51</v>
      </c>
      <c r="GP6" s="434" t="s">
        <v>45</v>
      </c>
      <c r="GQ6" s="745"/>
      <c r="GR6" s="415" t="s">
        <v>119</v>
      </c>
      <c r="GS6" s="416" t="s">
        <v>44</v>
      </c>
      <c r="GT6" s="432" t="s">
        <v>45</v>
      </c>
      <c r="GU6" s="433" t="s">
        <v>83</v>
      </c>
      <c r="GV6" s="416" t="s">
        <v>47</v>
      </c>
      <c r="GW6" s="416" t="s">
        <v>48</v>
      </c>
      <c r="GX6" s="416" t="s">
        <v>49</v>
      </c>
      <c r="GY6" s="416" t="s">
        <v>50</v>
      </c>
      <c r="GZ6" s="416" t="s">
        <v>51</v>
      </c>
      <c r="HA6" s="434" t="s">
        <v>45</v>
      </c>
      <c r="HB6" s="745"/>
      <c r="HC6" s="415" t="s">
        <v>119</v>
      </c>
      <c r="HD6" s="416" t="s">
        <v>44</v>
      </c>
      <c r="HE6" s="432" t="s">
        <v>45</v>
      </c>
      <c r="HF6" s="433" t="s">
        <v>83</v>
      </c>
      <c r="HG6" s="416" t="s">
        <v>47</v>
      </c>
      <c r="HH6" s="416" t="s">
        <v>48</v>
      </c>
      <c r="HI6" s="416" t="s">
        <v>49</v>
      </c>
      <c r="HJ6" s="416" t="s">
        <v>50</v>
      </c>
      <c r="HK6" s="416" t="s">
        <v>51</v>
      </c>
      <c r="HL6" s="434" t="s">
        <v>45</v>
      </c>
      <c r="HM6" s="745"/>
      <c r="HN6" s="415" t="s">
        <v>119</v>
      </c>
      <c r="HO6" s="416" t="s">
        <v>44</v>
      </c>
      <c r="HP6" s="432" t="s">
        <v>45</v>
      </c>
      <c r="HQ6" s="433" t="s">
        <v>83</v>
      </c>
      <c r="HR6" s="416" t="s">
        <v>47</v>
      </c>
      <c r="HS6" s="416" t="s">
        <v>48</v>
      </c>
      <c r="HT6" s="416" t="s">
        <v>49</v>
      </c>
      <c r="HU6" s="416" t="s">
        <v>50</v>
      </c>
      <c r="HV6" s="416" t="s">
        <v>51</v>
      </c>
      <c r="HW6" s="434" t="s">
        <v>45</v>
      </c>
      <c r="HX6" s="745"/>
    </row>
    <row r="7" spans="1:232" ht="16.5" customHeight="1" x14ac:dyDescent="0.2">
      <c r="A7" s="423" t="s">
        <v>4</v>
      </c>
      <c r="B7" s="424">
        <v>12380</v>
      </c>
      <c r="C7" s="425">
        <v>106020</v>
      </c>
      <c r="D7" s="426">
        <v>118400</v>
      </c>
      <c r="E7" s="427">
        <v>0</v>
      </c>
      <c r="F7" s="425">
        <v>18511310</v>
      </c>
      <c r="G7" s="425">
        <v>37870961</v>
      </c>
      <c r="H7" s="425">
        <v>111584232</v>
      </c>
      <c r="I7" s="425">
        <v>142774475</v>
      </c>
      <c r="J7" s="425">
        <v>92561204</v>
      </c>
      <c r="K7" s="428">
        <v>403302182</v>
      </c>
      <c r="L7" s="429">
        <v>403420582</v>
      </c>
      <c r="M7" s="424">
        <v>0</v>
      </c>
      <c r="N7" s="425">
        <v>0</v>
      </c>
      <c r="O7" s="426">
        <v>0</v>
      </c>
      <c r="P7" s="430"/>
      <c r="Q7" s="425">
        <v>4671132</v>
      </c>
      <c r="R7" s="425">
        <v>12974693</v>
      </c>
      <c r="S7" s="425">
        <v>75060535</v>
      </c>
      <c r="T7" s="425">
        <v>104843457</v>
      </c>
      <c r="U7" s="425">
        <v>70840993</v>
      </c>
      <c r="V7" s="428">
        <v>268390810</v>
      </c>
      <c r="W7" s="429">
        <v>268390810</v>
      </c>
      <c r="X7" s="424">
        <v>0</v>
      </c>
      <c r="Y7" s="425">
        <v>0</v>
      </c>
      <c r="Z7" s="426">
        <v>0</v>
      </c>
      <c r="AA7" s="430"/>
      <c r="AB7" s="425">
        <v>11961673</v>
      </c>
      <c r="AC7" s="425">
        <v>20718985</v>
      </c>
      <c r="AD7" s="425">
        <v>26164535</v>
      </c>
      <c r="AE7" s="425">
        <v>27650375</v>
      </c>
      <c r="AF7" s="425">
        <v>14315293</v>
      </c>
      <c r="AG7" s="428">
        <v>100810861</v>
      </c>
      <c r="AH7" s="429">
        <v>100810861</v>
      </c>
      <c r="AI7" s="424">
        <v>0</v>
      </c>
      <c r="AJ7" s="425">
        <v>0</v>
      </c>
      <c r="AK7" s="426">
        <v>0</v>
      </c>
      <c r="AL7" s="430"/>
      <c r="AM7" s="425">
        <v>2380</v>
      </c>
      <c r="AN7" s="425">
        <v>32060</v>
      </c>
      <c r="AO7" s="425">
        <v>52370</v>
      </c>
      <c r="AP7" s="425">
        <v>851355</v>
      </c>
      <c r="AQ7" s="425">
        <v>1057860</v>
      </c>
      <c r="AR7" s="428">
        <v>1996025</v>
      </c>
      <c r="AS7" s="429">
        <v>1996025</v>
      </c>
      <c r="AT7" s="424">
        <v>0</v>
      </c>
      <c r="AU7" s="425">
        <v>0</v>
      </c>
      <c r="AV7" s="426">
        <v>0</v>
      </c>
      <c r="AW7" s="430"/>
      <c r="AX7" s="425">
        <v>239120</v>
      </c>
      <c r="AY7" s="425">
        <v>105700</v>
      </c>
      <c r="AZ7" s="425">
        <v>466920</v>
      </c>
      <c r="BA7" s="425">
        <v>1561540</v>
      </c>
      <c r="BB7" s="425">
        <v>1959671</v>
      </c>
      <c r="BC7" s="428">
        <v>4332951</v>
      </c>
      <c r="BD7" s="429">
        <v>4332951</v>
      </c>
      <c r="BE7" s="424">
        <v>0</v>
      </c>
      <c r="BF7" s="425">
        <v>0</v>
      </c>
      <c r="BG7" s="426">
        <v>0</v>
      </c>
      <c r="BH7" s="430"/>
      <c r="BI7" s="425">
        <v>62216</v>
      </c>
      <c r="BJ7" s="425">
        <v>226380</v>
      </c>
      <c r="BK7" s="425">
        <v>1528433</v>
      </c>
      <c r="BL7" s="425">
        <v>1435010</v>
      </c>
      <c r="BM7" s="425">
        <v>1042891</v>
      </c>
      <c r="BN7" s="428">
        <v>4294930</v>
      </c>
      <c r="BO7" s="429">
        <v>4294930</v>
      </c>
      <c r="BP7" s="424">
        <v>12380</v>
      </c>
      <c r="BQ7" s="425">
        <v>106600</v>
      </c>
      <c r="BR7" s="426">
        <v>118980</v>
      </c>
      <c r="BS7" s="427">
        <v>0</v>
      </c>
      <c r="BT7" s="425">
        <v>1503490</v>
      </c>
      <c r="BU7" s="425">
        <v>3589498</v>
      </c>
      <c r="BV7" s="425">
        <v>7987574</v>
      </c>
      <c r="BW7" s="425">
        <v>6206481</v>
      </c>
      <c r="BX7" s="425">
        <v>3107534</v>
      </c>
      <c r="BY7" s="428">
        <v>22394577</v>
      </c>
      <c r="BZ7" s="429">
        <v>22513557</v>
      </c>
      <c r="CA7" s="424">
        <v>0</v>
      </c>
      <c r="CB7" s="425">
        <v>-580</v>
      </c>
      <c r="CC7" s="426">
        <v>-580</v>
      </c>
      <c r="CD7" s="427">
        <v>0</v>
      </c>
      <c r="CE7" s="425">
        <v>71299</v>
      </c>
      <c r="CF7" s="425">
        <v>223645</v>
      </c>
      <c r="CG7" s="425">
        <v>323865</v>
      </c>
      <c r="CH7" s="425">
        <v>226257</v>
      </c>
      <c r="CI7" s="425">
        <v>236962</v>
      </c>
      <c r="CJ7" s="428">
        <v>1082028</v>
      </c>
      <c r="CK7" s="429">
        <v>1081448</v>
      </c>
      <c r="CL7" s="424">
        <v>0</v>
      </c>
      <c r="CM7" s="425">
        <v>0</v>
      </c>
      <c r="CN7" s="426">
        <v>0</v>
      </c>
      <c r="CO7" s="427">
        <v>0</v>
      </c>
      <c r="CP7" s="425">
        <v>0</v>
      </c>
      <c r="CQ7" s="425">
        <v>0</v>
      </c>
      <c r="CR7" s="425">
        <v>0</v>
      </c>
      <c r="CS7" s="425">
        <v>0</v>
      </c>
      <c r="CT7" s="425">
        <v>0</v>
      </c>
      <c r="CU7" s="428">
        <v>0</v>
      </c>
      <c r="CV7" s="429">
        <v>0</v>
      </c>
      <c r="CW7" s="424">
        <v>0</v>
      </c>
      <c r="CX7" s="425">
        <v>0</v>
      </c>
      <c r="CY7" s="426">
        <v>0</v>
      </c>
      <c r="CZ7" s="430"/>
      <c r="DA7" s="425">
        <v>0</v>
      </c>
      <c r="DB7" s="425">
        <v>0</v>
      </c>
      <c r="DC7" s="425">
        <v>0</v>
      </c>
      <c r="DD7" s="425">
        <v>0</v>
      </c>
      <c r="DE7" s="425">
        <v>0</v>
      </c>
      <c r="DF7" s="428">
        <v>0</v>
      </c>
      <c r="DG7" s="429">
        <v>0</v>
      </c>
      <c r="DH7" s="424">
        <v>19526</v>
      </c>
      <c r="DI7" s="425">
        <v>122826</v>
      </c>
      <c r="DJ7" s="426">
        <v>142352</v>
      </c>
      <c r="DK7" s="427">
        <v>0</v>
      </c>
      <c r="DL7" s="425">
        <v>10691075</v>
      </c>
      <c r="DM7" s="425">
        <v>29401638</v>
      </c>
      <c r="DN7" s="425">
        <v>119054360</v>
      </c>
      <c r="DO7" s="425">
        <v>149754655</v>
      </c>
      <c r="DP7" s="425">
        <v>94936856</v>
      </c>
      <c r="DQ7" s="428">
        <v>403838584</v>
      </c>
      <c r="DR7" s="431">
        <v>403980936</v>
      </c>
      <c r="DS7" s="424">
        <v>0</v>
      </c>
      <c r="DT7" s="425">
        <v>0</v>
      </c>
      <c r="DU7" s="426">
        <v>0</v>
      </c>
      <c r="DV7" s="430"/>
      <c r="DW7" s="425">
        <v>5601396</v>
      </c>
      <c r="DX7" s="425">
        <v>18060374</v>
      </c>
      <c r="DY7" s="425">
        <v>97891643</v>
      </c>
      <c r="DZ7" s="425">
        <v>131444266</v>
      </c>
      <c r="EA7" s="425">
        <v>83879347</v>
      </c>
      <c r="EB7" s="428">
        <v>336877026</v>
      </c>
      <c r="EC7" s="429">
        <v>336877026</v>
      </c>
      <c r="ED7" s="424">
        <v>0</v>
      </c>
      <c r="EE7" s="425">
        <v>0</v>
      </c>
      <c r="EF7" s="426">
        <v>0</v>
      </c>
      <c r="EG7" s="430"/>
      <c r="EH7" s="425">
        <v>2586187</v>
      </c>
      <c r="EI7" s="425">
        <v>5451640</v>
      </c>
      <c r="EJ7" s="425">
        <v>5918463</v>
      </c>
      <c r="EK7" s="425">
        <v>6249393</v>
      </c>
      <c r="EL7" s="425">
        <v>3705179</v>
      </c>
      <c r="EM7" s="428">
        <v>23910862</v>
      </c>
      <c r="EN7" s="429">
        <v>23910862</v>
      </c>
      <c r="EO7" s="424">
        <v>0</v>
      </c>
      <c r="EP7" s="425">
        <v>0</v>
      </c>
      <c r="EQ7" s="426">
        <v>0</v>
      </c>
      <c r="ER7" s="430"/>
      <c r="ES7" s="425">
        <v>196</v>
      </c>
      <c r="ET7" s="425">
        <v>10556</v>
      </c>
      <c r="EU7" s="425">
        <v>11361</v>
      </c>
      <c r="EV7" s="425">
        <v>99991</v>
      </c>
      <c r="EW7" s="425">
        <v>179106</v>
      </c>
      <c r="EX7" s="428">
        <v>301210</v>
      </c>
      <c r="EY7" s="429">
        <v>301210</v>
      </c>
      <c r="EZ7" s="424">
        <v>0</v>
      </c>
      <c r="FA7" s="425">
        <v>0</v>
      </c>
      <c r="FB7" s="426">
        <v>0</v>
      </c>
      <c r="FC7" s="430"/>
      <c r="FD7" s="425">
        <v>53760</v>
      </c>
      <c r="FE7" s="425">
        <v>32452</v>
      </c>
      <c r="FF7" s="425">
        <v>106120</v>
      </c>
      <c r="FG7" s="425">
        <v>290504</v>
      </c>
      <c r="FH7" s="425">
        <v>346168</v>
      </c>
      <c r="FI7" s="428">
        <v>829004</v>
      </c>
      <c r="FJ7" s="429">
        <v>829004</v>
      </c>
      <c r="FK7" s="424">
        <v>0</v>
      </c>
      <c r="FL7" s="425">
        <v>0</v>
      </c>
      <c r="FM7" s="426">
        <v>0</v>
      </c>
      <c r="FN7" s="430"/>
      <c r="FO7" s="425">
        <v>116928</v>
      </c>
      <c r="FP7" s="425">
        <v>312284</v>
      </c>
      <c r="FQ7" s="425">
        <v>2548789</v>
      </c>
      <c r="FR7" s="425">
        <v>2735829</v>
      </c>
      <c r="FS7" s="425">
        <v>1838778</v>
      </c>
      <c r="FT7" s="428">
        <v>7552608</v>
      </c>
      <c r="FU7" s="429">
        <v>7552608</v>
      </c>
      <c r="FV7" s="424">
        <v>19526</v>
      </c>
      <c r="FW7" s="425">
        <v>122875</v>
      </c>
      <c r="FX7" s="426">
        <v>142401</v>
      </c>
      <c r="FY7" s="427">
        <v>0</v>
      </c>
      <c r="FZ7" s="425">
        <v>2305296</v>
      </c>
      <c r="GA7" s="425">
        <v>5427562</v>
      </c>
      <c r="GB7" s="425">
        <v>12416514</v>
      </c>
      <c r="GC7" s="425">
        <v>8800886</v>
      </c>
      <c r="GD7" s="425">
        <v>4847694</v>
      </c>
      <c r="GE7" s="428">
        <v>33797952</v>
      </c>
      <c r="GF7" s="429">
        <v>33940353</v>
      </c>
      <c r="GG7" s="424">
        <v>0</v>
      </c>
      <c r="GH7" s="425">
        <v>-49</v>
      </c>
      <c r="GI7" s="426">
        <v>-49</v>
      </c>
      <c r="GJ7" s="427">
        <v>0</v>
      </c>
      <c r="GK7" s="425">
        <v>27312</v>
      </c>
      <c r="GL7" s="425">
        <v>106770</v>
      </c>
      <c r="GM7" s="425">
        <v>161470</v>
      </c>
      <c r="GN7" s="425">
        <v>133786</v>
      </c>
      <c r="GO7" s="425">
        <v>140584</v>
      </c>
      <c r="GP7" s="428">
        <v>569922</v>
      </c>
      <c r="GQ7" s="429">
        <v>569873</v>
      </c>
      <c r="GR7" s="424">
        <v>0</v>
      </c>
      <c r="GS7" s="425">
        <v>0</v>
      </c>
      <c r="GT7" s="426">
        <v>0</v>
      </c>
      <c r="GU7" s="427">
        <v>0</v>
      </c>
      <c r="GV7" s="425">
        <v>0</v>
      </c>
      <c r="GW7" s="425">
        <v>0</v>
      </c>
      <c r="GX7" s="425">
        <v>0</v>
      </c>
      <c r="GY7" s="425">
        <v>0</v>
      </c>
      <c r="GZ7" s="425">
        <v>0</v>
      </c>
      <c r="HA7" s="428">
        <v>0</v>
      </c>
      <c r="HB7" s="429">
        <v>0</v>
      </c>
      <c r="HC7" s="424">
        <v>0</v>
      </c>
      <c r="HD7" s="425">
        <v>0</v>
      </c>
      <c r="HE7" s="426">
        <v>0</v>
      </c>
      <c r="HF7" s="430"/>
      <c r="HG7" s="425">
        <v>0</v>
      </c>
      <c r="HH7" s="425">
        <v>0</v>
      </c>
      <c r="HI7" s="425">
        <v>0</v>
      </c>
      <c r="HJ7" s="425">
        <v>0</v>
      </c>
      <c r="HK7" s="425">
        <v>0</v>
      </c>
      <c r="HL7" s="428">
        <v>0</v>
      </c>
      <c r="HM7" s="429">
        <v>0</v>
      </c>
      <c r="HN7" s="424">
        <v>31906</v>
      </c>
      <c r="HO7" s="425">
        <v>228846</v>
      </c>
      <c r="HP7" s="426">
        <v>260752</v>
      </c>
      <c r="HQ7" s="427">
        <v>0</v>
      </c>
      <c r="HR7" s="425">
        <v>29202385</v>
      </c>
      <c r="HS7" s="425">
        <v>67272599</v>
      </c>
      <c r="HT7" s="425">
        <v>230638592</v>
      </c>
      <c r="HU7" s="425">
        <v>292529130</v>
      </c>
      <c r="HV7" s="425">
        <v>187498060</v>
      </c>
      <c r="HW7" s="428">
        <v>807140766</v>
      </c>
      <c r="HX7" s="429">
        <v>807401518</v>
      </c>
    </row>
    <row r="8" spans="1:232" ht="16.5" customHeight="1" x14ac:dyDescent="0.2">
      <c r="A8" s="327" t="s">
        <v>5</v>
      </c>
      <c r="B8" s="329">
        <v>165</v>
      </c>
      <c r="C8" s="330">
        <v>25721</v>
      </c>
      <c r="D8" s="331">
        <v>25886</v>
      </c>
      <c r="E8" s="332">
        <v>0</v>
      </c>
      <c r="F8" s="330">
        <v>7152072</v>
      </c>
      <c r="G8" s="330">
        <v>18381693</v>
      </c>
      <c r="H8" s="330">
        <v>47295517</v>
      </c>
      <c r="I8" s="330">
        <v>59570541</v>
      </c>
      <c r="J8" s="330">
        <v>39604075</v>
      </c>
      <c r="K8" s="333">
        <v>172003898</v>
      </c>
      <c r="L8" s="334">
        <v>172029784</v>
      </c>
      <c r="M8" s="329">
        <v>0</v>
      </c>
      <c r="N8" s="330">
        <v>0</v>
      </c>
      <c r="O8" s="331">
        <v>0</v>
      </c>
      <c r="P8" s="335"/>
      <c r="Q8" s="330">
        <v>2483977</v>
      </c>
      <c r="R8" s="330">
        <v>8005012</v>
      </c>
      <c r="S8" s="330">
        <v>32077175</v>
      </c>
      <c r="T8" s="330">
        <v>44796136</v>
      </c>
      <c r="U8" s="330">
        <v>30737301</v>
      </c>
      <c r="V8" s="333">
        <v>118099601</v>
      </c>
      <c r="W8" s="334">
        <v>118099601</v>
      </c>
      <c r="X8" s="329">
        <v>0</v>
      </c>
      <c r="Y8" s="330">
        <v>0</v>
      </c>
      <c r="Z8" s="331">
        <v>0</v>
      </c>
      <c r="AA8" s="335"/>
      <c r="AB8" s="330">
        <v>4154613</v>
      </c>
      <c r="AC8" s="330">
        <v>8897568</v>
      </c>
      <c r="AD8" s="330">
        <v>11234721</v>
      </c>
      <c r="AE8" s="330">
        <v>11587276</v>
      </c>
      <c r="AF8" s="330">
        <v>6579696</v>
      </c>
      <c r="AG8" s="333">
        <v>42453874</v>
      </c>
      <c r="AH8" s="334">
        <v>42453874</v>
      </c>
      <c r="AI8" s="329">
        <v>0</v>
      </c>
      <c r="AJ8" s="330">
        <v>0</v>
      </c>
      <c r="AK8" s="331">
        <v>0</v>
      </c>
      <c r="AL8" s="335"/>
      <c r="AM8" s="330">
        <v>0</v>
      </c>
      <c r="AN8" s="330">
        <v>32060</v>
      </c>
      <c r="AO8" s="330">
        <v>0</v>
      </c>
      <c r="AP8" s="330">
        <v>104743</v>
      </c>
      <c r="AQ8" s="330">
        <v>231529</v>
      </c>
      <c r="AR8" s="333">
        <v>368332</v>
      </c>
      <c r="AS8" s="334">
        <v>368332</v>
      </c>
      <c r="AT8" s="329">
        <v>0</v>
      </c>
      <c r="AU8" s="330">
        <v>0</v>
      </c>
      <c r="AV8" s="331">
        <v>0</v>
      </c>
      <c r="AW8" s="335"/>
      <c r="AX8" s="330">
        <v>32060</v>
      </c>
      <c r="AY8" s="330">
        <v>34440</v>
      </c>
      <c r="AZ8" s="330">
        <v>36820</v>
      </c>
      <c r="BA8" s="330">
        <v>330735</v>
      </c>
      <c r="BB8" s="330">
        <v>450140</v>
      </c>
      <c r="BC8" s="333">
        <v>884195</v>
      </c>
      <c r="BD8" s="334">
        <v>884195</v>
      </c>
      <c r="BE8" s="329">
        <v>0</v>
      </c>
      <c r="BF8" s="330">
        <v>0</v>
      </c>
      <c r="BG8" s="331">
        <v>0</v>
      </c>
      <c r="BH8" s="335"/>
      <c r="BI8" s="330">
        <v>34300</v>
      </c>
      <c r="BJ8" s="330">
        <v>29540</v>
      </c>
      <c r="BK8" s="330">
        <v>164270</v>
      </c>
      <c r="BL8" s="330">
        <v>206160</v>
      </c>
      <c r="BM8" s="330">
        <v>145350</v>
      </c>
      <c r="BN8" s="333">
        <v>579620</v>
      </c>
      <c r="BO8" s="334">
        <v>579620</v>
      </c>
      <c r="BP8" s="329">
        <v>165</v>
      </c>
      <c r="BQ8" s="330">
        <v>26301</v>
      </c>
      <c r="BR8" s="331">
        <v>26466</v>
      </c>
      <c r="BS8" s="332">
        <v>0</v>
      </c>
      <c r="BT8" s="330">
        <v>419163</v>
      </c>
      <c r="BU8" s="330">
        <v>1275642</v>
      </c>
      <c r="BV8" s="330">
        <v>3532137</v>
      </c>
      <c r="BW8" s="330">
        <v>2400429</v>
      </c>
      <c r="BX8" s="330">
        <v>1327608</v>
      </c>
      <c r="BY8" s="333">
        <v>8954979</v>
      </c>
      <c r="BZ8" s="334">
        <v>8981445</v>
      </c>
      <c r="CA8" s="329">
        <v>0</v>
      </c>
      <c r="CB8" s="330">
        <v>-580</v>
      </c>
      <c r="CC8" s="331">
        <v>-580</v>
      </c>
      <c r="CD8" s="332">
        <v>0</v>
      </c>
      <c r="CE8" s="330">
        <v>27959</v>
      </c>
      <c r="CF8" s="330">
        <v>107431</v>
      </c>
      <c r="CG8" s="330">
        <v>250394</v>
      </c>
      <c r="CH8" s="330">
        <v>145062</v>
      </c>
      <c r="CI8" s="330">
        <v>132451</v>
      </c>
      <c r="CJ8" s="333">
        <v>663297</v>
      </c>
      <c r="CK8" s="334">
        <v>662717</v>
      </c>
      <c r="CL8" s="329">
        <v>0</v>
      </c>
      <c r="CM8" s="330">
        <v>0</v>
      </c>
      <c r="CN8" s="331">
        <v>0</v>
      </c>
      <c r="CO8" s="332">
        <v>0</v>
      </c>
      <c r="CP8" s="330">
        <v>0</v>
      </c>
      <c r="CQ8" s="330">
        <v>0</v>
      </c>
      <c r="CR8" s="330">
        <v>0</v>
      </c>
      <c r="CS8" s="330">
        <v>0</v>
      </c>
      <c r="CT8" s="330">
        <v>0</v>
      </c>
      <c r="CU8" s="333">
        <v>0</v>
      </c>
      <c r="CV8" s="334">
        <v>0</v>
      </c>
      <c r="CW8" s="329">
        <v>0</v>
      </c>
      <c r="CX8" s="330">
        <v>0</v>
      </c>
      <c r="CY8" s="331">
        <v>0</v>
      </c>
      <c r="CZ8" s="335"/>
      <c r="DA8" s="330">
        <v>0</v>
      </c>
      <c r="DB8" s="330">
        <v>0</v>
      </c>
      <c r="DC8" s="330">
        <v>0</v>
      </c>
      <c r="DD8" s="330">
        <v>0</v>
      </c>
      <c r="DE8" s="330">
        <v>0</v>
      </c>
      <c r="DF8" s="333">
        <v>0</v>
      </c>
      <c r="DG8" s="334">
        <v>0</v>
      </c>
      <c r="DH8" s="329">
        <v>2088</v>
      </c>
      <c r="DI8" s="330">
        <v>41558</v>
      </c>
      <c r="DJ8" s="331">
        <v>43646</v>
      </c>
      <c r="DK8" s="332">
        <v>0</v>
      </c>
      <c r="DL8" s="330">
        <v>5127822</v>
      </c>
      <c r="DM8" s="330">
        <v>17119136</v>
      </c>
      <c r="DN8" s="330">
        <v>51813391</v>
      </c>
      <c r="DO8" s="330">
        <v>65393242</v>
      </c>
      <c r="DP8" s="330">
        <v>42539937</v>
      </c>
      <c r="DQ8" s="333">
        <v>181993528</v>
      </c>
      <c r="DR8" s="336">
        <v>182037174</v>
      </c>
      <c r="DS8" s="329">
        <v>0</v>
      </c>
      <c r="DT8" s="330">
        <v>0</v>
      </c>
      <c r="DU8" s="331">
        <v>0</v>
      </c>
      <c r="DV8" s="335"/>
      <c r="DW8" s="330">
        <v>3053188</v>
      </c>
      <c r="DX8" s="330">
        <v>11561275</v>
      </c>
      <c r="DY8" s="330">
        <v>42935126</v>
      </c>
      <c r="DZ8" s="330">
        <v>57692701</v>
      </c>
      <c r="EA8" s="330">
        <v>37647211</v>
      </c>
      <c r="EB8" s="333">
        <v>152889501</v>
      </c>
      <c r="EC8" s="334">
        <v>152889501</v>
      </c>
      <c r="ED8" s="329">
        <v>0</v>
      </c>
      <c r="EE8" s="330">
        <v>0</v>
      </c>
      <c r="EF8" s="331">
        <v>0</v>
      </c>
      <c r="EG8" s="335"/>
      <c r="EH8" s="330">
        <v>1257466</v>
      </c>
      <c r="EI8" s="330">
        <v>3264976</v>
      </c>
      <c r="EJ8" s="330">
        <v>3325850</v>
      </c>
      <c r="EK8" s="330">
        <v>3508256</v>
      </c>
      <c r="EL8" s="330">
        <v>2357534</v>
      </c>
      <c r="EM8" s="333">
        <v>13714082</v>
      </c>
      <c r="EN8" s="334">
        <v>13714082</v>
      </c>
      <c r="EO8" s="329">
        <v>0</v>
      </c>
      <c r="EP8" s="330">
        <v>0</v>
      </c>
      <c r="EQ8" s="331">
        <v>0</v>
      </c>
      <c r="ER8" s="335"/>
      <c r="ES8" s="330">
        <v>0</v>
      </c>
      <c r="ET8" s="330">
        <v>10556</v>
      </c>
      <c r="EU8" s="330">
        <v>10360</v>
      </c>
      <c r="EV8" s="330">
        <v>3528</v>
      </c>
      <c r="EW8" s="330">
        <v>15169</v>
      </c>
      <c r="EX8" s="333">
        <v>39613</v>
      </c>
      <c r="EY8" s="334">
        <v>39613</v>
      </c>
      <c r="EZ8" s="329">
        <v>0</v>
      </c>
      <c r="FA8" s="330">
        <v>0</v>
      </c>
      <c r="FB8" s="331">
        <v>0</v>
      </c>
      <c r="FC8" s="335"/>
      <c r="FD8" s="330">
        <v>10556</v>
      </c>
      <c r="FE8" s="330">
        <v>10752</v>
      </c>
      <c r="FF8" s="330">
        <v>10948</v>
      </c>
      <c r="FG8" s="330">
        <v>58366</v>
      </c>
      <c r="FH8" s="330">
        <v>92708</v>
      </c>
      <c r="FI8" s="333">
        <v>183330</v>
      </c>
      <c r="FJ8" s="334">
        <v>183330</v>
      </c>
      <c r="FK8" s="329">
        <v>0</v>
      </c>
      <c r="FL8" s="330">
        <v>0</v>
      </c>
      <c r="FM8" s="331">
        <v>0</v>
      </c>
      <c r="FN8" s="335"/>
      <c r="FO8" s="330">
        <v>38976</v>
      </c>
      <c r="FP8" s="330">
        <v>33208</v>
      </c>
      <c r="FQ8" s="330">
        <v>287344</v>
      </c>
      <c r="FR8" s="330">
        <v>319160</v>
      </c>
      <c r="FS8" s="330">
        <v>217944</v>
      </c>
      <c r="FT8" s="333">
        <v>896632</v>
      </c>
      <c r="FU8" s="334">
        <v>896632</v>
      </c>
      <c r="FV8" s="329">
        <v>2088</v>
      </c>
      <c r="FW8" s="330">
        <v>41607</v>
      </c>
      <c r="FX8" s="331">
        <v>43695</v>
      </c>
      <c r="FY8" s="332">
        <v>0</v>
      </c>
      <c r="FZ8" s="330">
        <v>751123</v>
      </c>
      <c r="GA8" s="330">
        <v>2178532</v>
      </c>
      <c r="GB8" s="330">
        <v>5151591</v>
      </c>
      <c r="GC8" s="330">
        <v>3740660</v>
      </c>
      <c r="GD8" s="330">
        <v>2105072</v>
      </c>
      <c r="GE8" s="333">
        <v>13926978</v>
      </c>
      <c r="GF8" s="334">
        <v>13970673</v>
      </c>
      <c r="GG8" s="329">
        <v>0</v>
      </c>
      <c r="GH8" s="330">
        <v>-49</v>
      </c>
      <c r="GI8" s="331">
        <v>-49</v>
      </c>
      <c r="GJ8" s="332">
        <v>0</v>
      </c>
      <c r="GK8" s="330">
        <v>16513</v>
      </c>
      <c r="GL8" s="330">
        <v>59837</v>
      </c>
      <c r="GM8" s="330">
        <v>92172</v>
      </c>
      <c r="GN8" s="330">
        <v>70571</v>
      </c>
      <c r="GO8" s="330">
        <v>104299</v>
      </c>
      <c r="GP8" s="333">
        <v>343392</v>
      </c>
      <c r="GQ8" s="334">
        <v>343343</v>
      </c>
      <c r="GR8" s="329">
        <v>0</v>
      </c>
      <c r="GS8" s="330">
        <v>0</v>
      </c>
      <c r="GT8" s="331">
        <v>0</v>
      </c>
      <c r="GU8" s="332">
        <v>0</v>
      </c>
      <c r="GV8" s="330">
        <v>0</v>
      </c>
      <c r="GW8" s="330">
        <v>0</v>
      </c>
      <c r="GX8" s="330">
        <v>0</v>
      </c>
      <c r="GY8" s="330">
        <v>0</v>
      </c>
      <c r="GZ8" s="330">
        <v>0</v>
      </c>
      <c r="HA8" s="333">
        <v>0</v>
      </c>
      <c r="HB8" s="334">
        <v>0</v>
      </c>
      <c r="HC8" s="329">
        <v>0</v>
      </c>
      <c r="HD8" s="330">
        <v>0</v>
      </c>
      <c r="HE8" s="331">
        <v>0</v>
      </c>
      <c r="HF8" s="335"/>
      <c r="HG8" s="330">
        <v>0</v>
      </c>
      <c r="HH8" s="330">
        <v>0</v>
      </c>
      <c r="HI8" s="330">
        <v>0</v>
      </c>
      <c r="HJ8" s="330">
        <v>0</v>
      </c>
      <c r="HK8" s="330">
        <v>0</v>
      </c>
      <c r="HL8" s="333">
        <v>0</v>
      </c>
      <c r="HM8" s="334">
        <v>0</v>
      </c>
      <c r="HN8" s="329">
        <v>2253</v>
      </c>
      <c r="HO8" s="330">
        <v>67279</v>
      </c>
      <c r="HP8" s="331">
        <v>69532</v>
      </c>
      <c r="HQ8" s="332">
        <v>0</v>
      </c>
      <c r="HR8" s="330">
        <v>12279894</v>
      </c>
      <c r="HS8" s="330">
        <v>35500829</v>
      </c>
      <c r="HT8" s="330">
        <v>99108908</v>
      </c>
      <c r="HU8" s="330">
        <v>124963783</v>
      </c>
      <c r="HV8" s="330">
        <v>82144012</v>
      </c>
      <c r="HW8" s="333">
        <v>353997426</v>
      </c>
      <c r="HX8" s="334">
        <v>354066958</v>
      </c>
    </row>
    <row r="9" spans="1:232" ht="16.5" customHeight="1" x14ac:dyDescent="0.2">
      <c r="A9" s="327" t="s">
        <v>6</v>
      </c>
      <c r="B9" s="329">
        <v>0</v>
      </c>
      <c r="C9" s="330">
        <v>16742</v>
      </c>
      <c r="D9" s="331">
        <v>16742</v>
      </c>
      <c r="E9" s="332">
        <v>0</v>
      </c>
      <c r="F9" s="330">
        <v>2753990</v>
      </c>
      <c r="G9" s="330">
        <v>4467002</v>
      </c>
      <c r="H9" s="330">
        <v>14126227</v>
      </c>
      <c r="I9" s="330">
        <v>19768660</v>
      </c>
      <c r="J9" s="330">
        <v>12715129</v>
      </c>
      <c r="K9" s="333">
        <v>53831008</v>
      </c>
      <c r="L9" s="334">
        <v>53847750</v>
      </c>
      <c r="M9" s="329">
        <v>0</v>
      </c>
      <c r="N9" s="330">
        <v>0</v>
      </c>
      <c r="O9" s="331">
        <v>0</v>
      </c>
      <c r="P9" s="335"/>
      <c r="Q9" s="330">
        <v>989940</v>
      </c>
      <c r="R9" s="330">
        <v>1643128</v>
      </c>
      <c r="S9" s="330">
        <v>9915695</v>
      </c>
      <c r="T9" s="330">
        <v>13561140</v>
      </c>
      <c r="U9" s="330">
        <v>9533000</v>
      </c>
      <c r="V9" s="333">
        <v>35642903</v>
      </c>
      <c r="W9" s="334">
        <v>35642903</v>
      </c>
      <c r="X9" s="329">
        <v>0</v>
      </c>
      <c r="Y9" s="330">
        <v>0</v>
      </c>
      <c r="Z9" s="331">
        <v>0</v>
      </c>
      <c r="AA9" s="335"/>
      <c r="AB9" s="330">
        <v>1559685</v>
      </c>
      <c r="AC9" s="330">
        <v>2258170</v>
      </c>
      <c r="AD9" s="330">
        <v>3159302</v>
      </c>
      <c r="AE9" s="330">
        <v>4198853</v>
      </c>
      <c r="AF9" s="330">
        <v>1840753</v>
      </c>
      <c r="AG9" s="333">
        <v>13016763</v>
      </c>
      <c r="AH9" s="334">
        <v>13016763</v>
      </c>
      <c r="AI9" s="329">
        <v>0</v>
      </c>
      <c r="AJ9" s="330">
        <v>0</v>
      </c>
      <c r="AK9" s="331">
        <v>0</v>
      </c>
      <c r="AL9" s="335"/>
      <c r="AM9" s="330">
        <v>2380</v>
      </c>
      <c r="AN9" s="330">
        <v>0</v>
      </c>
      <c r="AO9" s="330">
        <v>24640</v>
      </c>
      <c r="AP9" s="330">
        <v>389271</v>
      </c>
      <c r="AQ9" s="330">
        <v>409265</v>
      </c>
      <c r="AR9" s="333">
        <v>825556</v>
      </c>
      <c r="AS9" s="334">
        <v>825556</v>
      </c>
      <c r="AT9" s="329">
        <v>0</v>
      </c>
      <c r="AU9" s="330">
        <v>0</v>
      </c>
      <c r="AV9" s="331">
        <v>0</v>
      </c>
      <c r="AW9" s="335"/>
      <c r="AX9" s="330">
        <v>0</v>
      </c>
      <c r="AY9" s="330">
        <v>0</v>
      </c>
      <c r="AZ9" s="330">
        <v>29400</v>
      </c>
      <c r="BA9" s="330">
        <v>319035</v>
      </c>
      <c r="BB9" s="330">
        <v>339585</v>
      </c>
      <c r="BC9" s="333">
        <v>688020</v>
      </c>
      <c r="BD9" s="334">
        <v>688020</v>
      </c>
      <c r="BE9" s="329">
        <v>0</v>
      </c>
      <c r="BF9" s="330">
        <v>0</v>
      </c>
      <c r="BG9" s="331">
        <v>0</v>
      </c>
      <c r="BH9" s="335"/>
      <c r="BI9" s="330">
        <v>24640</v>
      </c>
      <c r="BJ9" s="330">
        <v>59080</v>
      </c>
      <c r="BK9" s="330">
        <v>194180</v>
      </c>
      <c r="BL9" s="330">
        <v>353075</v>
      </c>
      <c r="BM9" s="330">
        <v>224955</v>
      </c>
      <c r="BN9" s="333">
        <v>855930</v>
      </c>
      <c r="BO9" s="334">
        <v>855930</v>
      </c>
      <c r="BP9" s="329">
        <v>0</v>
      </c>
      <c r="BQ9" s="330">
        <v>16742</v>
      </c>
      <c r="BR9" s="331">
        <v>16742</v>
      </c>
      <c r="BS9" s="332">
        <v>0</v>
      </c>
      <c r="BT9" s="330">
        <v>164510</v>
      </c>
      <c r="BU9" s="330">
        <v>459099</v>
      </c>
      <c r="BV9" s="330">
        <v>772541</v>
      </c>
      <c r="BW9" s="330">
        <v>914711</v>
      </c>
      <c r="BX9" s="330">
        <v>320691</v>
      </c>
      <c r="BY9" s="333">
        <v>2631552</v>
      </c>
      <c r="BZ9" s="334">
        <v>2648294</v>
      </c>
      <c r="CA9" s="329">
        <v>0</v>
      </c>
      <c r="CB9" s="330">
        <v>0</v>
      </c>
      <c r="CC9" s="331">
        <v>0</v>
      </c>
      <c r="CD9" s="332">
        <v>0</v>
      </c>
      <c r="CE9" s="330">
        <v>12835</v>
      </c>
      <c r="CF9" s="330">
        <v>47525</v>
      </c>
      <c r="CG9" s="330">
        <v>30469</v>
      </c>
      <c r="CH9" s="330">
        <v>32575</v>
      </c>
      <c r="CI9" s="330">
        <v>46880</v>
      </c>
      <c r="CJ9" s="333">
        <v>170284</v>
      </c>
      <c r="CK9" s="334">
        <v>170284</v>
      </c>
      <c r="CL9" s="329">
        <v>0</v>
      </c>
      <c r="CM9" s="330">
        <v>0</v>
      </c>
      <c r="CN9" s="331">
        <v>0</v>
      </c>
      <c r="CO9" s="332">
        <v>0</v>
      </c>
      <c r="CP9" s="330">
        <v>0</v>
      </c>
      <c r="CQ9" s="330">
        <v>0</v>
      </c>
      <c r="CR9" s="330">
        <v>0</v>
      </c>
      <c r="CS9" s="330">
        <v>0</v>
      </c>
      <c r="CT9" s="330">
        <v>0</v>
      </c>
      <c r="CU9" s="333">
        <v>0</v>
      </c>
      <c r="CV9" s="334">
        <v>0</v>
      </c>
      <c r="CW9" s="329">
        <v>0</v>
      </c>
      <c r="CX9" s="330">
        <v>0</v>
      </c>
      <c r="CY9" s="331">
        <v>0</v>
      </c>
      <c r="CZ9" s="335"/>
      <c r="DA9" s="330">
        <v>0</v>
      </c>
      <c r="DB9" s="330">
        <v>0</v>
      </c>
      <c r="DC9" s="330">
        <v>0</v>
      </c>
      <c r="DD9" s="330">
        <v>0</v>
      </c>
      <c r="DE9" s="330">
        <v>0</v>
      </c>
      <c r="DF9" s="333">
        <v>0</v>
      </c>
      <c r="DG9" s="334">
        <v>0</v>
      </c>
      <c r="DH9" s="329">
        <v>0</v>
      </c>
      <c r="DI9" s="330">
        <v>15602</v>
      </c>
      <c r="DJ9" s="331">
        <v>15602</v>
      </c>
      <c r="DK9" s="332">
        <v>0</v>
      </c>
      <c r="DL9" s="330">
        <v>1445670</v>
      </c>
      <c r="DM9" s="330">
        <v>3070330</v>
      </c>
      <c r="DN9" s="330">
        <v>13026092</v>
      </c>
      <c r="DO9" s="330">
        <v>17564350</v>
      </c>
      <c r="DP9" s="330">
        <v>11389019</v>
      </c>
      <c r="DQ9" s="333">
        <v>46495461</v>
      </c>
      <c r="DR9" s="336">
        <v>46511063</v>
      </c>
      <c r="DS9" s="329">
        <v>0</v>
      </c>
      <c r="DT9" s="330">
        <v>0</v>
      </c>
      <c r="DU9" s="331">
        <v>0</v>
      </c>
      <c r="DV9" s="335"/>
      <c r="DW9" s="330">
        <v>853888</v>
      </c>
      <c r="DX9" s="330">
        <v>1836837</v>
      </c>
      <c r="DY9" s="330">
        <v>10899226</v>
      </c>
      <c r="DZ9" s="330">
        <v>14622427</v>
      </c>
      <c r="EA9" s="330">
        <v>9826483</v>
      </c>
      <c r="EB9" s="333">
        <v>38038861</v>
      </c>
      <c r="EC9" s="334">
        <v>38038861</v>
      </c>
      <c r="ED9" s="329">
        <v>0</v>
      </c>
      <c r="EE9" s="330">
        <v>0</v>
      </c>
      <c r="EF9" s="331">
        <v>0</v>
      </c>
      <c r="EG9" s="335"/>
      <c r="EH9" s="330">
        <v>290416</v>
      </c>
      <c r="EI9" s="330">
        <v>585342</v>
      </c>
      <c r="EJ9" s="330">
        <v>689072</v>
      </c>
      <c r="EK9" s="330">
        <v>1060584</v>
      </c>
      <c r="EL9" s="330">
        <v>554735</v>
      </c>
      <c r="EM9" s="333">
        <v>3180149</v>
      </c>
      <c r="EN9" s="334">
        <v>3180149</v>
      </c>
      <c r="EO9" s="329">
        <v>0</v>
      </c>
      <c r="EP9" s="330">
        <v>0</v>
      </c>
      <c r="EQ9" s="331">
        <v>0</v>
      </c>
      <c r="ER9" s="335"/>
      <c r="ES9" s="330">
        <v>196</v>
      </c>
      <c r="ET9" s="330">
        <v>0</v>
      </c>
      <c r="EU9" s="330">
        <v>392</v>
      </c>
      <c r="EV9" s="330">
        <v>56175</v>
      </c>
      <c r="EW9" s="330">
        <v>98543</v>
      </c>
      <c r="EX9" s="333">
        <v>155306</v>
      </c>
      <c r="EY9" s="334">
        <v>155306</v>
      </c>
      <c r="EZ9" s="329">
        <v>0</v>
      </c>
      <c r="FA9" s="330">
        <v>0</v>
      </c>
      <c r="FB9" s="331">
        <v>0</v>
      </c>
      <c r="FC9" s="335"/>
      <c r="FD9" s="330">
        <v>0</v>
      </c>
      <c r="FE9" s="330">
        <v>0</v>
      </c>
      <c r="FF9" s="330">
        <v>588</v>
      </c>
      <c r="FG9" s="330">
        <v>76031</v>
      </c>
      <c r="FH9" s="330">
        <v>44653</v>
      </c>
      <c r="FI9" s="333">
        <v>121272</v>
      </c>
      <c r="FJ9" s="334">
        <v>121272</v>
      </c>
      <c r="FK9" s="329">
        <v>0</v>
      </c>
      <c r="FL9" s="330">
        <v>0</v>
      </c>
      <c r="FM9" s="331">
        <v>0</v>
      </c>
      <c r="FN9" s="335"/>
      <c r="FO9" s="330">
        <v>38976</v>
      </c>
      <c r="FP9" s="330">
        <v>66416</v>
      </c>
      <c r="FQ9" s="330">
        <v>346920</v>
      </c>
      <c r="FR9" s="330">
        <v>725056</v>
      </c>
      <c r="FS9" s="330">
        <v>394234</v>
      </c>
      <c r="FT9" s="333">
        <v>1571602</v>
      </c>
      <c r="FU9" s="334">
        <v>1571602</v>
      </c>
      <c r="FV9" s="329">
        <v>0</v>
      </c>
      <c r="FW9" s="330">
        <v>15602</v>
      </c>
      <c r="FX9" s="331">
        <v>15602</v>
      </c>
      <c r="FY9" s="332">
        <v>0</v>
      </c>
      <c r="FZ9" s="330">
        <v>256257</v>
      </c>
      <c r="GA9" s="330">
        <v>557109</v>
      </c>
      <c r="GB9" s="330">
        <v>1062395</v>
      </c>
      <c r="GC9" s="330">
        <v>990910</v>
      </c>
      <c r="GD9" s="330">
        <v>453465</v>
      </c>
      <c r="GE9" s="333">
        <v>3320136</v>
      </c>
      <c r="GF9" s="334">
        <v>3335738</v>
      </c>
      <c r="GG9" s="329">
        <v>0</v>
      </c>
      <c r="GH9" s="330">
        <v>0</v>
      </c>
      <c r="GI9" s="331">
        <v>0</v>
      </c>
      <c r="GJ9" s="332">
        <v>0</v>
      </c>
      <c r="GK9" s="330">
        <v>5937</v>
      </c>
      <c r="GL9" s="330">
        <v>24626</v>
      </c>
      <c r="GM9" s="330">
        <v>27499</v>
      </c>
      <c r="GN9" s="330">
        <v>33167</v>
      </c>
      <c r="GO9" s="330">
        <v>16906</v>
      </c>
      <c r="GP9" s="333">
        <v>108135</v>
      </c>
      <c r="GQ9" s="334">
        <v>108135</v>
      </c>
      <c r="GR9" s="329">
        <v>0</v>
      </c>
      <c r="GS9" s="330">
        <v>0</v>
      </c>
      <c r="GT9" s="331">
        <v>0</v>
      </c>
      <c r="GU9" s="332">
        <v>0</v>
      </c>
      <c r="GV9" s="330">
        <v>0</v>
      </c>
      <c r="GW9" s="330">
        <v>0</v>
      </c>
      <c r="GX9" s="330">
        <v>0</v>
      </c>
      <c r="GY9" s="330">
        <v>0</v>
      </c>
      <c r="GZ9" s="330">
        <v>0</v>
      </c>
      <c r="HA9" s="333">
        <v>0</v>
      </c>
      <c r="HB9" s="334">
        <v>0</v>
      </c>
      <c r="HC9" s="329">
        <v>0</v>
      </c>
      <c r="HD9" s="330">
        <v>0</v>
      </c>
      <c r="HE9" s="331">
        <v>0</v>
      </c>
      <c r="HF9" s="335"/>
      <c r="HG9" s="330">
        <v>0</v>
      </c>
      <c r="HH9" s="330">
        <v>0</v>
      </c>
      <c r="HI9" s="330">
        <v>0</v>
      </c>
      <c r="HJ9" s="330">
        <v>0</v>
      </c>
      <c r="HK9" s="330">
        <v>0</v>
      </c>
      <c r="HL9" s="333">
        <v>0</v>
      </c>
      <c r="HM9" s="334">
        <v>0</v>
      </c>
      <c r="HN9" s="329">
        <v>0</v>
      </c>
      <c r="HO9" s="330">
        <v>32344</v>
      </c>
      <c r="HP9" s="331">
        <v>32344</v>
      </c>
      <c r="HQ9" s="332">
        <v>0</v>
      </c>
      <c r="HR9" s="330">
        <v>4199660</v>
      </c>
      <c r="HS9" s="330">
        <v>7537332</v>
      </c>
      <c r="HT9" s="330">
        <v>27152319</v>
      </c>
      <c r="HU9" s="330">
        <v>37333010</v>
      </c>
      <c r="HV9" s="330">
        <v>24104148</v>
      </c>
      <c r="HW9" s="333">
        <v>100326469</v>
      </c>
      <c r="HX9" s="334">
        <v>100358813</v>
      </c>
    </row>
    <row r="10" spans="1:232" ht="16.5" customHeight="1" x14ac:dyDescent="0.2">
      <c r="A10" s="327" t="s">
        <v>14</v>
      </c>
      <c r="B10" s="329">
        <v>0</v>
      </c>
      <c r="C10" s="330">
        <v>27590</v>
      </c>
      <c r="D10" s="331">
        <v>27590</v>
      </c>
      <c r="E10" s="332">
        <v>0</v>
      </c>
      <c r="F10" s="330">
        <v>1044998</v>
      </c>
      <c r="G10" s="330">
        <v>1968520</v>
      </c>
      <c r="H10" s="330">
        <v>8076474</v>
      </c>
      <c r="I10" s="330">
        <v>12205855</v>
      </c>
      <c r="J10" s="330">
        <v>6806070</v>
      </c>
      <c r="K10" s="333">
        <v>30101917</v>
      </c>
      <c r="L10" s="334">
        <v>30129507</v>
      </c>
      <c r="M10" s="329">
        <v>0</v>
      </c>
      <c r="N10" s="330">
        <v>0</v>
      </c>
      <c r="O10" s="331">
        <v>0</v>
      </c>
      <c r="P10" s="335"/>
      <c r="Q10" s="330">
        <v>157640</v>
      </c>
      <c r="R10" s="330">
        <v>354646</v>
      </c>
      <c r="S10" s="330">
        <v>5734611</v>
      </c>
      <c r="T10" s="330">
        <v>8648087</v>
      </c>
      <c r="U10" s="330">
        <v>4878767</v>
      </c>
      <c r="V10" s="333">
        <v>19773751</v>
      </c>
      <c r="W10" s="334">
        <v>19773751</v>
      </c>
      <c r="X10" s="329">
        <v>0</v>
      </c>
      <c r="Y10" s="330">
        <v>0</v>
      </c>
      <c r="Z10" s="331">
        <v>0</v>
      </c>
      <c r="AA10" s="335"/>
      <c r="AB10" s="330">
        <v>752332</v>
      </c>
      <c r="AC10" s="330">
        <v>1339670</v>
      </c>
      <c r="AD10" s="330">
        <v>1553551</v>
      </c>
      <c r="AE10" s="330">
        <v>1935681</v>
      </c>
      <c r="AF10" s="330">
        <v>1094215</v>
      </c>
      <c r="AG10" s="333">
        <v>6675449</v>
      </c>
      <c r="AH10" s="334">
        <v>6675449</v>
      </c>
      <c r="AI10" s="329">
        <v>0</v>
      </c>
      <c r="AJ10" s="330">
        <v>0</v>
      </c>
      <c r="AK10" s="331">
        <v>0</v>
      </c>
      <c r="AL10" s="335"/>
      <c r="AM10" s="330">
        <v>0</v>
      </c>
      <c r="AN10" s="330">
        <v>0</v>
      </c>
      <c r="AO10" s="330">
        <v>4250</v>
      </c>
      <c r="AP10" s="330">
        <v>176965</v>
      </c>
      <c r="AQ10" s="330">
        <v>129930</v>
      </c>
      <c r="AR10" s="333">
        <v>311145</v>
      </c>
      <c r="AS10" s="334">
        <v>311145</v>
      </c>
      <c r="AT10" s="329">
        <v>0</v>
      </c>
      <c r="AU10" s="330">
        <v>0</v>
      </c>
      <c r="AV10" s="331">
        <v>0</v>
      </c>
      <c r="AW10" s="335"/>
      <c r="AX10" s="330">
        <v>0</v>
      </c>
      <c r="AY10" s="330">
        <v>0</v>
      </c>
      <c r="AZ10" s="330">
        <v>24640</v>
      </c>
      <c r="BA10" s="330">
        <v>540215</v>
      </c>
      <c r="BB10" s="330">
        <v>415840</v>
      </c>
      <c r="BC10" s="333">
        <v>980695</v>
      </c>
      <c r="BD10" s="334">
        <v>980695</v>
      </c>
      <c r="BE10" s="329">
        <v>0</v>
      </c>
      <c r="BF10" s="330">
        <v>0</v>
      </c>
      <c r="BG10" s="331">
        <v>0</v>
      </c>
      <c r="BH10" s="335"/>
      <c r="BI10" s="330">
        <v>0</v>
      </c>
      <c r="BJ10" s="330">
        <v>22260</v>
      </c>
      <c r="BK10" s="330">
        <v>68460</v>
      </c>
      <c r="BL10" s="330">
        <v>100535</v>
      </c>
      <c r="BM10" s="330">
        <v>31240</v>
      </c>
      <c r="BN10" s="333">
        <v>222495</v>
      </c>
      <c r="BO10" s="334">
        <v>222495</v>
      </c>
      <c r="BP10" s="329">
        <v>0</v>
      </c>
      <c r="BQ10" s="330">
        <v>27590</v>
      </c>
      <c r="BR10" s="331">
        <v>27590</v>
      </c>
      <c r="BS10" s="332">
        <v>0</v>
      </c>
      <c r="BT10" s="330">
        <v>135026</v>
      </c>
      <c r="BU10" s="330">
        <v>251799</v>
      </c>
      <c r="BV10" s="330">
        <v>689367</v>
      </c>
      <c r="BW10" s="330">
        <v>802837</v>
      </c>
      <c r="BX10" s="330">
        <v>256078</v>
      </c>
      <c r="BY10" s="333">
        <v>2135107</v>
      </c>
      <c r="BZ10" s="334">
        <v>2162697</v>
      </c>
      <c r="CA10" s="329">
        <v>0</v>
      </c>
      <c r="CB10" s="330">
        <v>0</v>
      </c>
      <c r="CC10" s="331">
        <v>0</v>
      </c>
      <c r="CD10" s="332">
        <v>0</v>
      </c>
      <c r="CE10" s="330">
        <v>0</v>
      </c>
      <c r="CF10" s="330">
        <v>145</v>
      </c>
      <c r="CG10" s="330">
        <v>1595</v>
      </c>
      <c r="CH10" s="330">
        <v>1535</v>
      </c>
      <c r="CI10" s="330">
        <v>0</v>
      </c>
      <c r="CJ10" s="333">
        <v>3275</v>
      </c>
      <c r="CK10" s="334">
        <v>3275</v>
      </c>
      <c r="CL10" s="329">
        <v>0</v>
      </c>
      <c r="CM10" s="330">
        <v>0</v>
      </c>
      <c r="CN10" s="331">
        <v>0</v>
      </c>
      <c r="CO10" s="332">
        <v>0</v>
      </c>
      <c r="CP10" s="330">
        <v>0</v>
      </c>
      <c r="CQ10" s="330">
        <v>0</v>
      </c>
      <c r="CR10" s="330">
        <v>0</v>
      </c>
      <c r="CS10" s="330">
        <v>0</v>
      </c>
      <c r="CT10" s="330">
        <v>0</v>
      </c>
      <c r="CU10" s="333">
        <v>0</v>
      </c>
      <c r="CV10" s="334">
        <v>0</v>
      </c>
      <c r="CW10" s="329">
        <v>0</v>
      </c>
      <c r="CX10" s="330">
        <v>0</v>
      </c>
      <c r="CY10" s="331">
        <v>0</v>
      </c>
      <c r="CZ10" s="335"/>
      <c r="DA10" s="330">
        <v>0</v>
      </c>
      <c r="DB10" s="330">
        <v>0</v>
      </c>
      <c r="DC10" s="330">
        <v>0</v>
      </c>
      <c r="DD10" s="330">
        <v>0</v>
      </c>
      <c r="DE10" s="330">
        <v>0</v>
      </c>
      <c r="DF10" s="333">
        <v>0</v>
      </c>
      <c r="DG10" s="334">
        <v>0</v>
      </c>
      <c r="DH10" s="329">
        <v>0</v>
      </c>
      <c r="DI10" s="330">
        <v>4408</v>
      </c>
      <c r="DJ10" s="331">
        <v>4408</v>
      </c>
      <c r="DK10" s="332">
        <v>0</v>
      </c>
      <c r="DL10" s="330">
        <v>434056</v>
      </c>
      <c r="DM10" s="330">
        <v>1302006</v>
      </c>
      <c r="DN10" s="330">
        <v>9465667</v>
      </c>
      <c r="DO10" s="330">
        <v>12902574</v>
      </c>
      <c r="DP10" s="330">
        <v>6650980</v>
      </c>
      <c r="DQ10" s="333">
        <v>30755283</v>
      </c>
      <c r="DR10" s="336">
        <v>30759691</v>
      </c>
      <c r="DS10" s="329">
        <v>0</v>
      </c>
      <c r="DT10" s="330">
        <v>0</v>
      </c>
      <c r="DU10" s="331">
        <v>0</v>
      </c>
      <c r="DV10" s="335"/>
      <c r="DW10" s="330">
        <v>206752</v>
      </c>
      <c r="DX10" s="330">
        <v>667300</v>
      </c>
      <c r="DY10" s="330">
        <v>7852359</v>
      </c>
      <c r="DZ10" s="330">
        <v>11191565</v>
      </c>
      <c r="EA10" s="330">
        <v>6018209</v>
      </c>
      <c r="EB10" s="333">
        <v>25936185</v>
      </c>
      <c r="EC10" s="334">
        <v>25936185</v>
      </c>
      <c r="ED10" s="329">
        <v>0</v>
      </c>
      <c r="EE10" s="330">
        <v>0</v>
      </c>
      <c r="EF10" s="331">
        <v>0</v>
      </c>
      <c r="EG10" s="335"/>
      <c r="EH10" s="330">
        <v>50176</v>
      </c>
      <c r="EI10" s="330">
        <v>252272</v>
      </c>
      <c r="EJ10" s="330">
        <v>172136</v>
      </c>
      <c r="EK10" s="330">
        <v>365077</v>
      </c>
      <c r="EL10" s="330">
        <v>55851</v>
      </c>
      <c r="EM10" s="333">
        <v>895512</v>
      </c>
      <c r="EN10" s="334">
        <v>895512</v>
      </c>
      <c r="EO10" s="329">
        <v>0</v>
      </c>
      <c r="EP10" s="330">
        <v>0</v>
      </c>
      <c r="EQ10" s="331">
        <v>0</v>
      </c>
      <c r="ER10" s="335"/>
      <c r="ES10" s="330">
        <v>0</v>
      </c>
      <c r="ET10" s="330">
        <v>0</v>
      </c>
      <c r="EU10" s="330">
        <v>413</v>
      </c>
      <c r="EV10" s="330">
        <v>38132</v>
      </c>
      <c r="EW10" s="330">
        <v>21126</v>
      </c>
      <c r="EX10" s="333">
        <v>59671</v>
      </c>
      <c r="EY10" s="334">
        <v>59671</v>
      </c>
      <c r="EZ10" s="329">
        <v>0</v>
      </c>
      <c r="FA10" s="330">
        <v>0</v>
      </c>
      <c r="FB10" s="331">
        <v>0</v>
      </c>
      <c r="FC10" s="335"/>
      <c r="FD10" s="330">
        <v>0</v>
      </c>
      <c r="FE10" s="330">
        <v>0</v>
      </c>
      <c r="FF10" s="330">
        <v>392</v>
      </c>
      <c r="FG10" s="330">
        <v>88802</v>
      </c>
      <c r="FH10" s="330">
        <v>83885</v>
      </c>
      <c r="FI10" s="333">
        <v>173079</v>
      </c>
      <c r="FJ10" s="334">
        <v>173079</v>
      </c>
      <c r="FK10" s="329">
        <v>0</v>
      </c>
      <c r="FL10" s="330">
        <v>0</v>
      </c>
      <c r="FM10" s="331">
        <v>0</v>
      </c>
      <c r="FN10" s="335"/>
      <c r="FO10" s="330">
        <v>0</v>
      </c>
      <c r="FP10" s="330">
        <v>19488</v>
      </c>
      <c r="FQ10" s="330">
        <v>183204</v>
      </c>
      <c r="FR10" s="330">
        <v>281951</v>
      </c>
      <c r="FS10" s="330">
        <v>52000</v>
      </c>
      <c r="FT10" s="333">
        <v>536643</v>
      </c>
      <c r="FU10" s="334">
        <v>536643</v>
      </c>
      <c r="FV10" s="329">
        <v>0</v>
      </c>
      <c r="FW10" s="330">
        <v>4408</v>
      </c>
      <c r="FX10" s="331">
        <v>4408</v>
      </c>
      <c r="FY10" s="332">
        <v>0</v>
      </c>
      <c r="FZ10" s="330">
        <v>177128</v>
      </c>
      <c r="GA10" s="330">
        <v>362939</v>
      </c>
      <c r="GB10" s="330">
        <v>1253225</v>
      </c>
      <c r="GC10" s="330">
        <v>935510</v>
      </c>
      <c r="GD10" s="330">
        <v>419909</v>
      </c>
      <c r="GE10" s="333">
        <v>3148711</v>
      </c>
      <c r="GF10" s="334">
        <v>3153119</v>
      </c>
      <c r="GG10" s="329">
        <v>0</v>
      </c>
      <c r="GH10" s="330">
        <v>0</v>
      </c>
      <c r="GI10" s="331">
        <v>0</v>
      </c>
      <c r="GJ10" s="332">
        <v>0</v>
      </c>
      <c r="GK10" s="330">
        <v>0</v>
      </c>
      <c r="GL10" s="330">
        <v>7</v>
      </c>
      <c r="GM10" s="330">
        <v>3938</v>
      </c>
      <c r="GN10" s="330">
        <v>1537</v>
      </c>
      <c r="GO10" s="330">
        <v>0</v>
      </c>
      <c r="GP10" s="333">
        <v>5482</v>
      </c>
      <c r="GQ10" s="334">
        <v>5482</v>
      </c>
      <c r="GR10" s="329">
        <v>0</v>
      </c>
      <c r="GS10" s="330">
        <v>0</v>
      </c>
      <c r="GT10" s="331">
        <v>0</v>
      </c>
      <c r="GU10" s="332">
        <v>0</v>
      </c>
      <c r="GV10" s="330">
        <v>0</v>
      </c>
      <c r="GW10" s="330">
        <v>0</v>
      </c>
      <c r="GX10" s="330">
        <v>0</v>
      </c>
      <c r="GY10" s="330">
        <v>0</v>
      </c>
      <c r="GZ10" s="330">
        <v>0</v>
      </c>
      <c r="HA10" s="333">
        <v>0</v>
      </c>
      <c r="HB10" s="334">
        <v>0</v>
      </c>
      <c r="HC10" s="329">
        <v>0</v>
      </c>
      <c r="HD10" s="330">
        <v>0</v>
      </c>
      <c r="HE10" s="331">
        <v>0</v>
      </c>
      <c r="HF10" s="335"/>
      <c r="HG10" s="330">
        <v>0</v>
      </c>
      <c r="HH10" s="330">
        <v>0</v>
      </c>
      <c r="HI10" s="330">
        <v>0</v>
      </c>
      <c r="HJ10" s="330">
        <v>0</v>
      </c>
      <c r="HK10" s="330">
        <v>0</v>
      </c>
      <c r="HL10" s="333">
        <v>0</v>
      </c>
      <c r="HM10" s="334">
        <v>0</v>
      </c>
      <c r="HN10" s="329">
        <v>0</v>
      </c>
      <c r="HO10" s="330">
        <v>31998</v>
      </c>
      <c r="HP10" s="331">
        <v>31998</v>
      </c>
      <c r="HQ10" s="332">
        <v>0</v>
      </c>
      <c r="HR10" s="330">
        <v>1479054</v>
      </c>
      <c r="HS10" s="330">
        <v>3270526</v>
      </c>
      <c r="HT10" s="330">
        <v>17542141</v>
      </c>
      <c r="HU10" s="330">
        <v>25108429</v>
      </c>
      <c r="HV10" s="330">
        <v>13457050</v>
      </c>
      <c r="HW10" s="333">
        <v>60857200</v>
      </c>
      <c r="HX10" s="334">
        <v>60889198</v>
      </c>
    </row>
    <row r="11" spans="1:232" ht="16.5" customHeight="1" x14ac:dyDescent="0.2">
      <c r="A11" s="327" t="s">
        <v>7</v>
      </c>
      <c r="B11" s="329">
        <v>0</v>
      </c>
      <c r="C11" s="330">
        <v>145</v>
      </c>
      <c r="D11" s="331">
        <v>145</v>
      </c>
      <c r="E11" s="332">
        <v>0</v>
      </c>
      <c r="F11" s="330">
        <v>1486625</v>
      </c>
      <c r="G11" s="330">
        <v>2234679</v>
      </c>
      <c r="H11" s="330">
        <v>6097538</v>
      </c>
      <c r="I11" s="330">
        <v>8653465</v>
      </c>
      <c r="J11" s="330">
        <v>4575923</v>
      </c>
      <c r="K11" s="333">
        <v>23048230</v>
      </c>
      <c r="L11" s="334">
        <v>23048375</v>
      </c>
      <c r="M11" s="329">
        <v>0</v>
      </c>
      <c r="N11" s="330">
        <v>0</v>
      </c>
      <c r="O11" s="331">
        <v>0</v>
      </c>
      <c r="P11" s="335"/>
      <c r="Q11" s="330">
        <v>189700</v>
      </c>
      <c r="R11" s="330">
        <v>643874</v>
      </c>
      <c r="S11" s="330">
        <v>4138575</v>
      </c>
      <c r="T11" s="330">
        <v>6863576</v>
      </c>
      <c r="U11" s="330">
        <v>3926366</v>
      </c>
      <c r="V11" s="333">
        <v>15762091</v>
      </c>
      <c r="W11" s="334">
        <v>15762091</v>
      </c>
      <c r="X11" s="329">
        <v>0</v>
      </c>
      <c r="Y11" s="330">
        <v>0</v>
      </c>
      <c r="Z11" s="331">
        <v>0</v>
      </c>
      <c r="AA11" s="335"/>
      <c r="AB11" s="330">
        <v>1155900</v>
      </c>
      <c r="AC11" s="330">
        <v>1289532</v>
      </c>
      <c r="AD11" s="330">
        <v>1557929</v>
      </c>
      <c r="AE11" s="330">
        <v>1554626</v>
      </c>
      <c r="AF11" s="330">
        <v>542258</v>
      </c>
      <c r="AG11" s="333">
        <v>6100245</v>
      </c>
      <c r="AH11" s="334">
        <v>6100245</v>
      </c>
      <c r="AI11" s="329">
        <v>0</v>
      </c>
      <c r="AJ11" s="330">
        <v>0</v>
      </c>
      <c r="AK11" s="331">
        <v>0</v>
      </c>
      <c r="AL11" s="335"/>
      <c r="AM11" s="330">
        <v>0</v>
      </c>
      <c r="AN11" s="330">
        <v>0</v>
      </c>
      <c r="AO11" s="330">
        <v>0</v>
      </c>
      <c r="AP11" s="330">
        <v>59080</v>
      </c>
      <c r="AQ11" s="330">
        <v>8036</v>
      </c>
      <c r="AR11" s="333">
        <v>67116</v>
      </c>
      <c r="AS11" s="334">
        <v>67116</v>
      </c>
      <c r="AT11" s="329">
        <v>0</v>
      </c>
      <c r="AU11" s="330">
        <v>0</v>
      </c>
      <c r="AV11" s="331">
        <v>0</v>
      </c>
      <c r="AW11" s="335"/>
      <c r="AX11" s="330">
        <v>0</v>
      </c>
      <c r="AY11" s="330">
        <v>0</v>
      </c>
      <c r="AZ11" s="330">
        <v>2380</v>
      </c>
      <c r="BA11" s="330">
        <v>0</v>
      </c>
      <c r="BB11" s="330">
        <v>19080</v>
      </c>
      <c r="BC11" s="333">
        <v>21460</v>
      </c>
      <c r="BD11" s="334">
        <v>21460</v>
      </c>
      <c r="BE11" s="329">
        <v>0</v>
      </c>
      <c r="BF11" s="330">
        <v>0</v>
      </c>
      <c r="BG11" s="331">
        <v>0</v>
      </c>
      <c r="BH11" s="335"/>
      <c r="BI11" s="330">
        <v>0</v>
      </c>
      <c r="BJ11" s="330">
        <v>0</v>
      </c>
      <c r="BK11" s="330">
        <v>0</v>
      </c>
      <c r="BL11" s="330">
        <v>0</v>
      </c>
      <c r="BM11" s="330">
        <v>0</v>
      </c>
      <c r="BN11" s="333">
        <v>0</v>
      </c>
      <c r="BO11" s="334">
        <v>0</v>
      </c>
      <c r="BP11" s="329">
        <v>0</v>
      </c>
      <c r="BQ11" s="330">
        <v>145</v>
      </c>
      <c r="BR11" s="331">
        <v>145</v>
      </c>
      <c r="BS11" s="332">
        <v>0</v>
      </c>
      <c r="BT11" s="330">
        <v>141025</v>
      </c>
      <c r="BU11" s="330">
        <v>284257</v>
      </c>
      <c r="BV11" s="330">
        <v>386824</v>
      </c>
      <c r="BW11" s="330">
        <v>174153</v>
      </c>
      <c r="BX11" s="330">
        <v>79168</v>
      </c>
      <c r="BY11" s="333">
        <v>1065427</v>
      </c>
      <c r="BZ11" s="334">
        <v>1065572</v>
      </c>
      <c r="CA11" s="329">
        <v>0</v>
      </c>
      <c r="CB11" s="330">
        <v>0</v>
      </c>
      <c r="CC11" s="331">
        <v>0</v>
      </c>
      <c r="CD11" s="332">
        <v>0</v>
      </c>
      <c r="CE11" s="330">
        <v>0</v>
      </c>
      <c r="CF11" s="330">
        <v>17016</v>
      </c>
      <c r="CG11" s="330">
        <v>11830</v>
      </c>
      <c r="CH11" s="330">
        <v>2030</v>
      </c>
      <c r="CI11" s="330">
        <v>1015</v>
      </c>
      <c r="CJ11" s="333">
        <v>31891</v>
      </c>
      <c r="CK11" s="334">
        <v>31891</v>
      </c>
      <c r="CL11" s="329">
        <v>0</v>
      </c>
      <c r="CM11" s="330">
        <v>0</v>
      </c>
      <c r="CN11" s="331">
        <v>0</v>
      </c>
      <c r="CO11" s="332">
        <v>0</v>
      </c>
      <c r="CP11" s="330">
        <v>0</v>
      </c>
      <c r="CQ11" s="330">
        <v>0</v>
      </c>
      <c r="CR11" s="330">
        <v>0</v>
      </c>
      <c r="CS11" s="330">
        <v>0</v>
      </c>
      <c r="CT11" s="330">
        <v>0</v>
      </c>
      <c r="CU11" s="333">
        <v>0</v>
      </c>
      <c r="CV11" s="334">
        <v>0</v>
      </c>
      <c r="CW11" s="329">
        <v>0</v>
      </c>
      <c r="CX11" s="330">
        <v>0</v>
      </c>
      <c r="CY11" s="331">
        <v>0</v>
      </c>
      <c r="CZ11" s="335"/>
      <c r="DA11" s="330">
        <v>0</v>
      </c>
      <c r="DB11" s="330">
        <v>0</v>
      </c>
      <c r="DC11" s="330">
        <v>0</v>
      </c>
      <c r="DD11" s="330">
        <v>0</v>
      </c>
      <c r="DE11" s="330">
        <v>0</v>
      </c>
      <c r="DF11" s="333">
        <v>0</v>
      </c>
      <c r="DG11" s="334">
        <v>0</v>
      </c>
      <c r="DH11" s="329">
        <v>0</v>
      </c>
      <c r="DI11" s="330">
        <v>2088</v>
      </c>
      <c r="DJ11" s="331">
        <v>2088</v>
      </c>
      <c r="DK11" s="332">
        <v>0</v>
      </c>
      <c r="DL11" s="330">
        <v>594598</v>
      </c>
      <c r="DM11" s="330">
        <v>1189854</v>
      </c>
      <c r="DN11" s="330">
        <v>6262177</v>
      </c>
      <c r="DO11" s="330">
        <v>8664070</v>
      </c>
      <c r="DP11" s="330">
        <v>4559949</v>
      </c>
      <c r="DQ11" s="333">
        <v>21270648</v>
      </c>
      <c r="DR11" s="336">
        <v>21272736</v>
      </c>
      <c r="DS11" s="329">
        <v>0</v>
      </c>
      <c r="DT11" s="330">
        <v>0</v>
      </c>
      <c r="DU11" s="331">
        <v>0</v>
      </c>
      <c r="DV11" s="335"/>
      <c r="DW11" s="330">
        <v>218176</v>
      </c>
      <c r="DX11" s="330">
        <v>631946</v>
      </c>
      <c r="DY11" s="330">
        <v>5392127</v>
      </c>
      <c r="DZ11" s="330">
        <v>8181774</v>
      </c>
      <c r="EA11" s="330">
        <v>4295182</v>
      </c>
      <c r="EB11" s="333">
        <v>18719205</v>
      </c>
      <c r="EC11" s="334">
        <v>18719205</v>
      </c>
      <c r="ED11" s="329">
        <v>0</v>
      </c>
      <c r="EE11" s="330">
        <v>0</v>
      </c>
      <c r="EF11" s="331">
        <v>0</v>
      </c>
      <c r="EG11" s="335"/>
      <c r="EH11" s="330">
        <v>180460</v>
      </c>
      <c r="EI11" s="330">
        <v>179876</v>
      </c>
      <c r="EJ11" s="330">
        <v>249259</v>
      </c>
      <c r="EK11" s="330">
        <v>194334</v>
      </c>
      <c r="EL11" s="330">
        <v>103558</v>
      </c>
      <c r="EM11" s="333">
        <v>907487</v>
      </c>
      <c r="EN11" s="334">
        <v>907487</v>
      </c>
      <c r="EO11" s="329">
        <v>0</v>
      </c>
      <c r="EP11" s="330">
        <v>0</v>
      </c>
      <c r="EQ11" s="331">
        <v>0</v>
      </c>
      <c r="ER11" s="335"/>
      <c r="ES11" s="330">
        <v>0</v>
      </c>
      <c r="ET11" s="330">
        <v>0</v>
      </c>
      <c r="EU11" s="330">
        <v>0</v>
      </c>
      <c r="EV11" s="330">
        <v>392</v>
      </c>
      <c r="EW11" s="330">
        <v>784</v>
      </c>
      <c r="EX11" s="333">
        <v>1176</v>
      </c>
      <c r="EY11" s="334">
        <v>1176</v>
      </c>
      <c r="EZ11" s="329">
        <v>0</v>
      </c>
      <c r="FA11" s="330">
        <v>0</v>
      </c>
      <c r="FB11" s="331">
        <v>0</v>
      </c>
      <c r="FC11" s="335"/>
      <c r="FD11" s="330">
        <v>0</v>
      </c>
      <c r="FE11" s="330">
        <v>0</v>
      </c>
      <c r="FF11" s="330">
        <v>196</v>
      </c>
      <c r="FG11" s="330">
        <v>0</v>
      </c>
      <c r="FH11" s="330">
        <v>196</v>
      </c>
      <c r="FI11" s="333">
        <v>392</v>
      </c>
      <c r="FJ11" s="334">
        <v>392</v>
      </c>
      <c r="FK11" s="329">
        <v>0</v>
      </c>
      <c r="FL11" s="330">
        <v>0</v>
      </c>
      <c r="FM11" s="331">
        <v>0</v>
      </c>
      <c r="FN11" s="335"/>
      <c r="FO11" s="330">
        <v>0</v>
      </c>
      <c r="FP11" s="330">
        <v>0</v>
      </c>
      <c r="FQ11" s="330">
        <v>0</v>
      </c>
      <c r="FR11" s="330">
        <v>0</v>
      </c>
      <c r="FS11" s="330">
        <v>0</v>
      </c>
      <c r="FT11" s="333">
        <v>0</v>
      </c>
      <c r="FU11" s="334">
        <v>0</v>
      </c>
      <c r="FV11" s="329">
        <v>0</v>
      </c>
      <c r="FW11" s="330">
        <v>2088</v>
      </c>
      <c r="FX11" s="331">
        <v>2088</v>
      </c>
      <c r="FY11" s="332">
        <v>0</v>
      </c>
      <c r="FZ11" s="330">
        <v>195962</v>
      </c>
      <c r="GA11" s="330">
        <v>377801</v>
      </c>
      <c r="GB11" s="330">
        <v>620497</v>
      </c>
      <c r="GC11" s="330">
        <v>287472</v>
      </c>
      <c r="GD11" s="330">
        <v>157723</v>
      </c>
      <c r="GE11" s="333">
        <v>1639455</v>
      </c>
      <c r="GF11" s="334">
        <v>1641543</v>
      </c>
      <c r="GG11" s="329">
        <v>0</v>
      </c>
      <c r="GH11" s="330">
        <v>0</v>
      </c>
      <c r="GI11" s="331">
        <v>0</v>
      </c>
      <c r="GJ11" s="332">
        <v>0</v>
      </c>
      <c r="GK11" s="330">
        <v>0</v>
      </c>
      <c r="GL11" s="330">
        <v>231</v>
      </c>
      <c r="GM11" s="330">
        <v>98</v>
      </c>
      <c r="GN11" s="330">
        <v>98</v>
      </c>
      <c r="GO11" s="330">
        <v>2506</v>
      </c>
      <c r="GP11" s="333">
        <v>2933</v>
      </c>
      <c r="GQ11" s="334">
        <v>2933</v>
      </c>
      <c r="GR11" s="329">
        <v>0</v>
      </c>
      <c r="GS11" s="330">
        <v>0</v>
      </c>
      <c r="GT11" s="331">
        <v>0</v>
      </c>
      <c r="GU11" s="332">
        <v>0</v>
      </c>
      <c r="GV11" s="330">
        <v>0</v>
      </c>
      <c r="GW11" s="330">
        <v>0</v>
      </c>
      <c r="GX11" s="330">
        <v>0</v>
      </c>
      <c r="GY11" s="330">
        <v>0</v>
      </c>
      <c r="GZ11" s="330">
        <v>0</v>
      </c>
      <c r="HA11" s="333">
        <v>0</v>
      </c>
      <c r="HB11" s="334">
        <v>0</v>
      </c>
      <c r="HC11" s="329">
        <v>0</v>
      </c>
      <c r="HD11" s="330">
        <v>0</v>
      </c>
      <c r="HE11" s="331">
        <v>0</v>
      </c>
      <c r="HF11" s="335"/>
      <c r="HG11" s="330">
        <v>0</v>
      </c>
      <c r="HH11" s="330">
        <v>0</v>
      </c>
      <c r="HI11" s="330">
        <v>0</v>
      </c>
      <c r="HJ11" s="330">
        <v>0</v>
      </c>
      <c r="HK11" s="330">
        <v>0</v>
      </c>
      <c r="HL11" s="333">
        <v>0</v>
      </c>
      <c r="HM11" s="334">
        <v>0</v>
      </c>
      <c r="HN11" s="329">
        <v>0</v>
      </c>
      <c r="HO11" s="330">
        <v>2233</v>
      </c>
      <c r="HP11" s="331">
        <v>2233</v>
      </c>
      <c r="HQ11" s="332">
        <v>0</v>
      </c>
      <c r="HR11" s="330">
        <v>2081223</v>
      </c>
      <c r="HS11" s="330">
        <v>3424533</v>
      </c>
      <c r="HT11" s="330">
        <v>12359715</v>
      </c>
      <c r="HU11" s="330">
        <v>17317535</v>
      </c>
      <c r="HV11" s="330">
        <v>9135872</v>
      </c>
      <c r="HW11" s="333">
        <v>44318878</v>
      </c>
      <c r="HX11" s="334">
        <v>44321111</v>
      </c>
    </row>
    <row r="12" spans="1:232" ht="16.5" customHeight="1" x14ac:dyDescent="0.2">
      <c r="A12" s="327" t="s">
        <v>8</v>
      </c>
      <c r="B12" s="329">
        <v>0</v>
      </c>
      <c r="C12" s="330">
        <v>6047</v>
      </c>
      <c r="D12" s="331">
        <v>6047</v>
      </c>
      <c r="E12" s="332">
        <v>0</v>
      </c>
      <c r="F12" s="330">
        <v>741399</v>
      </c>
      <c r="G12" s="330">
        <v>1367614</v>
      </c>
      <c r="H12" s="330">
        <v>4781172</v>
      </c>
      <c r="I12" s="330">
        <v>3830206</v>
      </c>
      <c r="J12" s="330">
        <v>2452515</v>
      </c>
      <c r="K12" s="333">
        <v>13172906</v>
      </c>
      <c r="L12" s="334">
        <v>13178953</v>
      </c>
      <c r="M12" s="329">
        <v>0</v>
      </c>
      <c r="N12" s="330">
        <v>0</v>
      </c>
      <c r="O12" s="331">
        <v>0</v>
      </c>
      <c r="P12" s="335"/>
      <c r="Q12" s="330">
        <v>267680</v>
      </c>
      <c r="R12" s="330">
        <v>404825</v>
      </c>
      <c r="S12" s="330">
        <v>3267474</v>
      </c>
      <c r="T12" s="330">
        <v>2800679</v>
      </c>
      <c r="U12" s="330">
        <v>1784843</v>
      </c>
      <c r="V12" s="333">
        <v>8525501</v>
      </c>
      <c r="W12" s="334">
        <v>8525501</v>
      </c>
      <c r="X12" s="329">
        <v>0</v>
      </c>
      <c r="Y12" s="330">
        <v>0</v>
      </c>
      <c r="Z12" s="331">
        <v>0</v>
      </c>
      <c r="AA12" s="335"/>
      <c r="AB12" s="330">
        <v>378440</v>
      </c>
      <c r="AC12" s="330">
        <v>731647</v>
      </c>
      <c r="AD12" s="330">
        <v>961319</v>
      </c>
      <c r="AE12" s="330">
        <v>673019</v>
      </c>
      <c r="AF12" s="330">
        <v>350816</v>
      </c>
      <c r="AG12" s="333">
        <v>3095241</v>
      </c>
      <c r="AH12" s="334">
        <v>3095241</v>
      </c>
      <c r="AI12" s="329">
        <v>0</v>
      </c>
      <c r="AJ12" s="330">
        <v>0</v>
      </c>
      <c r="AK12" s="331">
        <v>0</v>
      </c>
      <c r="AL12" s="335"/>
      <c r="AM12" s="330">
        <v>0</v>
      </c>
      <c r="AN12" s="330">
        <v>0</v>
      </c>
      <c r="AO12" s="330">
        <v>0</v>
      </c>
      <c r="AP12" s="330">
        <v>22260</v>
      </c>
      <c r="AQ12" s="330">
        <v>33865</v>
      </c>
      <c r="AR12" s="333">
        <v>56125</v>
      </c>
      <c r="AS12" s="334">
        <v>56125</v>
      </c>
      <c r="AT12" s="329">
        <v>0</v>
      </c>
      <c r="AU12" s="330">
        <v>0</v>
      </c>
      <c r="AV12" s="331">
        <v>0</v>
      </c>
      <c r="AW12" s="335"/>
      <c r="AX12" s="330">
        <v>32060</v>
      </c>
      <c r="AY12" s="330">
        <v>0</v>
      </c>
      <c r="AZ12" s="330">
        <v>32060</v>
      </c>
      <c r="BA12" s="330">
        <v>4760</v>
      </c>
      <c r="BB12" s="330">
        <v>34440</v>
      </c>
      <c r="BC12" s="333">
        <v>103320</v>
      </c>
      <c r="BD12" s="334">
        <v>103320</v>
      </c>
      <c r="BE12" s="329">
        <v>0</v>
      </c>
      <c r="BF12" s="330">
        <v>0</v>
      </c>
      <c r="BG12" s="331">
        <v>0</v>
      </c>
      <c r="BH12" s="335"/>
      <c r="BI12" s="330">
        <v>0</v>
      </c>
      <c r="BJ12" s="330">
        <v>34300</v>
      </c>
      <c r="BK12" s="330">
        <v>43170</v>
      </c>
      <c r="BL12" s="330">
        <v>95365</v>
      </c>
      <c r="BM12" s="330">
        <v>109325</v>
      </c>
      <c r="BN12" s="333">
        <v>282160</v>
      </c>
      <c r="BO12" s="334">
        <v>282160</v>
      </c>
      <c r="BP12" s="329">
        <v>0</v>
      </c>
      <c r="BQ12" s="330">
        <v>6047</v>
      </c>
      <c r="BR12" s="331">
        <v>6047</v>
      </c>
      <c r="BS12" s="332">
        <v>0</v>
      </c>
      <c r="BT12" s="330">
        <v>63219</v>
      </c>
      <c r="BU12" s="330">
        <v>196452</v>
      </c>
      <c r="BV12" s="330">
        <v>476459</v>
      </c>
      <c r="BW12" s="330">
        <v>234123</v>
      </c>
      <c r="BX12" s="330">
        <v>139226</v>
      </c>
      <c r="BY12" s="333">
        <v>1109479</v>
      </c>
      <c r="BZ12" s="334">
        <v>1115526</v>
      </c>
      <c r="CA12" s="329">
        <v>0</v>
      </c>
      <c r="CB12" s="330">
        <v>0</v>
      </c>
      <c r="CC12" s="331">
        <v>0</v>
      </c>
      <c r="CD12" s="332">
        <v>0</v>
      </c>
      <c r="CE12" s="330">
        <v>0</v>
      </c>
      <c r="CF12" s="330">
        <v>390</v>
      </c>
      <c r="CG12" s="330">
        <v>690</v>
      </c>
      <c r="CH12" s="330">
        <v>0</v>
      </c>
      <c r="CI12" s="330">
        <v>0</v>
      </c>
      <c r="CJ12" s="333">
        <v>1080</v>
      </c>
      <c r="CK12" s="334">
        <v>1080</v>
      </c>
      <c r="CL12" s="329">
        <v>0</v>
      </c>
      <c r="CM12" s="330">
        <v>0</v>
      </c>
      <c r="CN12" s="331">
        <v>0</v>
      </c>
      <c r="CO12" s="332">
        <v>0</v>
      </c>
      <c r="CP12" s="330">
        <v>0</v>
      </c>
      <c r="CQ12" s="330">
        <v>0</v>
      </c>
      <c r="CR12" s="330">
        <v>0</v>
      </c>
      <c r="CS12" s="330">
        <v>0</v>
      </c>
      <c r="CT12" s="330">
        <v>0</v>
      </c>
      <c r="CU12" s="333">
        <v>0</v>
      </c>
      <c r="CV12" s="334">
        <v>0</v>
      </c>
      <c r="CW12" s="329">
        <v>0</v>
      </c>
      <c r="CX12" s="330">
        <v>0</v>
      </c>
      <c r="CY12" s="331">
        <v>0</v>
      </c>
      <c r="CZ12" s="335"/>
      <c r="DA12" s="330">
        <v>0</v>
      </c>
      <c r="DB12" s="330">
        <v>0</v>
      </c>
      <c r="DC12" s="330">
        <v>0</v>
      </c>
      <c r="DD12" s="330">
        <v>0</v>
      </c>
      <c r="DE12" s="330">
        <v>0</v>
      </c>
      <c r="DF12" s="333">
        <v>0</v>
      </c>
      <c r="DG12" s="334">
        <v>0</v>
      </c>
      <c r="DH12" s="329">
        <v>0</v>
      </c>
      <c r="DI12" s="330">
        <v>8627</v>
      </c>
      <c r="DJ12" s="331">
        <v>8627</v>
      </c>
      <c r="DK12" s="332">
        <v>0</v>
      </c>
      <c r="DL12" s="330">
        <v>536812</v>
      </c>
      <c r="DM12" s="330">
        <v>1151650</v>
      </c>
      <c r="DN12" s="330">
        <v>5323523</v>
      </c>
      <c r="DO12" s="330">
        <v>4526321</v>
      </c>
      <c r="DP12" s="330">
        <v>2851068</v>
      </c>
      <c r="DQ12" s="333">
        <v>14389374</v>
      </c>
      <c r="DR12" s="336">
        <v>14398001</v>
      </c>
      <c r="DS12" s="329">
        <v>0</v>
      </c>
      <c r="DT12" s="330">
        <v>0</v>
      </c>
      <c r="DU12" s="331">
        <v>0</v>
      </c>
      <c r="DV12" s="335"/>
      <c r="DW12" s="330">
        <v>409920</v>
      </c>
      <c r="DX12" s="330">
        <v>702057</v>
      </c>
      <c r="DY12" s="330">
        <v>4216710</v>
      </c>
      <c r="DZ12" s="330">
        <v>3849001</v>
      </c>
      <c r="EA12" s="330">
        <v>2286928</v>
      </c>
      <c r="EB12" s="333">
        <v>11464616</v>
      </c>
      <c r="EC12" s="334">
        <v>11464616</v>
      </c>
      <c r="ED12" s="329">
        <v>0</v>
      </c>
      <c r="EE12" s="330">
        <v>0</v>
      </c>
      <c r="EF12" s="331">
        <v>0</v>
      </c>
      <c r="EG12" s="335"/>
      <c r="EH12" s="330">
        <v>26550</v>
      </c>
      <c r="EI12" s="330">
        <v>91933</v>
      </c>
      <c r="EJ12" s="330">
        <v>141763</v>
      </c>
      <c r="EK12" s="330">
        <v>86375</v>
      </c>
      <c r="EL12" s="330">
        <v>43092</v>
      </c>
      <c r="EM12" s="333">
        <v>389713</v>
      </c>
      <c r="EN12" s="334">
        <v>389713</v>
      </c>
      <c r="EO12" s="329">
        <v>0</v>
      </c>
      <c r="EP12" s="330">
        <v>0</v>
      </c>
      <c r="EQ12" s="331">
        <v>0</v>
      </c>
      <c r="ER12" s="335"/>
      <c r="ES12" s="330">
        <v>0</v>
      </c>
      <c r="ET12" s="330">
        <v>0</v>
      </c>
      <c r="EU12" s="330">
        <v>0</v>
      </c>
      <c r="EV12" s="330">
        <v>196</v>
      </c>
      <c r="EW12" s="330">
        <v>273</v>
      </c>
      <c r="EX12" s="333">
        <v>469</v>
      </c>
      <c r="EY12" s="334">
        <v>469</v>
      </c>
      <c r="EZ12" s="329">
        <v>0</v>
      </c>
      <c r="FA12" s="330">
        <v>0</v>
      </c>
      <c r="FB12" s="331">
        <v>0</v>
      </c>
      <c r="FC12" s="335"/>
      <c r="FD12" s="330">
        <v>10556</v>
      </c>
      <c r="FE12" s="330">
        <v>0</v>
      </c>
      <c r="FF12" s="330">
        <v>10556</v>
      </c>
      <c r="FG12" s="330">
        <v>392</v>
      </c>
      <c r="FH12" s="330">
        <v>10752</v>
      </c>
      <c r="FI12" s="333">
        <v>32256</v>
      </c>
      <c r="FJ12" s="334">
        <v>32256</v>
      </c>
      <c r="FK12" s="329">
        <v>0</v>
      </c>
      <c r="FL12" s="330">
        <v>0</v>
      </c>
      <c r="FM12" s="331">
        <v>0</v>
      </c>
      <c r="FN12" s="335"/>
      <c r="FO12" s="330">
        <v>0</v>
      </c>
      <c r="FP12" s="330">
        <v>72184</v>
      </c>
      <c r="FQ12" s="330">
        <v>212776</v>
      </c>
      <c r="FR12" s="330">
        <v>202832</v>
      </c>
      <c r="FS12" s="330">
        <v>202336</v>
      </c>
      <c r="FT12" s="333">
        <v>690128</v>
      </c>
      <c r="FU12" s="334">
        <v>690128</v>
      </c>
      <c r="FV12" s="329">
        <v>0</v>
      </c>
      <c r="FW12" s="330">
        <v>8627</v>
      </c>
      <c r="FX12" s="331">
        <v>8627</v>
      </c>
      <c r="FY12" s="332">
        <v>0</v>
      </c>
      <c r="FZ12" s="330">
        <v>89786</v>
      </c>
      <c r="GA12" s="330">
        <v>285448</v>
      </c>
      <c r="GB12" s="330">
        <v>738138</v>
      </c>
      <c r="GC12" s="330">
        <v>387525</v>
      </c>
      <c r="GD12" s="330">
        <v>306556</v>
      </c>
      <c r="GE12" s="333">
        <v>1807453</v>
      </c>
      <c r="GF12" s="334">
        <v>1816080</v>
      </c>
      <c r="GG12" s="329">
        <v>0</v>
      </c>
      <c r="GH12" s="330">
        <v>0</v>
      </c>
      <c r="GI12" s="331">
        <v>0</v>
      </c>
      <c r="GJ12" s="332">
        <v>0</v>
      </c>
      <c r="GK12" s="330">
        <v>0</v>
      </c>
      <c r="GL12" s="330">
        <v>28</v>
      </c>
      <c r="GM12" s="330">
        <v>3580</v>
      </c>
      <c r="GN12" s="330">
        <v>0</v>
      </c>
      <c r="GO12" s="330">
        <v>1131</v>
      </c>
      <c r="GP12" s="333">
        <v>4739</v>
      </c>
      <c r="GQ12" s="334">
        <v>4739</v>
      </c>
      <c r="GR12" s="329">
        <v>0</v>
      </c>
      <c r="GS12" s="330">
        <v>0</v>
      </c>
      <c r="GT12" s="331">
        <v>0</v>
      </c>
      <c r="GU12" s="332">
        <v>0</v>
      </c>
      <c r="GV12" s="330">
        <v>0</v>
      </c>
      <c r="GW12" s="330">
        <v>0</v>
      </c>
      <c r="GX12" s="330">
        <v>0</v>
      </c>
      <c r="GY12" s="330">
        <v>0</v>
      </c>
      <c r="GZ12" s="330">
        <v>0</v>
      </c>
      <c r="HA12" s="333">
        <v>0</v>
      </c>
      <c r="HB12" s="334">
        <v>0</v>
      </c>
      <c r="HC12" s="329">
        <v>0</v>
      </c>
      <c r="HD12" s="330">
        <v>0</v>
      </c>
      <c r="HE12" s="331">
        <v>0</v>
      </c>
      <c r="HF12" s="335"/>
      <c r="HG12" s="330">
        <v>0</v>
      </c>
      <c r="HH12" s="330">
        <v>0</v>
      </c>
      <c r="HI12" s="330">
        <v>0</v>
      </c>
      <c r="HJ12" s="330">
        <v>0</v>
      </c>
      <c r="HK12" s="330">
        <v>0</v>
      </c>
      <c r="HL12" s="333">
        <v>0</v>
      </c>
      <c r="HM12" s="334">
        <v>0</v>
      </c>
      <c r="HN12" s="329">
        <v>0</v>
      </c>
      <c r="HO12" s="330">
        <v>14674</v>
      </c>
      <c r="HP12" s="331">
        <v>14674</v>
      </c>
      <c r="HQ12" s="332">
        <v>0</v>
      </c>
      <c r="HR12" s="330">
        <v>1278211</v>
      </c>
      <c r="HS12" s="330">
        <v>2519264</v>
      </c>
      <c r="HT12" s="330">
        <v>10104695</v>
      </c>
      <c r="HU12" s="330">
        <v>8356527</v>
      </c>
      <c r="HV12" s="330">
        <v>5303583</v>
      </c>
      <c r="HW12" s="333">
        <v>27562280</v>
      </c>
      <c r="HX12" s="334">
        <v>27576954</v>
      </c>
    </row>
    <row r="13" spans="1:232" ht="16.5" customHeight="1" x14ac:dyDescent="0.2">
      <c r="A13" s="327" t="s">
        <v>9</v>
      </c>
      <c r="B13" s="329">
        <v>5070</v>
      </c>
      <c r="C13" s="330">
        <v>0</v>
      </c>
      <c r="D13" s="331">
        <v>5070</v>
      </c>
      <c r="E13" s="332">
        <v>0</v>
      </c>
      <c r="F13" s="330">
        <v>275052</v>
      </c>
      <c r="G13" s="330">
        <v>330634</v>
      </c>
      <c r="H13" s="330">
        <v>1756273</v>
      </c>
      <c r="I13" s="330">
        <v>2677966</v>
      </c>
      <c r="J13" s="330">
        <v>1781476</v>
      </c>
      <c r="K13" s="333">
        <v>6821401</v>
      </c>
      <c r="L13" s="334">
        <v>6826471</v>
      </c>
      <c r="M13" s="329">
        <v>0</v>
      </c>
      <c r="N13" s="330">
        <v>0</v>
      </c>
      <c r="O13" s="331">
        <v>0</v>
      </c>
      <c r="P13" s="335"/>
      <c r="Q13" s="330">
        <v>93380</v>
      </c>
      <c r="R13" s="330">
        <v>32060</v>
      </c>
      <c r="S13" s="330">
        <v>1140548</v>
      </c>
      <c r="T13" s="330">
        <v>1936525</v>
      </c>
      <c r="U13" s="330">
        <v>1470726</v>
      </c>
      <c r="V13" s="333">
        <v>4673239</v>
      </c>
      <c r="W13" s="334">
        <v>4673239</v>
      </c>
      <c r="X13" s="329">
        <v>0</v>
      </c>
      <c r="Y13" s="330">
        <v>0</v>
      </c>
      <c r="Z13" s="331">
        <v>0</v>
      </c>
      <c r="AA13" s="335"/>
      <c r="AB13" s="330">
        <v>121436</v>
      </c>
      <c r="AC13" s="330">
        <v>206765</v>
      </c>
      <c r="AD13" s="330">
        <v>457135</v>
      </c>
      <c r="AE13" s="330">
        <v>613835</v>
      </c>
      <c r="AF13" s="330">
        <v>197220</v>
      </c>
      <c r="AG13" s="333">
        <v>1596391</v>
      </c>
      <c r="AH13" s="334">
        <v>1596391</v>
      </c>
      <c r="AI13" s="329">
        <v>0</v>
      </c>
      <c r="AJ13" s="330">
        <v>0</v>
      </c>
      <c r="AK13" s="331">
        <v>0</v>
      </c>
      <c r="AL13" s="335"/>
      <c r="AM13" s="330">
        <v>0</v>
      </c>
      <c r="AN13" s="330">
        <v>0</v>
      </c>
      <c r="AO13" s="330">
        <v>0</v>
      </c>
      <c r="AP13" s="330">
        <v>3276</v>
      </c>
      <c r="AQ13" s="330">
        <v>2380</v>
      </c>
      <c r="AR13" s="333">
        <v>5656</v>
      </c>
      <c r="AS13" s="334">
        <v>5656</v>
      </c>
      <c r="AT13" s="329">
        <v>0</v>
      </c>
      <c r="AU13" s="330">
        <v>0</v>
      </c>
      <c r="AV13" s="331">
        <v>0</v>
      </c>
      <c r="AW13" s="335"/>
      <c r="AX13" s="330">
        <v>0</v>
      </c>
      <c r="AY13" s="330">
        <v>0</v>
      </c>
      <c r="AZ13" s="330">
        <v>0</v>
      </c>
      <c r="BA13" s="330">
        <v>2380</v>
      </c>
      <c r="BB13" s="330">
        <v>2380</v>
      </c>
      <c r="BC13" s="333">
        <v>4760</v>
      </c>
      <c r="BD13" s="334">
        <v>4760</v>
      </c>
      <c r="BE13" s="329">
        <v>0</v>
      </c>
      <c r="BF13" s="330">
        <v>0</v>
      </c>
      <c r="BG13" s="331">
        <v>0</v>
      </c>
      <c r="BH13" s="335"/>
      <c r="BI13" s="330">
        <v>0</v>
      </c>
      <c r="BJ13" s="330">
        <v>0</v>
      </c>
      <c r="BK13" s="330">
        <v>0</v>
      </c>
      <c r="BL13" s="330">
        <v>22260</v>
      </c>
      <c r="BM13" s="330">
        <v>0</v>
      </c>
      <c r="BN13" s="333">
        <v>22260</v>
      </c>
      <c r="BO13" s="334">
        <v>22260</v>
      </c>
      <c r="BP13" s="329">
        <v>5070</v>
      </c>
      <c r="BQ13" s="330">
        <v>0</v>
      </c>
      <c r="BR13" s="331">
        <v>5070</v>
      </c>
      <c r="BS13" s="332">
        <v>0</v>
      </c>
      <c r="BT13" s="330">
        <v>57201</v>
      </c>
      <c r="BU13" s="330">
        <v>91324</v>
      </c>
      <c r="BV13" s="330">
        <v>156550</v>
      </c>
      <c r="BW13" s="330">
        <v>98437</v>
      </c>
      <c r="BX13" s="330">
        <v>107715</v>
      </c>
      <c r="BY13" s="333">
        <v>511227</v>
      </c>
      <c r="BZ13" s="334">
        <v>516297</v>
      </c>
      <c r="CA13" s="329">
        <v>0</v>
      </c>
      <c r="CB13" s="330">
        <v>0</v>
      </c>
      <c r="CC13" s="331">
        <v>0</v>
      </c>
      <c r="CD13" s="332">
        <v>0</v>
      </c>
      <c r="CE13" s="330">
        <v>3035</v>
      </c>
      <c r="CF13" s="330">
        <v>485</v>
      </c>
      <c r="CG13" s="330">
        <v>2040</v>
      </c>
      <c r="CH13" s="330">
        <v>1253</v>
      </c>
      <c r="CI13" s="330">
        <v>1055</v>
      </c>
      <c r="CJ13" s="333">
        <v>7868</v>
      </c>
      <c r="CK13" s="334">
        <v>7868</v>
      </c>
      <c r="CL13" s="329">
        <v>0</v>
      </c>
      <c r="CM13" s="330">
        <v>0</v>
      </c>
      <c r="CN13" s="331">
        <v>0</v>
      </c>
      <c r="CO13" s="332">
        <v>0</v>
      </c>
      <c r="CP13" s="330">
        <v>0</v>
      </c>
      <c r="CQ13" s="330">
        <v>0</v>
      </c>
      <c r="CR13" s="330">
        <v>0</v>
      </c>
      <c r="CS13" s="330">
        <v>0</v>
      </c>
      <c r="CT13" s="330">
        <v>0</v>
      </c>
      <c r="CU13" s="333">
        <v>0</v>
      </c>
      <c r="CV13" s="334">
        <v>0</v>
      </c>
      <c r="CW13" s="329">
        <v>0</v>
      </c>
      <c r="CX13" s="330">
        <v>0</v>
      </c>
      <c r="CY13" s="331">
        <v>0</v>
      </c>
      <c r="CZ13" s="335"/>
      <c r="DA13" s="330">
        <v>0</v>
      </c>
      <c r="DB13" s="330">
        <v>0</v>
      </c>
      <c r="DC13" s="330">
        <v>0</v>
      </c>
      <c r="DD13" s="330">
        <v>0</v>
      </c>
      <c r="DE13" s="330">
        <v>0</v>
      </c>
      <c r="DF13" s="333">
        <v>0</v>
      </c>
      <c r="DG13" s="334">
        <v>0</v>
      </c>
      <c r="DH13" s="329">
        <v>3395</v>
      </c>
      <c r="DI13" s="330">
        <v>0</v>
      </c>
      <c r="DJ13" s="331">
        <v>3395</v>
      </c>
      <c r="DK13" s="332">
        <v>0</v>
      </c>
      <c r="DL13" s="330">
        <v>225025</v>
      </c>
      <c r="DM13" s="330">
        <v>179277</v>
      </c>
      <c r="DN13" s="330">
        <v>1961184</v>
      </c>
      <c r="DO13" s="330">
        <v>2955395</v>
      </c>
      <c r="DP13" s="330">
        <v>2232032</v>
      </c>
      <c r="DQ13" s="333">
        <v>7552913</v>
      </c>
      <c r="DR13" s="336">
        <v>7556308</v>
      </c>
      <c r="DS13" s="329">
        <v>0</v>
      </c>
      <c r="DT13" s="330">
        <v>0</v>
      </c>
      <c r="DU13" s="331">
        <v>0</v>
      </c>
      <c r="DV13" s="335"/>
      <c r="DW13" s="330">
        <v>118552</v>
      </c>
      <c r="DX13" s="330">
        <v>23940</v>
      </c>
      <c r="DY13" s="330">
        <v>1607010</v>
      </c>
      <c r="DZ13" s="330">
        <v>2645158</v>
      </c>
      <c r="EA13" s="330">
        <v>2058699</v>
      </c>
      <c r="EB13" s="333">
        <v>6453359</v>
      </c>
      <c r="EC13" s="334">
        <v>6453359</v>
      </c>
      <c r="ED13" s="329">
        <v>0</v>
      </c>
      <c r="EE13" s="330">
        <v>0</v>
      </c>
      <c r="EF13" s="331">
        <v>0</v>
      </c>
      <c r="EG13" s="335"/>
      <c r="EH13" s="330">
        <v>31220</v>
      </c>
      <c r="EI13" s="330">
        <v>23709</v>
      </c>
      <c r="EJ13" s="330">
        <v>32102</v>
      </c>
      <c r="EK13" s="330">
        <v>77532</v>
      </c>
      <c r="EL13" s="330">
        <v>21441</v>
      </c>
      <c r="EM13" s="333">
        <v>186004</v>
      </c>
      <c r="EN13" s="334">
        <v>186004</v>
      </c>
      <c r="EO13" s="329">
        <v>0</v>
      </c>
      <c r="EP13" s="330">
        <v>0</v>
      </c>
      <c r="EQ13" s="331">
        <v>0</v>
      </c>
      <c r="ER13" s="335"/>
      <c r="ES13" s="330">
        <v>0</v>
      </c>
      <c r="ET13" s="330">
        <v>0</v>
      </c>
      <c r="EU13" s="330">
        <v>0</v>
      </c>
      <c r="EV13" s="330">
        <v>392</v>
      </c>
      <c r="EW13" s="330">
        <v>196</v>
      </c>
      <c r="EX13" s="333">
        <v>588</v>
      </c>
      <c r="EY13" s="334">
        <v>588</v>
      </c>
      <c r="EZ13" s="329">
        <v>0</v>
      </c>
      <c r="FA13" s="330">
        <v>0</v>
      </c>
      <c r="FB13" s="331">
        <v>0</v>
      </c>
      <c r="FC13" s="335"/>
      <c r="FD13" s="330">
        <v>0</v>
      </c>
      <c r="FE13" s="330">
        <v>0</v>
      </c>
      <c r="FF13" s="330">
        <v>0</v>
      </c>
      <c r="FG13" s="330">
        <v>196</v>
      </c>
      <c r="FH13" s="330">
        <v>196</v>
      </c>
      <c r="FI13" s="333">
        <v>392</v>
      </c>
      <c r="FJ13" s="334">
        <v>392</v>
      </c>
      <c r="FK13" s="329">
        <v>0</v>
      </c>
      <c r="FL13" s="330">
        <v>0</v>
      </c>
      <c r="FM13" s="331">
        <v>0</v>
      </c>
      <c r="FN13" s="335"/>
      <c r="FO13" s="330">
        <v>0</v>
      </c>
      <c r="FP13" s="330">
        <v>0</v>
      </c>
      <c r="FQ13" s="330">
        <v>0</v>
      </c>
      <c r="FR13" s="330">
        <v>19488</v>
      </c>
      <c r="FS13" s="330">
        <v>0</v>
      </c>
      <c r="FT13" s="333">
        <v>19488</v>
      </c>
      <c r="FU13" s="334">
        <v>19488</v>
      </c>
      <c r="FV13" s="329">
        <v>3395</v>
      </c>
      <c r="FW13" s="330">
        <v>0</v>
      </c>
      <c r="FX13" s="331">
        <v>3395</v>
      </c>
      <c r="FY13" s="332">
        <v>0</v>
      </c>
      <c r="FZ13" s="330">
        <v>75204</v>
      </c>
      <c r="GA13" s="330">
        <v>131579</v>
      </c>
      <c r="GB13" s="330">
        <v>321946</v>
      </c>
      <c r="GC13" s="330">
        <v>212538</v>
      </c>
      <c r="GD13" s="330">
        <v>151465</v>
      </c>
      <c r="GE13" s="333">
        <v>892732</v>
      </c>
      <c r="GF13" s="334">
        <v>896127</v>
      </c>
      <c r="GG13" s="329">
        <v>0</v>
      </c>
      <c r="GH13" s="330">
        <v>0</v>
      </c>
      <c r="GI13" s="331">
        <v>0</v>
      </c>
      <c r="GJ13" s="332">
        <v>0</v>
      </c>
      <c r="GK13" s="330">
        <v>49</v>
      </c>
      <c r="GL13" s="330">
        <v>49</v>
      </c>
      <c r="GM13" s="330">
        <v>126</v>
      </c>
      <c r="GN13" s="330">
        <v>91</v>
      </c>
      <c r="GO13" s="330">
        <v>35</v>
      </c>
      <c r="GP13" s="333">
        <v>350</v>
      </c>
      <c r="GQ13" s="334">
        <v>350</v>
      </c>
      <c r="GR13" s="329">
        <v>0</v>
      </c>
      <c r="GS13" s="330">
        <v>0</v>
      </c>
      <c r="GT13" s="331">
        <v>0</v>
      </c>
      <c r="GU13" s="332">
        <v>0</v>
      </c>
      <c r="GV13" s="330">
        <v>0</v>
      </c>
      <c r="GW13" s="330">
        <v>0</v>
      </c>
      <c r="GX13" s="330">
        <v>0</v>
      </c>
      <c r="GY13" s="330">
        <v>0</v>
      </c>
      <c r="GZ13" s="330">
        <v>0</v>
      </c>
      <c r="HA13" s="333">
        <v>0</v>
      </c>
      <c r="HB13" s="334">
        <v>0</v>
      </c>
      <c r="HC13" s="329">
        <v>0</v>
      </c>
      <c r="HD13" s="330">
        <v>0</v>
      </c>
      <c r="HE13" s="331">
        <v>0</v>
      </c>
      <c r="HF13" s="335"/>
      <c r="HG13" s="330">
        <v>0</v>
      </c>
      <c r="HH13" s="330">
        <v>0</v>
      </c>
      <c r="HI13" s="330">
        <v>0</v>
      </c>
      <c r="HJ13" s="330">
        <v>0</v>
      </c>
      <c r="HK13" s="330">
        <v>0</v>
      </c>
      <c r="HL13" s="333">
        <v>0</v>
      </c>
      <c r="HM13" s="334">
        <v>0</v>
      </c>
      <c r="HN13" s="329">
        <v>8465</v>
      </c>
      <c r="HO13" s="330">
        <v>0</v>
      </c>
      <c r="HP13" s="331">
        <v>8465</v>
      </c>
      <c r="HQ13" s="332">
        <v>0</v>
      </c>
      <c r="HR13" s="330">
        <v>500077</v>
      </c>
      <c r="HS13" s="330">
        <v>509911</v>
      </c>
      <c r="HT13" s="330">
        <v>3717457</v>
      </c>
      <c r="HU13" s="330">
        <v>5633361</v>
      </c>
      <c r="HV13" s="330">
        <v>4013508</v>
      </c>
      <c r="HW13" s="333">
        <v>14374314</v>
      </c>
      <c r="HX13" s="334">
        <v>14382779</v>
      </c>
    </row>
    <row r="14" spans="1:232" ht="16.5" customHeight="1" x14ac:dyDescent="0.2">
      <c r="A14" s="327" t="s">
        <v>10</v>
      </c>
      <c r="B14" s="329">
        <v>645</v>
      </c>
      <c r="C14" s="330">
        <v>9410</v>
      </c>
      <c r="D14" s="331">
        <v>10055</v>
      </c>
      <c r="E14" s="332">
        <v>0</v>
      </c>
      <c r="F14" s="330">
        <v>938952</v>
      </c>
      <c r="G14" s="330">
        <v>1118791</v>
      </c>
      <c r="H14" s="330">
        <v>3214245</v>
      </c>
      <c r="I14" s="330">
        <v>4336927</v>
      </c>
      <c r="J14" s="330">
        <v>4022126</v>
      </c>
      <c r="K14" s="333">
        <v>13631041</v>
      </c>
      <c r="L14" s="334">
        <v>13641096</v>
      </c>
      <c r="M14" s="329">
        <v>0</v>
      </c>
      <c r="N14" s="330">
        <v>0</v>
      </c>
      <c r="O14" s="331">
        <v>0</v>
      </c>
      <c r="P14" s="335"/>
      <c r="Q14" s="330">
        <v>108360</v>
      </c>
      <c r="R14" s="330">
        <v>301913</v>
      </c>
      <c r="S14" s="330">
        <v>2148285</v>
      </c>
      <c r="T14" s="330">
        <v>3298745</v>
      </c>
      <c r="U14" s="330">
        <v>3268146</v>
      </c>
      <c r="V14" s="333">
        <v>9125449</v>
      </c>
      <c r="W14" s="334">
        <v>9125449</v>
      </c>
      <c r="X14" s="329">
        <v>0</v>
      </c>
      <c r="Y14" s="330">
        <v>0</v>
      </c>
      <c r="Z14" s="331">
        <v>0</v>
      </c>
      <c r="AA14" s="335"/>
      <c r="AB14" s="330">
        <v>631930</v>
      </c>
      <c r="AC14" s="330">
        <v>637747</v>
      </c>
      <c r="AD14" s="330">
        <v>712135</v>
      </c>
      <c r="AE14" s="330">
        <v>767530</v>
      </c>
      <c r="AF14" s="330">
        <v>479443</v>
      </c>
      <c r="AG14" s="333">
        <v>3228785</v>
      </c>
      <c r="AH14" s="334">
        <v>3228785</v>
      </c>
      <c r="AI14" s="329">
        <v>0</v>
      </c>
      <c r="AJ14" s="330">
        <v>0</v>
      </c>
      <c r="AK14" s="331">
        <v>0</v>
      </c>
      <c r="AL14" s="335"/>
      <c r="AM14" s="330">
        <v>0</v>
      </c>
      <c r="AN14" s="330">
        <v>0</v>
      </c>
      <c r="AO14" s="330">
        <v>0</v>
      </c>
      <c r="AP14" s="330">
        <v>29540</v>
      </c>
      <c r="AQ14" s="330">
        <v>8245</v>
      </c>
      <c r="AR14" s="333">
        <v>37785</v>
      </c>
      <c r="AS14" s="334">
        <v>37785</v>
      </c>
      <c r="AT14" s="329">
        <v>0</v>
      </c>
      <c r="AU14" s="330">
        <v>0</v>
      </c>
      <c r="AV14" s="331">
        <v>0</v>
      </c>
      <c r="AW14" s="335"/>
      <c r="AX14" s="330">
        <v>0</v>
      </c>
      <c r="AY14" s="330">
        <v>0</v>
      </c>
      <c r="AZ14" s="330">
        <v>24045</v>
      </c>
      <c r="BA14" s="330">
        <v>0</v>
      </c>
      <c r="BB14" s="330">
        <v>94515</v>
      </c>
      <c r="BC14" s="333">
        <v>118560</v>
      </c>
      <c r="BD14" s="334">
        <v>118560</v>
      </c>
      <c r="BE14" s="329">
        <v>0</v>
      </c>
      <c r="BF14" s="330">
        <v>0</v>
      </c>
      <c r="BG14" s="331">
        <v>0</v>
      </c>
      <c r="BH14" s="335"/>
      <c r="BI14" s="330">
        <v>0</v>
      </c>
      <c r="BJ14" s="330">
        <v>0</v>
      </c>
      <c r="BK14" s="330">
        <v>0</v>
      </c>
      <c r="BL14" s="330">
        <v>59725</v>
      </c>
      <c r="BM14" s="330">
        <v>66220</v>
      </c>
      <c r="BN14" s="333">
        <v>125945</v>
      </c>
      <c r="BO14" s="334">
        <v>125945</v>
      </c>
      <c r="BP14" s="329">
        <v>645</v>
      </c>
      <c r="BQ14" s="330">
        <v>9410</v>
      </c>
      <c r="BR14" s="331">
        <v>10055</v>
      </c>
      <c r="BS14" s="332">
        <v>0</v>
      </c>
      <c r="BT14" s="330">
        <v>198278</v>
      </c>
      <c r="BU14" s="330">
        <v>169883</v>
      </c>
      <c r="BV14" s="330">
        <v>326710</v>
      </c>
      <c r="BW14" s="330">
        <v>165877</v>
      </c>
      <c r="BX14" s="330">
        <v>105261</v>
      </c>
      <c r="BY14" s="333">
        <v>966009</v>
      </c>
      <c r="BZ14" s="334">
        <v>976064</v>
      </c>
      <c r="CA14" s="329">
        <v>0</v>
      </c>
      <c r="CB14" s="330">
        <v>0</v>
      </c>
      <c r="CC14" s="331">
        <v>0</v>
      </c>
      <c r="CD14" s="332">
        <v>0</v>
      </c>
      <c r="CE14" s="330">
        <v>384</v>
      </c>
      <c r="CF14" s="330">
        <v>9248</v>
      </c>
      <c r="CG14" s="330">
        <v>3070</v>
      </c>
      <c r="CH14" s="330">
        <v>15510</v>
      </c>
      <c r="CI14" s="330">
        <v>296</v>
      </c>
      <c r="CJ14" s="333">
        <v>28508</v>
      </c>
      <c r="CK14" s="334">
        <v>28508</v>
      </c>
      <c r="CL14" s="329">
        <v>0</v>
      </c>
      <c r="CM14" s="330">
        <v>0</v>
      </c>
      <c r="CN14" s="331">
        <v>0</v>
      </c>
      <c r="CO14" s="332">
        <v>0</v>
      </c>
      <c r="CP14" s="330">
        <v>0</v>
      </c>
      <c r="CQ14" s="330">
        <v>0</v>
      </c>
      <c r="CR14" s="330">
        <v>0</v>
      </c>
      <c r="CS14" s="330">
        <v>0</v>
      </c>
      <c r="CT14" s="330">
        <v>0</v>
      </c>
      <c r="CU14" s="333">
        <v>0</v>
      </c>
      <c r="CV14" s="334">
        <v>0</v>
      </c>
      <c r="CW14" s="329">
        <v>0</v>
      </c>
      <c r="CX14" s="330">
        <v>0</v>
      </c>
      <c r="CY14" s="331">
        <v>0</v>
      </c>
      <c r="CZ14" s="335"/>
      <c r="DA14" s="330">
        <v>0</v>
      </c>
      <c r="DB14" s="330">
        <v>0</v>
      </c>
      <c r="DC14" s="330">
        <v>0</v>
      </c>
      <c r="DD14" s="330">
        <v>0</v>
      </c>
      <c r="DE14" s="330">
        <v>0</v>
      </c>
      <c r="DF14" s="333">
        <v>0</v>
      </c>
      <c r="DG14" s="334">
        <v>0</v>
      </c>
      <c r="DH14" s="329">
        <v>2157</v>
      </c>
      <c r="DI14" s="330">
        <v>20064</v>
      </c>
      <c r="DJ14" s="331">
        <v>22221</v>
      </c>
      <c r="DK14" s="332">
        <v>0</v>
      </c>
      <c r="DL14" s="330">
        <v>558245</v>
      </c>
      <c r="DM14" s="330">
        <v>811296</v>
      </c>
      <c r="DN14" s="330">
        <v>3884391</v>
      </c>
      <c r="DO14" s="330">
        <v>4886059</v>
      </c>
      <c r="DP14" s="330">
        <v>3861883</v>
      </c>
      <c r="DQ14" s="333">
        <v>14001874</v>
      </c>
      <c r="DR14" s="336">
        <v>14024095</v>
      </c>
      <c r="DS14" s="329">
        <v>0</v>
      </c>
      <c r="DT14" s="330">
        <v>0</v>
      </c>
      <c r="DU14" s="331">
        <v>0</v>
      </c>
      <c r="DV14" s="335"/>
      <c r="DW14" s="330">
        <v>162288</v>
      </c>
      <c r="DX14" s="330">
        <v>448420</v>
      </c>
      <c r="DY14" s="330">
        <v>3263224</v>
      </c>
      <c r="DZ14" s="330">
        <v>4429957</v>
      </c>
      <c r="EA14" s="330">
        <v>3477794</v>
      </c>
      <c r="EB14" s="333">
        <v>11781683</v>
      </c>
      <c r="EC14" s="334">
        <v>11781683</v>
      </c>
      <c r="ED14" s="329">
        <v>0</v>
      </c>
      <c r="EE14" s="330">
        <v>0</v>
      </c>
      <c r="EF14" s="331">
        <v>0</v>
      </c>
      <c r="EG14" s="335"/>
      <c r="EH14" s="330">
        <v>154835</v>
      </c>
      <c r="EI14" s="330">
        <v>77860</v>
      </c>
      <c r="EJ14" s="330">
        <v>55417</v>
      </c>
      <c r="EK14" s="330">
        <v>113381</v>
      </c>
      <c r="EL14" s="330">
        <v>73899</v>
      </c>
      <c r="EM14" s="333">
        <v>475392</v>
      </c>
      <c r="EN14" s="334">
        <v>475392</v>
      </c>
      <c r="EO14" s="329">
        <v>0</v>
      </c>
      <c r="EP14" s="330">
        <v>0</v>
      </c>
      <c r="EQ14" s="331">
        <v>0</v>
      </c>
      <c r="ER14" s="335"/>
      <c r="ES14" s="330">
        <v>0</v>
      </c>
      <c r="ET14" s="330">
        <v>0</v>
      </c>
      <c r="EU14" s="330">
        <v>0</v>
      </c>
      <c r="EV14" s="330">
        <v>196</v>
      </c>
      <c r="EW14" s="330">
        <v>679</v>
      </c>
      <c r="EX14" s="333">
        <v>875</v>
      </c>
      <c r="EY14" s="334">
        <v>875</v>
      </c>
      <c r="EZ14" s="329">
        <v>0</v>
      </c>
      <c r="FA14" s="330">
        <v>0</v>
      </c>
      <c r="FB14" s="331">
        <v>0</v>
      </c>
      <c r="FC14" s="335"/>
      <c r="FD14" s="330">
        <v>0</v>
      </c>
      <c r="FE14" s="330">
        <v>0</v>
      </c>
      <c r="FF14" s="330">
        <v>7917</v>
      </c>
      <c r="FG14" s="330">
        <v>0</v>
      </c>
      <c r="FH14" s="330">
        <v>1701</v>
      </c>
      <c r="FI14" s="333">
        <v>9618</v>
      </c>
      <c r="FJ14" s="334">
        <v>9618</v>
      </c>
      <c r="FK14" s="329">
        <v>0</v>
      </c>
      <c r="FL14" s="330">
        <v>0</v>
      </c>
      <c r="FM14" s="331">
        <v>0</v>
      </c>
      <c r="FN14" s="335"/>
      <c r="FO14" s="330">
        <v>0</v>
      </c>
      <c r="FP14" s="330">
        <v>0</v>
      </c>
      <c r="FQ14" s="330">
        <v>0</v>
      </c>
      <c r="FR14" s="330">
        <v>83050</v>
      </c>
      <c r="FS14" s="330">
        <v>105560</v>
      </c>
      <c r="FT14" s="333">
        <v>188610</v>
      </c>
      <c r="FU14" s="334">
        <v>188610</v>
      </c>
      <c r="FV14" s="329">
        <v>2157</v>
      </c>
      <c r="FW14" s="330">
        <v>20064</v>
      </c>
      <c r="FX14" s="331">
        <v>22221</v>
      </c>
      <c r="FY14" s="332">
        <v>0</v>
      </c>
      <c r="FZ14" s="330">
        <v>241094</v>
      </c>
      <c r="GA14" s="330">
        <v>284939</v>
      </c>
      <c r="GB14" s="330">
        <v>554969</v>
      </c>
      <c r="GC14" s="330">
        <v>247439</v>
      </c>
      <c r="GD14" s="330">
        <v>201464</v>
      </c>
      <c r="GE14" s="333">
        <v>1529905</v>
      </c>
      <c r="GF14" s="334">
        <v>1552126</v>
      </c>
      <c r="GG14" s="329">
        <v>0</v>
      </c>
      <c r="GH14" s="330">
        <v>0</v>
      </c>
      <c r="GI14" s="331">
        <v>0</v>
      </c>
      <c r="GJ14" s="332">
        <v>0</v>
      </c>
      <c r="GK14" s="330">
        <v>28</v>
      </c>
      <c r="GL14" s="330">
        <v>77</v>
      </c>
      <c r="GM14" s="330">
        <v>2864</v>
      </c>
      <c r="GN14" s="330">
        <v>12036</v>
      </c>
      <c r="GO14" s="330">
        <v>786</v>
      </c>
      <c r="GP14" s="333">
        <v>15791</v>
      </c>
      <c r="GQ14" s="334">
        <v>15791</v>
      </c>
      <c r="GR14" s="329">
        <v>0</v>
      </c>
      <c r="GS14" s="330">
        <v>0</v>
      </c>
      <c r="GT14" s="331">
        <v>0</v>
      </c>
      <c r="GU14" s="332">
        <v>0</v>
      </c>
      <c r="GV14" s="330">
        <v>0</v>
      </c>
      <c r="GW14" s="330">
        <v>0</v>
      </c>
      <c r="GX14" s="330">
        <v>0</v>
      </c>
      <c r="GY14" s="330">
        <v>0</v>
      </c>
      <c r="GZ14" s="330">
        <v>0</v>
      </c>
      <c r="HA14" s="333">
        <v>0</v>
      </c>
      <c r="HB14" s="334">
        <v>0</v>
      </c>
      <c r="HC14" s="329">
        <v>0</v>
      </c>
      <c r="HD14" s="330">
        <v>0</v>
      </c>
      <c r="HE14" s="331">
        <v>0</v>
      </c>
      <c r="HF14" s="335"/>
      <c r="HG14" s="330">
        <v>0</v>
      </c>
      <c r="HH14" s="330">
        <v>0</v>
      </c>
      <c r="HI14" s="330">
        <v>0</v>
      </c>
      <c r="HJ14" s="330">
        <v>0</v>
      </c>
      <c r="HK14" s="330">
        <v>0</v>
      </c>
      <c r="HL14" s="333">
        <v>0</v>
      </c>
      <c r="HM14" s="334">
        <v>0</v>
      </c>
      <c r="HN14" s="329">
        <v>2802</v>
      </c>
      <c r="HO14" s="330">
        <v>29474</v>
      </c>
      <c r="HP14" s="331">
        <v>32276</v>
      </c>
      <c r="HQ14" s="332">
        <v>0</v>
      </c>
      <c r="HR14" s="330">
        <v>1497197</v>
      </c>
      <c r="HS14" s="330">
        <v>1930087</v>
      </c>
      <c r="HT14" s="330">
        <v>7098636</v>
      </c>
      <c r="HU14" s="330">
        <v>9222986</v>
      </c>
      <c r="HV14" s="330">
        <v>7884009</v>
      </c>
      <c r="HW14" s="333">
        <v>27632915</v>
      </c>
      <c r="HX14" s="334">
        <v>27665191</v>
      </c>
    </row>
    <row r="15" spans="1:232" ht="16.5" customHeight="1" x14ac:dyDescent="0.2">
      <c r="A15" s="327" t="s">
        <v>11</v>
      </c>
      <c r="B15" s="329">
        <v>3920</v>
      </c>
      <c r="C15" s="330">
        <v>9840</v>
      </c>
      <c r="D15" s="331">
        <v>13760</v>
      </c>
      <c r="E15" s="332">
        <v>0</v>
      </c>
      <c r="F15" s="330">
        <v>851079</v>
      </c>
      <c r="G15" s="330">
        <v>936908</v>
      </c>
      <c r="H15" s="330">
        <v>2915582</v>
      </c>
      <c r="I15" s="330">
        <v>4023556</v>
      </c>
      <c r="J15" s="330">
        <v>2155012</v>
      </c>
      <c r="K15" s="333">
        <v>10882137</v>
      </c>
      <c r="L15" s="334">
        <v>10895897</v>
      </c>
      <c r="M15" s="329">
        <v>0</v>
      </c>
      <c r="N15" s="330">
        <v>0</v>
      </c>
      <c r="O15" s="331">
        <v>0</v>
      </c>
      <c r="P15" s="335"/>
      <c r="Q15" s="330">
        <v>22260</v>
      </c>
      <c r="R15" s="330">
        <v>83720</v>
      </c>
      <c r="S15" s="330">
        <v>1998690</v>
      </c>
      <c r="T15" s="330">
        <v>2773021</v>
      </c>
      <c r="U15" s="330">
        <v>1455785</v>
      </c>
      <c r="V15" s="333">
        <v>6333476</v>
      </c>
      <c r="W15" s="334">
        <v>6333476</v>
      </c>
      <c r="X15" s="329">
        <v>0</v>
      </c>
      <c r="Y15" s="330">
        <v>0</v>
      </c>
      <c r="Z15" s="331">
        <v>0</v>
      </c>
      <c r="AA15" s="335"/>
      <c r="AB15" s="330">
        <v>677070</v>
      </c>
      <c r="AC15" s="330">
        <v>762097</v>
      </c>
      <c r="AD15" s="330">
        <v>668335</v>
      </c>
      <c r="AE15" s="330">
        <v>1024071</v>
      </c>
      <c r="AF15" s="330">
        <v>467948</v>
      </c>
      <c r="AG15" s="333">
        <v>3599521</v>
      </c>
      <c r="AH15" s="334">
        <v>3599521</v>
      </c>
      <c r="AI15" s="329">
        <v>0</v>
      </c>
      <c r="AJ15" s="330">
        <v>0</v>
      </c>
      <c r="AK15" s="331">
        <v>0</v>
      </c>
      <c r="AL15" s="335"/>
      <c r="AM15" s="330">
        <v>0</v>
      </c>
      <c r="AN15" s="330">
        <v>0</v>
      </c>
      <c r="AO15" s="330">
        <v>0</v>
      </c>
      <c r="AP15" s="330">
        <v>0</v>
      </c>
      <c r="AQ15" s="330">
        <v>22260</v>
      </c>
      <c r="AR15" s="333">
        <v>22260</v>
      </c>
      <c r="AS15" s="334">
        <v>22260</v>
      </c>
      <c r="AT15" s="329">
        <v>0</v>
      </c>
      <c r="AU15" s="330">
        <v>0</v>
      </c>
      <c r="AV15" s="331">
        <v>0</v>
      </c>
      <c r="AW15" s="335"/>
      <c r="AX15" s="330">
        <v>86380</v>
      </c>
      <c r="AY15" s="330">
        <v>2380</v>
      </c>
      <c r="AZ15" s="330">
        <v>2380</v>
      </c>
      <c r="BA15" s="330">
        <v>32060</v>
      </c>
      <c r="BB15" s="330">
        <v>177240</v>
      </c>
      <c r="BC15" s="333">
        <v>300440</v>
      </c>
      <c r="BD15" s="334">
        <v>300440</v>
      </c>
      <c r="BE15" s="329">
        <v>0</v>
      </c>
      <c r="BF15" s="330">
        <v>0</v>
      </c>
      <c r="BG15" s="331">
        <v>0</v>
      </c>
      <c r="BH15" s="335"/>
      <c r="BI15" s="330">
        <v>0</v>
      </c>
      <c r="BJ15" s="330">
        <v>22260</v>
      </c>
      <c r="BK15" s="330">
        <v>29540</v>
      </c>
      <c r="BL15" s="330">
        <v>0</v>
      </c>
      <c r="BM15" s="330">
        <v>0</v>
      </c>
      <c r="BN15" s="333">
        <v>51800</v>
      </c>
      <c r="BO15" s="334">
        <v>51800</v>
      </c>
      <c r="BP15" s="329">
        <v>3920</v>
      </c>
      <c r="BQ15" s="330">
        <v>9840</v>
      </c>
      <c r="BR15" s="331">
        <v>13760</v>
      </c>
      <c r="BS15" s="332">
        <v>0</v>
      </c>
      <c r="BT15" s="330">
        <v>64526</v>
      </c>
      <c r="BU15" s="330">
        <v>63241</v>
      </c>
      <c r="BV15" s="330">
        <v>207845</v>
      </c>
      <c r="BW15" s="330">
        <v>189509</v>
      </c>
      <c r="BX15" s="330">
        <v>31779</v>
      </c>
      <c r="BY15" s="333">
        <v>556900</v>
      </c>
      <c r="BZ15" s="334">
        <v>570660</v>
      </c>
      <c r="CA15" s="329">
        <v>0</v>
      </c>
      <c r="CB15" s="330">
        <v>0</v>
      </c>
      <c r="CC15" s="331">
        <v>0</v>
      </c>
      <c r="CD15" s="332">
        <v>0</v>
      </c>
      <c r="CE15" s="330">
        <v>843</v>
      </c>
      <c r="CF15" s="330">
        <v>3210</v>
      </c>
      <c r="CG15" s="330">
        <v>8792</v>
      </c>
      <c r="CH15" s="330">
        <v>4895</v>
      </c>
      <c r="CI15" s="330">
        <v>0</v>
      </c>
      <c r="CJ15" s="333">
        <v>17740</v>
      </c>
      <c r="CK15" s="334">
        <v>17740</v>
      </c>
      <c r="CL15" s="329">
        <v>0</v>
      </c>
      <c r="CM15" s="330">
        <v>0</v>
      </c>
      <c r="CN15" s="331">
        <v>0</v>
      </c>
      <c r="CO15" s="332">
        <v>0</v>
      </c>
      <c r="CP15" s="330">
        <v>0</v>
      </c>
      <c r="CQ15" s="330">
        <v>0</v>
      </c>
      <c r="CR15" s="330">
        <v>0</v>
      </c>
      <c r="CS15" s="330">
        <v>0</v>
      </c>
      <c r="CT15" s="330">
        <v>0</v>
      </c>
      <c r="CU15" s="333">
        <v>0</v>
      </c>
      <c r="CV15" s="334">
        <v>0</v>
      </c>
      <c r="CW15" s="329">
        <v>0</v>
      </c>
      <c r="CX15" s="330">
        <v>0</v>
      </c>
      <c r="CY15" s="331">
        <v>0</v>
      </c>
      <c r="CZ15" s="335"/>
      <c r="DA15" s="330">
        <v>0</v>
      </c>
      <c r="DB15" s="330">
        <v>0</v>
      </c>
      <c r="DC15" s="330">
        <v>0</v>
      </c>
      <c r="DD15" s="330">
        <v>0</v>
      </c>
      <c r="DE15" s="330">
        <v>0</v>
      </c>
      <c r="DF15" s="333">
        <v>0</v>
      </c>
      <c r="DG15" s="334">
        <v>0</v>
      </c>
      <c r="DH15" s="329">
        <v>6008</v>
      </c>
      <c r="DI15" s="330">
        <v>10733</v>
      </c>
      <c r="DJ15" s="331">
        <v>16741</v>
      </c>
      <c r="DK15" s="332">
        <v>0</v>
      </c>
      <c r="DL15" s="330">
        <v>250426</v>
      </c>
      <c r="DM15" s="330">
        <v>341606</v>
      </c>
      <c r="DN15" s="330">
        <v>2811899</v>
      </c>
      <c r="DO15" s="330">
        <v>3521858</v>
      </c>
      <c r="DP15" s="330">
        <v>1778373</v>
      </c>
      <c r="DQ15" s="333">
        <v>8704162</v>
      </c>
      <c r="DR15" s="336">
        <v>8720903</v>
      </c>
      <c r="DS15" s="329">
        <v>0</v>
      </c>
      <c r="DT15" s="330">
        <v>0</v>
      </c>
      <c r="DU15" s="331">
        <v>0</v>
      </c>
      <c r="DV15" s="335"/>
      <c r="DW15" s="330">
        <v>13580</v>
      </c>
      <c r="DX15" s="330">
        <v>103656</v>
      </c>
      <c r="DY15" s="330">
        <v>2418019</v>
      </c>
      <c r="DZ15" s="330">
        <v>3194905</v>
      </c>
      <c r="EA15" s="330">
        <v>1621504</v>
      </c>
      <c r="EB15" s="333">
        <v>7351664</v>
      </c>
      <c r="EC15" s="334">
        <v>7351664</v>
      </c>
      <c r="ED15" s="329">
        <v>0</v>
      </c>
      <c r="EE15" s="330">
        <v>0</v>
      </c>
      <c r="EF15" s="331">
        <v>0</v>
      </c>
      <c r="EG15" s="335"/>
      <c r="EH15" s="330">
        <v>132801</v>
      </c>
      <c r="EI15" s="330">
        <v>151848</v>
      </c>
      <c r="EJ15" s="330">
        <v>134418</v>
      </c>
      <c r="EK15" s="330">
        <v>129861</v>
      </c>
      <c r="EL15" s="330">
        <v>88659</v>
      </c>
      <c r="EM15" s="333">
        <v>637587</v>
      </c>
      <c r="EN15" s="334">
        <v>637587</v>
      </c>
      <c r="EO15" s="329">
        <v>0</v>
      </c>
      <c r="EP15" s="330">
        <v>0</v>
      </c>
      <c r="EQ15" s="331">
        <v>0</v>
      </c>
      <c r="ER15" s="335"/>
      <c r="ES15" s="330">
        <v>0</v>
      </c>
      <c r="ET15" s="330">
        <v>0</v>
      </c>
      <c r="EU15" s="330">
        <v>0</v>
      </c>
      <c r="EV15" s="330">
        <v>0</v>
      </c>
      <c r="EW15" s="330">
        <v>196</v>
      </c>
      <c r="EX15" s="333">
        <v>196</v>
      </c>
      <c r="EY15" s="334">
        <v>196</v>
      </c>
      <c r="EZ15" s="329">
        <v>0</v>
      </c>
      <c r="FA15" s="330">
        <v>0</v>
      </c>
      <c r="FB15" s="331">
        <v>0</v>
      </c>
      <c r="FC15" s="335"/>
      <c r="FD15" s="330">
        <v>21308</v>
      </c>
      <c r="FE15" s="330">
        <v>196</v>
      </c>
      <c r="FF15" s="330">
        <v>196</v>
      </c>
      <c r="FG15" s="330">
        <v>10556</v>
      </c>
      <c r="FH15" s="330">
        <v>22687</v>
      </c>
      <c r="FI15" s="333">
        <v>54943</v>
      </c>
      <c r="FJ15" s="334">
        <v>54943</v>
      </c>
      <c r="FK15" s="329">
        <v>0</v>
      </c>
      <c r="FL15" s="330">
        <v>0</v>
      </c>
      <c r="FM15" s="331">
        <v>0</v>
      </c>
      <c r="FN15" s="335"/>
      <c r="FO15" s="330">
        <v>0</v>
      </c>
      <c r="FP15" s="330">
        <v>19488</v>
      </c>
      <c r="FQ15" s="330">
        <v>21028</v>
      </c>
      <c r="FR15" s="330">
        <v>0</v>
      </c>
      <c r="FS15" s="330">
        <v>0</v>
      </c>
      <c r="FT15" s="333">
        <v>40516</v>
      </c>
      <c r="FU15" s="334">
        <v>40516</v>
      </c>
      <c r="FV15" s="329">
        <v>6008</v>
      </c>
      <c r="FW15" s="330">
        <v>10733</v>
      </c>
      <c r="FX15" s="331">
        <v>16741</v>
      </c>
      <c r="FY15" s="332">
        <v>0</v>
      </c>
      <c r="FZ15" s="330">
        <v>81545</v>
      </c>
      <c r="GA15" s="330">
        <v>66390</v>
      </c>
      <c r="GB15" s="330">
        <v>228449</v>
      </c>
      <c r="GC15" s="330">
        <v>186459</v>
      </c>
      <c r="GD15" s="330">
        <v>45327</v>
      </c>
      <c r="GE15" s="333">
        <v>608170</v>
      </c>
      <c r="GF15" s="334">
        <v>624911</v>
      </c>
      <c r="GG15" s="329">
        <v>0</v>
      </c>
      <c r="GH15" s="330">
        <v>0</v>
      </c>
      <c r="GI15" s="331">
        <v>0</v>
      </c>
      <c r="GJ15" s="332">
        <v>0</v>
      </c>
      <c r="GK15" s="330">
        <v>1192</v>
      </c>
      <c r="GL15" s="330">
        <v>28</v>
      </c>
      <c r="GM15" s="330">
        <v>9789</v>
      </c>
      <c r="GN15" s="330">
        <v>77</v>
      </c>
      <c r="GO15" s="330">
        <v>0</v>
      </c>
      <c r="GP15" s="333">
        <v>11086</v>
      </c>
      <c r="GQ15" s="334">
        <v>11086</v>
      </c>
      <c r="GR15" s="329">
        <v>0</v>
      </c>
      <c r="GS15" s="330">
        <v>0</v>
      </c>
      <c r="GT15" s="331">
        <v>0</v>
      </c>
      <c r="GU15" s="332">
        <v>0</v>
      </c>
      <c r="GV15" s="330">
        <v>0</v>
      </c>
      <c r="GW15" s="330">
        <v>0</v>
      </c>
      <c r="GX15" s="330">
        <v>0</v>
      </c>
      <c r="GY15" s="330">
        <v>0</v>
      </c>
      <c r="GZ15" s="330">
        <v>0</v>
      </c>
      <c r="HA15" s="333">
        <v>0</v>
      </c>
      <c r="HB15" s="334">
        <v>0</v>
      </c>
      <c r="HC15" s="329">
        <v>0</v>
      </c>
      <c r="HD15" s="330">
        <v>0</v>
      </c>
      <c r="HE15" s="331">
        <v>0</v>
      </c>
      <c r="HF15" s="335"/>
      <c r="HG15" s="330">
        <v>0</v>
      </c>
      <c r="HH15" s="330">
        <v>0</v>
      </c>
      <c r="HI15" s="330">
        <v>0</v>
      </c>
      <c r="HJ15" s="330">
        <v>0</v>
      </c>
      <c r="HK15" s="330">
        <v>0</v>
      </c>
      <c r="HL15" s="333">
        <v>0</v>
      </c>
      <c r="HM15" s="334">
        <v>0</v>
      </c>
      <c r="HN15" s="329">
        <v>9928</v>
      </c>
      <c r="HO15" s="330">
        <v>20573</v>
      </c>
      <c r="HP15" s="331">
        <v>30501</v>
      </c>
      <c r="HQ15" s="332">
        <v>0</v>
      </c>
      <c r="HR15" s="330">
        <v>1101505</v>
      </c>
      <c r="HS15" s="330">
        <v>1278514</v>
      </c>
      <c r="HT15" s="330">
        <v>5727481</v>
      </c>
      <c r="HU15" s="330">
        <v>7545414</v>
      </c>
      <c r="HV15" s="330">
        <v>3933385</v>
      </c>
      <c r="HW15" s="333">
        <v>19586299</v>
      </c>
      <c r="HX15" s="334">
        <v>19616800</v>
      </c>
    </row>
    <row r="16" spans="1:232" ht="16.5" customHeight="1" x14ac:dyDescent="0.2">
      <c r="A16" s="327" t="s">
        <v>12</v>
      </c>
      <c r="B16" s="329">
        <v>2290</v>
      </c>
      <c r="C16" s="330">
        <v>0</v>
      </c>
      <c r="D16" s="331">
        <v>2290</v>
      </c>
      <c r="E16" s="332">
        <v>0</v>
      </c>
      <c r="F16" s="330">
        <v>236920</v>
      </c>
      <c r="G16" s="330">
        <v>542004</v>
      </c>
      <c r="H16" s="330">
        <v>2216381</v>
      </c>
      <c r="I16" s="330">
        <v>3138633</v>
      </c>
      <c r="J16" s="330">
        <v>2067122</v>
      </c>
      <c r="K16" s="333">
        <v>8201060</v>
      </c>
      <c r="L16" s="334">
        <v>8203350</v>
      </c>
      <c r="M16" s="329">
        <v>0</v>
      </c>
      <c r="N16" s="330">
        <v>0</v>
      </c>
      <c r="O16" s="331">
        <v>0</v>
      </c>
      <c r="P16" s="335"/>
      <c r="Q16" s="330">
        <v>2380</v>
      </c>
      <c r="R16" s="330">
        <v>102900</v>
      </c>
      <c r="S16" s="330">
        <v>1030824</v>
      </c>
      <c r="T16" s="330">
        <v>2161292</v>
      </c>
      <c r="U16" s="330">
        <v>1476403</v>
      </c>
      <c r="V16" s="333">
        <v>4773799</v>
      </c>
      <c r="W16" s="334">
        <v>4773799</v>
      </c>
      <c r="X16" s="329">
        <v>0</v>
      </c>
      <c r="Y16" s="330">
        <v>0</v>
      </c>
      <c r="Z16" s="331">
        <v>0</v>
      </c>
      <c r="AA16" s="335"/>
      <c r="AB16" s="330">
        <v>206505</v>
      </c>
      <c r="AC16" s="330">
        <v>357252</v>
      </c>
      <c r="AD16" s="330">
        <v>785833</v>
      </c>
      <c r="AE16" s="330">
        <v>760462</v>
      </c>
      <c r="AF16" s="330">
        <v>385543</v>
      </c>
      <c r="AG16" s="333">
        <v>2495595</v>
      </c>
      <c r="AH16" s="334">
        <v>2495595</v>
      </c>
      <c r="AI16" s="329">
        <v>0</v>
      </c>
      <c r="AJ16" s="330">
        <v>0</v>
      </c>
      <c r="AK16" s="331">
        <v>0</v>
      </c>
      <c r="AL16" s="335"/>
      <c r="AM16" s="330">
        <v>0</v>
      </c>
      <c r="AN16" s="330">
        <v>0</v>
      </c>
      <c r="AO16" s="330">
        <v>0</v>
      </c>
      <c r="AP16" s="330">
        <v>31920</v>
      </c>
      <c r="AQ16" s="330">
        <v>56560</v>
      </c>
      <c r="AR16" s="333">
        <v>88480</v>
      </c>
      <c r="AS16" s="334">
        <v>88480</v>
      </c>
      <c r="AT16" s="329">
        <v>0</v>
      </c>
      <c r="AU16" s="330">
        <v>0</v>
      </c>
      <c r="AV16" s="331">
        <v>0</v>
      </c>
      <c r="AW16" s="335"/>
      <c r="AX16" s="330">
        <v>0</v>
      </c>
      <c r="AY16" s="330">
        <v>0</v>
      </c>
      <c r="AZ16" s="330">
        <v>0</v>
      </c>
      <c r="BA16" s="330">
        <v>1955</v>
      </c>
      <c r="BB16" s="330">
        <v>36850</v>
      </c>
      <c r="BC16" s="333">
        <v>38805</v>
      </c>
      <c r="BD16" s="334">
        <v>38805</v>
      </c>
      <c r="BE16" s="329">
        <v>0</v>
      </c>
      <c r="BF16" s="330">
        <v>0</v>
      </c>
      <c r="BG16" s="331">
        <v>0</v>
      </c>
      <c r="BH16" s="335"/>
      <c r="BI16" s="330">
        <v>896</v>
      </c>
      <c r="BJ16" s="330">
        <v>0</v>
      </c>
      <c r="BK16" s="330">
        <v>219688</v>
      </c>
      <c r="BL16" s="330">
        <v>53160</v>
      </c>
      <c r="BM16" s="330">
        <v>896</v>
      </c>
      <c r="BN16" s="333">
        <v>274640</v>
      </c>
      <c r="BO16" s="334">
        <v>274640</v>
      </c>
      <c r="BP16" s="329">
        <v>2290</v>
      </c>
      <c r="BQ16" s="330">
        <v>0</v>
      </c>
      <c r="BR16" s="331">
        <v>2290</v>
      </c>
      <c r="BS16" s="332">
        <v>0</v>
      </c>
      <c r="BT16" s="330">
        <v>27139</v>
      </c>
      <c r="BU16" s="330">
        <v>81852</v>
      </c>
      <c r="BV16" s="330">
        <v>180036</v>
      </c>
      <c r="BW16" s="330">
        <v>129699</v>
      </c>
      <c r="BX16" s="330">
        <v>110870</v>
      </c>
      <c r="BY16" s="333">
        <v>529596</v>
      </c>
      <c r="BZ16" s="334">
        <v>531886</v>
      </c>
      <c r="CA16" s="329">
        <v>0</v>
      </c>
      <c r="CB16" s="330">
        <v>0</v>
      </c>
      <c r="CC16" s="331">
        <v>0</v>
      </c>
      <c r="CD16" s="332">
        <v>0</v>
      </c>
      <c r="CE16" s="330">
        <v>0</v>
      </c>
      <c r="CF16" s="330">
        <v>0</v>
      </c>
      <c r="CG16" s="330">
        <v>0</v>
      </c>
      <c r="CH16" s="330">
        <v>145</v>
      </c>
      <c r="CI16" s="330">
        <v>0</v>
      </c>
      <c r="CJ16" s="333">
        <v>145</v>
      </c>
      <c r="CK16" s="334">
        <v>145</v>
      </c>
      <c r="CL16" s="329">
        <v>0</v>
      </c>
      <c r="CM16" s="330">
        <v>0</v>
      </c>
      <c r="CN16" s="331">
        <v>0</v>
      </c>
      <c r="CO16" s="332">
        <v>0</v>
      </c>
      <c r="CP16" s="330">
        <v>0</v>
      </c>
      <c r="CQ16" s="330">
        <v>0</v>
      </c>
      <c r="CR16" s="330">
        <v>0</v>
      </c>
      <c r="CS16" s="330">
        <v>0</v>
      </c>
      <c r="CT16" s="330">
        <v>0</v>
      </c>
      <c r="CU16" s="333">
        <v>0</v>
      </c>
      <c r="CV16" s="334">
        <v>0</v>
      </c>
      <c r="CW16" s="329">
        <v>0</v>
      </c>
      <c r="CX16" s="330">
        <v>0</v>
      </c>
      <c r="CY16" s="331">
        <v>0</v>
      </c>
      <c r="CZ16" s="335"/>
      <c r="DA16" s="330">
        <v>0</v>
      </c>
      <c r="DB16" s="330">
        <v>0</v>
      </c>
      <c r="DC16" s="330">
        <v>0</v>
      </c>
      <c r="DD16" s="330">
        <v>0</v>
      </c>
      <c r="DE16" s="330">
        <v>0</v>
      </c>
      <c r="DF16" s="333">
        <v>0</v>
      </c>
      <c r="DG16" s="334">
        <v>0</v>
      </c>
      <c r="DH16" s="329">
        <v>1702</v>
      </c>
      <c r="DI16" s="330">
        <v>0</v>
      </c>
      <c r="DJ16" s="331">
        <v>1702</v>
      </c>
      <c r="DK16" s="332">
        <v>0</v>
      </c>
      <c r="DL16" s="330">
        <v>139738</v>
      </c>
      <c r="DM16" s="330">
        <v>400690</v>
      </c>
      <c r="DN16" s="330">
        <v>2390819</v>
      </c>
      <c r="DO16" s="330">
        <v>3358108</v>
      </c>
      <c r="DP16" s="330">
        <v>1972916</v>
      </c>
      <c r="DQ16" s="333">
        <v>8262271</v>
      </c>
      <c r="DR16" s="336">
        <v>8263973</v>
      </c>
      <c r="DS16" s="329">
        <v>0</v>
      </c>
      <c r="DT16" s="330">
        <v>0</v>
      </c>
      <c r="DU16" s="331">
        <v>0</v>
      </c>
      <c r="DV16" s="335"/>
      <c r="DW16" s="330">
        <v>19488</v>
      </c>
      <c r="DX16" s="330">
        <v>220724</v>
      </c>
      <c r="DY16" s="330">
        <v>1649864</v>
      </c>
      <c r="DZ16" s="330">
        <v>2927779</v>
      </c>
      <c r="EA16" s="330">
        <v>1763431</v>
      </c>
      <c r="EB16" s="333">
        <v>6581286</v>
      </c>
      <c r="EC16" s="334">
        <v>6581286</v>
      </c>
      <c r="ED16" s="329">
        <v>0</v>
      </c>
      <c r="EE16" s="330">
        <v>0</v>
      </c>
      <c r="EF16" s="331">
        <v>0</v>
      </c>
      <c r="EG16" s="335"/>
      <c r="EH16" s="330">
        <v>50474</v>
      </c>
      <c r="EI16" s="330">
        <v>52843</v>
      </c>
      <c r="EJ16" s="330">
        <v>113483</v>
      </c>
      <c r="EK16" s="330">
        <v>143925</v>
      </c>
      <c r="EL16" s="330">
        <v>64988</v>
      </c>
      <c r="EM16" s="333">
        <v>425713</v>
      </c>
      <c r="EN16" s="334">
        <v>425713</v>
      </c>
      <c r="EO16" s="329">
        <v>0</v>
      </c>
      <c r="EP16" s="330">
        <v>0</v>
      </c>
      <c r="EQ16" s="331">
        <v>0</v>
      </c>
      <c r="ER16" s="335"/>
      <c r="ES16" s="330">
        <v>0</v>
      </c>
      <c r="ET16" s="330">
        <v>0</v>
      </c>
      <c r="EU16" s="330">
        <v>0</v>
      </c>
      <c r="EV16" s="330">
        <v>392</v>
      </c>
      <c r="EW16" s="330">
        <v>784</v>
      </c>
      <c r="EX16" s="333">
        <v>1176</v>
      </c>
      <c r="EY16" s="334">
        <v>1176</v>
      </c>
      <c r="EZ16" s="329">
        <v>0</v>
      </c>
      <c r="FA16" s="330">
        <v>0</v>
      </c>
      <c r="FB16" s="331">
        <v>0</v>
      </c>
      <c r="FC16" s="335"/>
      <c r="FD16" s="330">
        <v>0</v>
      </c>
      <c r="FE16" s="330">
        <v>0</v>
      </c>
      <c r="FF16" s="330">
        <v>0</v>
      </c>
      <c r="FG16" s="330">
        <v>196</v>
      </c>
      <c r="FH16" s="330">
        <v>805</v>
      </c>
      <c r="FI16" s="333">
        <v>1001</v>
      </c>
      <c r="FJ16" s="334">
        <v>1001</v>
      </c>
      <c r="FK16" s="329">
        <v>0</v>
      </c>
      <c r="FL16" s="330">
        <v>0</v>
      </c>
      <c r="FM16" s="331">
        <v>0</v>
      </c>
      <c r="FN16" s="335"/>
      <c r="FO16" s="330">
        <v>19488</v>
      </c>
      <c r="FP16" s="330">
        <v>0</v>
      </c>
      <c r="FQ16" s="330">
        <v>308224</v>
      </c>
      <c r="FR16" s="330">
        <v>89384</v>
      </c>
      <c r="FS16" s="330">
        <v>19488</v>
      </c>
      <c r="FT16" s="333">
        <v>436584</v>
      </c>
      <c r="FU16" s="334">
        <v>436584</v>
      </c>
      <c r="FV16" s="329">
        <v>1702</v>
      </c>
      <c r="FW16" s="330">
        <v>0</v>
      </c>
      <c r="FX16" s="331">
        <v>1702</v>
      </c>
      <c r="FY16" s="332">
        <v>0</v>
      </c>
      <c r="FZ16" s="330">
        <v>50288</v>
      </c>
      <c r="GA16" s="330">
        <v>127123</v>
      </c>
      <c r="GB16" s="330">
        <v>319248</v>
      </c>
      <c r="GC16" s="330">
        <v>196411</v>
      </c>
      <c r="GD16" s="330">
        <v>123420</v>
      </c>
      <c r="GE16" s="333">
        <v>816490</v>
      </c>
      <c r="GF16" s="334">
        <v>818192</v>
      </c>
      <c r="GG16" s="329">
        <v>0</v>
      </c>
      <c r="GH16" s="330">
        <v>0</v>
      </c>
      <c r="GI16" s="331">
        <v>0</v>
      </c>
      <c r="GJ16" s="332">
        <v>0</v>
      </c>
      <c r="GK16" s="330">
        <v>0</v>
      </c>
      <c r="GL16" s="330">
        <v>0</v>
      </c>
      <c r="GM16" s="330">
        <v>0</v>
      </c>
      <c r="GN16" s="330">
        <v>21</v>
      </c>
      <c r="GO16" s="330">
        <v>0</v>
      </c>
      <c r="GP16" s="333">
        <v>21</v>
      </c>
      <c r="GQ16" s="334">
        <v>21</v>
      </c>
      <c r="GR16" s="329">
        <v>0</v>
      </c>
      <c r="GS16" s="330">
        <v>0</v>
      </c>
      <c r="GT16" s="331">
        <v>0</v>
      </c>
      <c r="GU16" s="332">
        <v>0</v>
      </c>
      <c r="GV16" s="330">
        <v>0</v>
      </c>
      <c r="GW16" s="330">
        <v>0</v>
      </c>
      <c r="GX16" s="330">
        <v>0</v>
      </c>
      <c r="GY16" s="330">
        <v>0</v>
      </c>
      <c r="GZ16" s="330">
        <v>0</v>
      </c>
      <c r="HA16" s="333">
        <v>0</v>
      </c>
      <c r="HB16" s="334">
        <v>0</v>
      </c>
      <c r="HC16" s="329">
        <v>0</v>
      </c>
      <c r="HD16" s="330">
        <v>0</v>
      </c>
      <c r="HE16" s="331">
        <v>0</v>
      </c>
      <c r="HF16" s="335"/>
      <c r="HG16" s="330">
        <v>0</v>
      </c>
      <c r="HH16" s="330">
        <v>0</v>
      </c>
      <c r="HI16" s="330">
        <v>0</v>
      </c>
      <c r="HJ16" s="330">
        <v>0</v>
      </c>
      <c r="HK16" s="330">
        <v>0</v>
      </c>
      <c r="HL16" s="333">
        <v>0</v>
      </c>
      <c r="HM16" s="334">
        <v>0</v>
      </c>
      <c r="HN16" s="329">
        <v>3992</v>
      </c>
      <c r="HO16" s="330">
        <v>0</v>
      </c>
      <c r="HP16" s="331">
        <v>3992</v>
      </c>
      <c r="HQ16" s="332">
        <v>0</v>
      </c>
      <c r="HR16" s="330">
        <v>376658</v>
      </c>
      <c r="HS16" s="330">
        <v>942694</v>
      </c>
      <c r="HT16" s="330">
        <v>4607200</v>
      </c>
      <c r="HU16" s="330">
        <v>6496741</v>
      </c>
      <c r="HV16" s="330">
        <v>4040038</v>
      </c>
      <c r="HW16" s="333">
        <v>16463331</v>
      </c>
      <c r="HX16" s="334">
        <v>16467323</v>
      </c>
    </row>
    <row r="17" spans="1:232" ht="16.5" customHeight="1" x14ac:dyDescent="0.2">
      <c r="A17" s="327" t="s">
        <v>13</v>
      </c>
      <c r="B17" s="329">
        <v>0</v>
      </c>
      <c r="C17" s="330">
        <v>0</v>
      </c>
      <c r="D17" s="331">
        <v>0</v>
      </c>
      <c r="E17" s="332">
        <v>0</v>
      </c>
      <c r="F17" s="330">
        <v>72288</v>
      </c>
      <c r="G17" s="330">
        <v>124991</v>
      </c>
      <c r="H17" s="330">
        <v>529556</v>
      </c>
      <c r="I17" s="330">
        <v>812897</v>
      </c>
      <c r="J17" s="330">
        <v>702426</v>
      </c>
      <c r="K17" s="333">
        <v>2242158</v>
      </c>
      <c r="L17" s="334">
        <v>2242158</v>
      </c>
      <c r="M17" s="329">
        <v>0</v>
      </c>
      <c r="N17" s="330">
        <v>0</v>
      </c>
      <c r="O17" s="331">
        <v>0</v>
      </c>
      <c r="P17" s="335"/>
      <c r="Q17" s="330">
        <v>2380</v>
      </c>
      <c r="R17" s="330">
        <v>0</v>
      </c>
      <c r="S17" s="330">
        <v>370860</v>
      </c>
      <c r="T17" s="330">
        <v>752046</v>
      </c>
      <c r="U17" s="330">
        <v>607801</v>
      </c>
      <c r="V17" s="333">
        <v>1733087</v>
      </c>
      <c r="W17" s="334">
        <v>1733087</v>
      </c>
      <c r="X17" s="329">
        <v>0</v>
      </c>
      <c r="Y17" s="330">
        <v>0</v>
      </c>
      <c r="Z17" s="331">
        <v>0</v>
      </c>
      <c r="AA17" s="335"/>
      <c r="AB17" s="330">
        <v>66220</v>
      </c>
      <c r="AC17" s="330">
        <v>102651</v>
      </c>
      <c r="AD17" s="330">
        <v>121071</v>
      </c>
      <c r="AE17" s="330">
        <v>26053</v>
      </c>
      <c r="AF17" s="330">
        <v>71120</v>
      </c>
      <c r="AG17" s="333">
        <v>387115</v>
      </c>
      <c r="AH17" s="334">
        <v>387115</v>
      </c>
      <c r="AI17" s="329">
        <v>0</v>
      </c>
      <c r="AJ17" s="330">
        <v>0</v>
      </c>
      <c r="AK17" s="331">
        <v>0</v>
      </c>
      <c r="AL17" s="335"/>
      <c r="AM17" s="330">
        <v>0</v>
      </c>
      <c r="AN17" s="330">
        <v>0</v>
      </c>
      <c r="AO17" s="330">
        <v>0</v>
      </c>
      <c r="AP17" s="330">
        <v>0</v>
      </c>
      <c r="AQ17" s="330">
        <v>0</v>
      </c>
      <c r="AR17" s="333">
        <v>0</v>
      </c>
      <c r="AS17" s="334">
        <v>0</v>
      </c>
      <c r="AT17" s="329">
        <v>0</v>
      </c>
      <c r="AU17" s="330">
        <v>0</v>
      </c>
      <c r="AV17" s="331">
        <v>0</v>
      </c>
      <c r="AW17" s="335"/>
      <c r="AX17" s="330">
        <v>0</v>
      </c>
      <c r="AY17" s="330">
        <v>0</v>
      </c>
      <c r="AZ17" s="330">
        <v>0</v>
      </c>
      <c r="BA17" s="330">
        <v>0</v>
      </c>
      <c r="BB17" s="330">
        <v>0</v>
      </c>
      <c r="BC17" s="333">
        <v>0</v>
      </c>
      <c r="BD17" s="334">
        <v>0</v>
      </c>
      <c r="BE17" s="329">
        <v>0</v>
      </c>
      <c r="BF17" s="330">
        <v>0</v>
      </c>
      <c r="BG17" s="331">
        <v>0</v>
      </c>
      <c r="BH17" s="335"/>
      <c r="BI17" s="330">
        <v>0</v>
      </c>
      <c r="BJ17" s="330">
        <v>0</v>
      </c>
      <c r="BK17" s="330">
        <v>0</v>
      </c>
      <c r="BL17" s="330">
        <v>0</v>
      </c>
      <c r="BM17" s="330">
        <v>0</v>
      </c>
      <c r="BN17" s="333">
        <v>0</v>
      </c>
      <c r="BO17" s="334">
        <v>0</v>
      </c>
      <c r="BP17" s="329">
        <v>0</v>
      </c>
      <c r="BQ17" s="330">
        <v>0</v>
      </c>
      <c r="BR17" s="331">
        <v>0</v>
      </c>
      <c r="BS17" s="332">
        <v>0</v>
      </c>
      <c r="BT17" s="330">
        <v>3688</v>
      </c>
      <c r="BU17" s="330">
        <v>20020</v>
      </c>
      <c r="BV17" s="330">
        <v>37625</v>
      </c>
      <c r="BW17" s="330">
        <v>34110</v>
      </c>
      <c r="BX17" s="330">
        <v>23505</v>
      </c>
      <c r="BY17" s="333">
        <v>118948</v>
      </c>
      <c r="BZ17" s="334">
        <v>118948</v>
      </c>
      <c r="CA17" s="329">
        <v>0</v>
      </c>
      <c r="CB17" s="330">
        <v>0</v>
      </c>
      <c r="CC17" s="331">
        <v>0</v>
      </c>
      <c r="CD17" s="332">
        <v>0</v>
      </c>
      <c r="CE17" s="330">
        <v>0</v>
      </c>
      <c r="CF17" s="330">
        <v>2320</v>
      </c>
      <c r="CG17" s="330">
        <v>0</v>
      </c>
      <c r="CH17" s="330">
        <v>688</v>
      </c>
      <c r="CI17" s="330">
        <v>0</v>
      </c>
      <c r="CJ17" s="333">
        <v>3008</v>
      </c>
      <c r="CK17" s="334">
        <v>3008</v>
      </c>
      <c r="CL17" s="329">
        <v>0</v>
      </c>
      <c r="CM17" s="330">
        <v>0</v>
      </c>
      <c r="CN17" s="331">
        <v>0</v>
      </c>
      <c r="CO17" s="332">
        <v>0</v>
      </c>
      <c r="CP17" s="330">
        <v>0</v>
      </c>
      <c r="CQ17" s="330">
        <v>0</v>
      </c>
      <c r="CR17" s="330">
        <v>0</v>
      </c>
      <c r="CS17" s="330">
        <v>0</v>
      </c>
      <c r="CT17" s="330">
        <v>0</v>
      </c>
      <c r="CU17" s="333">
        <v>0</v>
      </c>
      <c r="CV17" s="334">
        <v>0</v>
      </c>
      <c r="CW17" s="329">
        <v>0</v>
      </c>
      <c r="CX17" s="330">
        <v>0</v>
      </c>
      <c r="CY17" s="331">
        <v>0</v>
      </c>
      <c r="CZ17" s="335"/>
      <c r="DA17" s="330">
        <v>0</v>
      </c>
      <c r="DB17" s="330">
        <v>0</v>
      </c>
      <c r="DC17" s="330">
        <v>0</v>
      </c>
      <c r="DD17" s="330">
        <v>0</v>
      </c>
      <c r="DE17" s="330">
        <v>0</v>
      </c>
      <c r="DF17" s="333">
        <v>0</v>
      </c>
      <c r="DG17" s="334">
        <v>0</v>
      </c>
      <c r="DH17" s="329">
        <v>0</v>
      </c>
      <c r="DI17" s="330">
        <v>0</v>
      </c>
      <c r="DJ17" s="331">
        <v>0</v>
      </c>
      <c r="DK17" s="332">
        <v>0</v>
      </c>
      <c r="DL17" s="330">
        <v>45740</v>
      </c>
      <c r="DM17" s="330">
        <v>38886</v>
      </c>
      <c r="DN17" s="330">
        <v>627533</v>
      </c>
      <c r="DO17" s="330">
        <v>974003</v>
      </c>
      <c r="DP17" s="330">
        <v>697714</v>
      </c>
      <c r="DQ17" s="333">
        <v>2383876</v>
      </c>
      <c r="DR17" s="336">
        <v>2383876</v>
      </c>
      <c r="DS17" s="329">
        <v>0</v>
      </c>
      <c r="DT17" s="330">
        <v>0</v>
      </c>
      <c r="DU17" s="331">
        <v>0</v>
      </c>
      <c r="DV17" s="335"/>
      <c r="DW17" s="330">
        <v>19488</v>
      </c>
      <c r="DX17" s="330">
        <v>0</v>
      </c>
      <c r="DY17" s="330">
        <v>502208</v>
      </c>
      <c r="DZ17" s="330">
        <v>875504</v>
      </c>
      <c r="EA17" s="330">
        <v>605767</v>
      </c>
      <c r="EB17" s="333">
        <v>2002967</v>
      </c>
      <c r="EC17" s="334">
        <v>2002967</v>
      </c>
      <c r="ED17" s="329">
        <v>0</v>
      </c>
      <c r="EE17" s="330">
        <v>0</v>
      </c>
      <c r="EF17" s="331">
        <v>0</v>
      </c>
      <c r="EG17" s="335"/>
      <c r="EH17" s="330">
        <v>10808</v>
      </c>
      <c r="EI17" s="330">
        <v>1603</v>
      </c>
      <c r="EJ17" s="330">
        <v>34552</v>
      </c>
      <c r="EK17" s="330">
        <v>665</v>
      </c>
      <c r="EL17" s="330">
        <v>30828</v>
      </c>
      <c r="EM17" s="333">
        <v>78456</v>
      </c>
      <c r="EN17" s="334">
        <v>78456</v>
      </c>
      <c r="EO17" s="329">
        <v>0</v>
      </c>
      <c r="EP17" s="330">
        <v>0</v>
      </c>
      <c r="EQ17" s="331">
        <v>0</v>
      </c>
      <c r="ER17" s="335"/>
      <c r="ES17" s="330">
        <v>0</v>
      </c>
      <c r="ET17" s="330">
        <v>0</v>
      </c>
      <c r="EU17" s="330">
        <v>0</v>
      </c>
      <c r="EV17" s="330">
        <v>0</v>
      </c>
      <c r="EW17" s="330">
        <v>0</v>
      </c>
      <c r="EX17" s="333">
        <v>0</v>
      </c>
      <c r="EY17" s="334">
        <v>0</v>
      </c>
      <c r="EZ17" s="329">
        <v>0</v>
      </c>
      <c r="FA17" s="330">
        <v>0</v>
      </c>
      <c r="FB17" s="331">
        <v>0</v>
      </c>
      <c r="FC17" s="335"/>
      <c r="FD17" s="330">
        <v>0</v>
      </c>
      <c r="FE17" s="330">
        <v>0</v>
      </c>
      <c r="FF17" s="330">
        <v>0</v>
      </c>
      <c r="FG17" s="330">
        <v>0</v>
      </c>
      <c r="FH17" s="330">
        <v>0</v>
      </c>
      <c r="FI17" s="333">
        <v>0</v>
      </c>
      <c r="FJ17" s="334">
        <v>0</v>
      </c>
      <c r="FK17" s="329">
        <v>0</v>
      </c>
      <c r="FL17" s="330">
        <v>0</v>
      </c>
      <c r="FM17" s="331">
        <v>0</v>
      </c>
      <c r="FN17" s="335"/>
      <c r="FO17" s="330">
        <v>0</v>
      </c>
      <c r="FP17" s="330">
        <v>0</v>
      </c>
      <c r="FQ17" s="330">
        <v>0</v>
      </c>
      <c r="FR17" s="330">
        <v>0</v>
      </c>
      <c r="FS17" s="330">
        <v>0</v>
      </c>
      <c r="FT17" s="333">
        <v>0</v>
      </c>
      <c r="FU17" s="334">
        <v>0</v>
      </c>
      <c r="FV17" s="329">
        <v>0</v>
      </c>
      <c r="FW17" s="330">
        <v>0</v>
      </c>
      <c r="FX17" s="331">
        <v>0</v>
      </c>
      <c r="FY17" s="332">
        <v>0</v>
      </c>
      <c r="FZ17" s="330">
        <v>15444</v>
      </c>
      <c r="GA17" s="330">
        <v>37164</v>
      </c>
      <c r="GB17" s="330">
        <v>90773</v>
      </c>
      <c r="GC17" s="330">
        <v>94354</v>
      </c>
      <c r="GD17" s="330">
        <v>61119</v>
      </c>
      <c r="GE17" s="333">
        <v>298854</v>
      </c>
      <c r="GF17" s="334">
        <v>298854</v>
      </c>
      <c r="GG17" s="329">
        <v>0</v>
      </c>
      <c r="GH17" s="330">
        <v>0</v>
      </c>
      <c r="GI17" s="331">
        <v>0</v>
      </c>
      <c r="GJ17" s="332">
        <v>0</v>
      </c>
      <c r="GK17" s="330">
        <v>0</v>
      </c>
      <c r="GL17" s="330">
        <v>119</v>
      </c>
      <c r="GM17" s="330">
        <v>0</v>
      </c>
      <c r="GN17" s="330">
        <v>3480</v>
      </c>
      <c r="GO17" s="330">
        <v>0</v>
      </c>
      <c r="GP17" s="333">
        <v>3599</v>
      </c>
      <c r="GQ17" s="334">
        <v>3599</v>
      </c>
      <c r="GR17" s="329">
        <v>0</v>
      </c>
      <c r="GS17" s="330">
        <v>0</v>
      </c>
      <c r="GT17" s="331">
        <v>0</v>
      </c>
      <c r="GU17" s="332">
        <v>0</v>
      </c>
      <c r="GV17" s="330">
        <v>0</v>
      </c>
      <c r="GW17" s="330">
        <v>0</v>
      </c>
      <c r="GX17" s="330">
        <v>0</v>
      </c>
      <c r="GY17" s="330">
        <v>0</v>
      </c>
      <c r="GZ17" s="330">
        <v>0</v>
      </c>
      <c r="HA17" s="333">
        <v>0</v>
      </c>
      <c r="HB17" s="334">
        <v>0</v>
      </c>
      <c r="HC17" s="329">
        <v>0</v>
      </c>
      <c r="HD17" s="330">
        <v>0</v>
      </c>
      <c r="HE17" s="331">
        <v>0</v>
      </c>
      <c r="HF17" s="335"/>
      <c r="HG17" s="330">
        <v>0</v>
      </c>
      <c r="HH17" s="330">
        <v>0</v>
      </c>
      <c r="HI17" s="330">
        <v>0</v>
      </c>
      <c r="HJ17" s="330">
        <v>0</v>
      </c>
      <c r="HK17" s="330">
        <v>0</v>
      </c>
      <c r="HL17" s="333">
        <v>0</v>
      </c>
      <c r="HM17" s="334">
        <v>0</v>
      </c>
      <c r="HN17" s="329">
        <v>0</v>
      </c>
      <c r="HO17" s="330">
        <v>0</v>
      </c>
      <c r="HP17" s="331">
        <v>0</v>
      </c>
      <c r="HQ17" s="332">
        <v>0</v>
      </c>
      <c r="HR17" s="330">
        <v>118028</v>
      </c>
      <c r="HS17" s="330">
        <v>163877</v>
      </c>
      <c r="HT17" s="330">
        <v>1157089</v>
      </c>
      <c r="HU17" s="330">
        <v>1786900</v>
      </c>
      <c r="HV17" s="330">
        <v>1400140</v>
      </c>
      <c r="HW17" s="333">
        <v>4626034</v>
      </c>
      <c r="HX17" s="334">
        <v>4626034</v>
      </c>
    </row>
    <row r="18" spans="1:232" ht="16.5" customHeight="1" x14ac:dyDescent="0.2">
      <c r="A18" s="327" t="s">
        <v>15</v>
      </c>
      <c r="B18" s="329">
        <v>0</v>
      </c>
      <c r="C18" s="330">
        <v>0</v>
      </c>
      <c r="D18" s="331">
        <v>0</v>
      </c>
      <c r="E18" s="332">
        <v>0</v>
      </c>
      <c r="F18" s="330">
        <v>246069</v>
      </c>
      <c r="G18" s="330">
        <v>412941</v>
      </c>
      <c r="H18" s="330">
        <v>1578829</v>
      </c>
      <c r="I18" s="330">
        <v>1838989</v>
      </c>
      <c r="J18" s="330">
        <v>1045830</v>
      </c>
      <c r="K18" s="333">
        <v>5122658</v>
      </c>
      <c r="L18" s="334">
        <v>5122658</v>
      </c>
      <c r="M18" s="329">
        <v>0</v>
      </c>
      <c r="N18" s="330">
        <v>0</v>
      </c>
      <c r="O18" s="331">
        <v>0</v>
      </c>
      <c r="P18" s="335"/>
      <c r="Q18" s="330">
        <v>0</v>
      </c>
      <c r="R18" s="330">
        <v>32060</v>
      </c>
      <c r="S18" s="330">
        <v>951240</v>
      </c>
      <c r="T18" s="330">
        <v>1305535</v>
      </c>
      <c r="U18" s="330">
        <v>747430</v>
      </c>
      <c r="V18" s="333">
        <v>3036265</v>
      </c>
      <c r="W18" s="334">
        <v>3036265</v>
      </c>
      <c r="X18" s="329">
        <v>0</v>
      </c>
      <c r="Y18" s="330">
        <v>0</v>
      </c>
      <c r="Z18" s="331">
        <v>0</v>
      </c>
      <c r="AA18" s="335"/>
      <c r="AB18" s="330">
        <v>221272</v>
      </c>
      <c r="AC18" s="330">
        <v>332220</v>
      </c>
      <c r="AD18" s="330">
        <v>394141</v>
      </c>
      <c r="AE18" s="330">
        <v>413712</v>
      </c>
      <c r="AF18" s="330">
        <v>159570</v>
      </c>
      <c r="AG18" s="333">
        <v>1520915</v>
      </c>
      <c r="AH18" s="334">
        <v>1520915</v>
      </c>
      <c r="AI18" s="329">
        <v>0</v>
      </c>
      <c r="AJ18" s="330">
        <v>0</v>
      </c>
      <c r="AK18" s="331">
        <v>0</v>
      </c>
      <c r="AL18" s="335"/>
      <c r="AM18" s="330">
        <v>0</v>
      </c>
      <c r="AN18" s="330">
        <v>0</v>
      </c>
      <c r="AO18" s="330">
        <v>0</v>
      </c>
      <c r="AP18" s="330">
        <v>0</v>
      </c>
      <c r="AQ18" s="330">
        <v>2380</v>
      </c>
      <c r="AR18" s="333">
        <v>2380</v>
      </c>
      <c r="AS18" s="334">
        <v>2380</v>
      </c>
      <c r="AT18" s="329">
        <v>0</v>
      </c>
      <c r="AU18" s="330">
        <v>0</v>
      </c>
      <c r="AV18" s="331">
        <v>0</v>
      </c>
      <c r="AW18" s="335"/>
      <c r="AX18" s="330">
        <v>0</v>
      </c>
      <c r="AY18" s="330">
        <v>0</v>
      </c>
      <c r="AZ18" s="330">
        <v>0</v>
      </c>
      <c r="BA18" s="330">
        <v>0</v>
      </c>
      <c r="BB18" s="330">
        <v>0</v>
      </c>
      <c r="BC18" s="333">
        <v>0</v>
      </c>
      <c r="BD18" s="334">
        <v>0</v>
      </c>
      <c r="BE18" s="329">
        <v>0</v>
      </c>
      <c r="BF18" s="330">
        <v>0</v>
      </c>
      <c r="BG18" s="331">
        <v>0</v>
      </c>
      <c r="BH18" s="335"/>
      <c r="BI18" s="330">
        <v>0</v>
      </c>
      <c r="BJ18" s="330">
        <v>0</v>
      </c>
      <c r="BK18" s="330">
        <v>151010</v>
      </c>
      <c r="BL18" s="330">
        <v>7140</v>
      </c>
      <c r="BM18" s="330">
        <v>51660</v>
      </c>
      <c r="BN18" s="333">
        <v>209810</v>
      </c>
      <c r="BO18" s="334">
        <v>209810</v>
      </c>
      <c r="BP18" s="329">
        <v>0</v>
      </c>
      <c r="BQ18" s="330">
        <v>0</v>
      </c>
      <c r="BR18" s="331">
        <v>0</v>
      </c>
      <c r="BS18" s="332">
        <v>0</v>
      </c>
      <c r="BT18" s="330">
        <v>7967</v>
      </c>
      <c r="BU18" s="330">
        <v>48661</v>
      </c>
      <c r="BV18" s="330">
        <v>82003</v>
      </c>
      <c r="BW18" s="330">
        <v>112602</v>
      </c>
      <c r="BX18" s="330">
        <v>84790</v>
      </c>
      <c r="BY18" s="333">
        <v>336023</v>
      </c>
      <c r="BZ18" s="334">
        <v>336023</v>
      </c>
      <c r="CA18" s="329">
        <v>0</v>
      </c>
      <c r="CB18" s="330">
        <v>0</v>
      </c>
      <c r="CC18" s="331">
        <v>0</v>
      </c>
      <c r="CD18" s="332">
        <v>0</v>
      </c>
      <c r="CE18" s="330">
        <v>16830</v>
      </c>
      <c r="CF18" s="330">
        <v>0</v>
      </c>
      <c r="CG18" s="330">
        <v>435</v>
      </c>
      <c r="CH18" s="330">
        <v>0</v>
      </c>
      <c r="CI18" s="330">
        <v>0</v>
      </c>
      <c r="CJ18" s="333">
        <v>17265</v>
      </c>
      <c r="CK18" s="334">
        <v>17265</v>
      </c>
      <c r="CL18" s="329">
        <v>0</v>
      </c>
      <c r="CM18" s="330">
        <v>0</v>
      </c>
      <c r="CN18" s="331">
        <v>0</v>
      </c>
      <c r="CO18" s="332">
        <v>0</v>
      </c>
      <c r="CP18" s="330">
        <v>0</v>
      </c>
      <c r="CQ18" s="330">
        <v>0</v>
      </c>
      <c r="CR18" s="330">
        <v>0</v>
      </c>
      <c r="CS18" s="330">
        <v>0</v>
      </c>
      <c r="CT18" s="330">
        <v>0</v>
      </c>
      <c r="CU18" s="333">
        <v>0</v>
      </c>
      <c r="CV18" s="334">
        <v>0</v>
      </c>
      <c r="CW18" s="329">
        <v>0</v>
      </c>
      <c r="CX18" s="330">
        <v>0</v>
      </c>
      <c r="CY18" s="331">
        <v>0</v>
      </c>
      <c r="CZ18" s="335"/>
      <c r="DA18" s="330">
        <v>0</v>
      </c>
      <c r="DB18" s="330">
        <v>0</v>
      </c>
      <c r="DC18" s="330">
        <v>0</v>
      </c>
      <c r="DD18" s="330">
        <v>0</v>
      </c>
      <c r="DE18" s="330">
        <v>0</v>
      </c>
      <c r="DF18" s="333">
        <v>0</v>
      </c>
      <c r="DG18" s="334">
        <v>0</v>
      </c>
      <c r="DH18" s="329">
        <v>0</v>
      </c>
      <c r="DI18" s="330">
        <v>0</v>
      </c>
      <c r="DJ18" s="331">
        <v>0</v>
      </c>
      <c r="DK18" s="332">
        <v>0</v>
      </c>
      <c r="DL18" s="330">
        <v>44074</v>
      </c>
      <c r="DM18" s="330">
        <v>140174</v>
      </c>
      <c r="DN18" s="330">
        <v>1622275</v>
      </c>
      <c r="DO18" s="330">
        <v>1471155</v>
      </c>
      <c r="DP18" s="330">
        <v>1064207</v>
      </c>
      <c r="DQ18" s="333">
        <v>4341885</v>
      </c>
      <c r="DR18" s="336">
        <v>4341885</v>
      </c>
      <c r="DS18" s="329">
        <v>0</v>
      </c>
      <c r="DT18" s="330">
        <v>0</v>
      </c>
      <c r="DU18" s="331">
        <v>0</v>
      </c>
      <c r="DV18" s="335"/>
      <c r="DW18" s="330">
        <v>0</v>
      </c>
      <c r="DX18" s="330">
        <v>23940</v>
      </c>
      <c r="DY18" s="330">
        <v>1126472</v>
      </c>
      <c r="DZ18" s="330">
        <v>1269566</v>
      </c>
      <c r="EA18" s="330">
        <v>811428</v>
      </c>
      <c r="EB18" s="333">
        <v>3231406</v>
      </c>
      <c r="EC18" s="334">
        <v>3231406</v>
      </c>
      <c r="ED18" s="329">
        <v>0</v>
      </c>
      <c r="EE18" s="330">
        <v>0</v>
      </c>
      <c r="EF18" s="331">
        <v>0</v>
      </c>
      <c r="EG18" s="335"/>
      <c r="EH18" s="330">
        <v>20376</v>
      </c>
      <c r="EI18" s="330">
        <v>44772</v>
      </c>
      <c r="EJ18" s="330">
        <v>23499</v>
      </c>
      <c r="EK18" s="330">
        <v>30281</v>
      </c>
      <c r="EL18" s="330">
        <v>68330</v>
      </c>
      <c r="EM18" s="333">
        <v>187258</v>
      </c>
      <c r="EN18" s="334">
        <v>187258</v>
      </c>
      <c r="EO18" s="329">
        <v>0</v>
      </c>
      <c r="EP18" s="330">
        <v>0</v>
      </c>
      <c r="EQ18" s="331">
        <v>0</v>
      </c>
      <c r="ER18" s="335"/>
      <c r="ES18" s="330">
        <v>0</v>
      </c>
      <c r="ET18" s="330">
        <v>0</v>
      </c>
      <c r="EU18" s="330">
        <v>0</v>
      </c>
      <c r="EV18" s="330">
        <v>0</v>
      </c>
      <c r="EW18" s="330">
        <v>196</v>
      </c>
      <c r="EX18" s="333">
        <v>196</v>
      </c>
      <c r="EY18" s="334">
        <v>196</v>
      </c>
      <c r="EZ18" s="329">
        <v>0</v>
      </c>
      <c r="FA18" s="330">
        <v>0</v>
      </c>
      <c r="FB18" s="331">
        <v>0</v>
      </c>
      <c r="FC18" s="335"/>
      <c r="FD18" s="330">
        <v>0</v>
      </c>
      <c r="FE18" s="330">
        <v>0</v>
      </c>
      <c r="FF18" s="330">
        <v>0</v>
      </c>
      <c r="FG18" s="330">
        <v>0</v>
      </c>
      <c r="FH18" s="330">
        <v>0</v>
      </c>
      <c r="FI18" s="333">
        <v>0</v>
      </c>
      <c r="FJ18" s="334">
        <v>0</v>
      </c>
      <c r="FK18" s="329">
        <v>0</v>
      </c>
      <c r="FL18" s="330">
        <v>0</v>
      </c>
      <c r="FM18" s="331">
        <v>0</v>
      </c>
      <c r="FN18" s="335"/>
      <c r="FO18" s="330">
        <v>0</v>
      </c>
      <c r="FP18" s="330">
        <v>0</v>
      </c>
      <c r="FQ18" s="330">
        <v>282110</v>
      </c>
      <c r="FR18" s="330">
        <v>58464</v>
      </c>
      <c r="FS18" s="330">
        <v>97440</v>
      </c>
      <c r="FT18" s="333">
        <v>438014</v>
      </c>
      <c r="FU18" s="334">
        <v>438014</v>
      </c>
      <c r="FV18" s="329">
        <v>0</v>
      </c>
      <c r="FW18" s="330">
        <v>0</v>
      </c>
      <c r="FX18" s="331">
        <v>0</v>
      </c>
      <c r="FY18" s="332">
        <v>0</v>
      </c>
      <c r="FZ18" s="330">
        <v>23460</v>
      </c>
      <c r="GA18" s="330">
        <v>71462</v>
      </c>
      <c r="GB18" s="330">
        <v>190166</v>
      </c>
      <c r="GC18" s="330">
        <v>112844</v>
      </c>
      <c r="GD18" s="330">
        <v>86813</v>
      </c>
      <c r="GE18" s="333">
        <v>484745</v>
      </c>
      <c r="GF18" s="334">
        <v>484745</v>
      </c>
      <c r="GG18" s="329">
        <v>0</v>
      </c>
      <c r="GH18" s="330">
        <v>0</v>
      </c>
      <c r="GI18" s="331">
        <v>0</v>
      </c>
      <c r="GJ18" s="332">
        <v>0</v>
      </c>
      <c r="GK18" s="330">
        <v>238</v>
      </c>
      <c r="GL18" s="330">
        <v>0</v>
      </c>
      <c r="GM18" s="330">
        <v>28</v>
      </c>
      <c r="GN18" s="330">
        <v>0</v>
      </c>
      <c r="GO18" s="330">
        <v>0</v>
      </c>
      <c r="GP18" s="333">
        <v>266</v>
      </c>
      <c r="GQ18" s="334">
        <v>266</v>
      </c>
      <c r="GR18" s="329">
        <v>0</v>
      </c>
      <c r="GS18" s="330">
        <v>0</v>
      </c>
      <c r="GT18" s="331">
        <v>0</v>
      </c>
      <c r="GU18" s="332">
        <v>0</v>
      </c>
      <c r="GV18" s="330">
        <v>0</v>
      </c>
      <c r="GW18" s="330">
        <v>0</v>
      </c>
      <c r="GX18" s="330">
        <v>0</v>
      </c>
      <c r="GY18" s="330">
        <v>0</v>
      </c>
      <c r="GZ18" s="330">
        <v>0</v>
      </c>
      <c r="HA18" s="333">
        <v>0</v>
      </c>
      <c r="HB18" s="334">
        <v>0</v>
      </c>
      <c r="HC18" s="329">
        <v>0</v>
      </c>
      <c r="HD18" s="330">
        <v>0</v>
      </c>
      <c r="HE18" s="331">
        <v>0</v>
      </c>
      <c r="HF18" s="335"/>
      <c r="HG18" s="330">
        <v>0</v>
      </c>
      <c r="HH18" s="330">
        <v>0</v>
      </c>
      <c r="HI18" s="330">
        <v>0</v>
      </c>
      <c r="HJ18" s="330">
        <v>0</v>
      </c>
      <c r="HK18" s="330">
        <v>0</v>
      </c>
      <c r="HL18" s="333">
        <v>0</v>
      </c>
      <c r="HM18" s="334">
        <v>0</v>
      </c>
      <c r="HN18" s="329">
        <v>0</v>
      </c>
      <c r="HO18" s="330">
        <v>0</v>
      </c>
      <c r="HP18" s="331">
        <v>0</v>
      </c>
      <c r="HQ18" s="332">
        <v>0</v>
      </c>
      <c r="HR18" s="330">
        <v>290143</v>
      </c>
      <c r="HS18" s="330">
        <v>553115</v>
      </c>
      <c r="HT18" s="330">
        <v>3201104</v>
      </c>
      <c r="HU18" s="330">
        <v>3310144</v>
      </c>
      <c r="HV18" s="330">
        <v>2110037</v>
      </c>
      <c r="HW18" s="333">
        <v>9464543</v>
      </c>
      <c r="HX18" s="334">
        <v>9464543</v>
      </c>
    </row>
    <row r="19" spans="1:232" ht="16.5" customHeight="1" x14ac:dyDescent="0.2">
      <c r="A19" s="327" t="s">
        <v>16</v>
      </c>
      <c r="B19" s="329">
        <v>0</v>
      </c>
      <c r="C19" s="330">
        <v>0</v>
      </c>
      <c r="D19" s="331">
        <v>0</v>
      </c>
      <c r="E19" s="332">
        <v>0</v>
      </c>
      <c r="F19" s="330">
        <v>464859</v>
      </c>
      <c r="G19" s="330">
        <v>896545</v>
      </c>
      <c r="H19" s="330">
        <v>2526679</v>
      </c>
      <c r="I19" s="330">
        <v>2892655</v>
      </c>
      <c r="J19" s="330">
        <v>1989910</v>
      </c>
      <c r="K19" s="333">
        <v>8770648</v>
      </c>
      <c r="L19" s="334">
        <v>8770648</v>
      </c>
      <c r="M19" s="329">
        <v>0</v>
      </c>
      <c r="N19" s="330">
        <v>0</v>
      </c>
      <c r="O19" s="331">
        <v>0</v>
      </c>
      <c r="P19" s="335"/>
      <c r="Q19" s="330">
        <v>66080</v>
      </c>
      <c r="R19" s="330">
        <v>177380</v>
      </c>
      <c r="S19" s="330">
        <v>1499938</v>
      </c>
      <c r="T19" s="330">
        <v>1973754</v>
      </c>
      <c r="U19" s="330">
        <v>1472297</v>
      </c>
      <c r="V19" s="333">
        <v>5189449</v>
      </c>
      <c r="W19" s="334">
        <v>5189449</v>
      </c>
      <c r="X19" s="329">
        <v>0</v>
      </c>
      <c r="Y19" s="330">
        <v>0</v>
      </c>
      <c r="Z19" s="331">
        <v>0</v>
      </c>
      <c r="AA19" s="335"/>
      <c r="AB19" s="330">
        <v>375910</v>
      </c>
      <c r="AC19" s="330">
        <v>635218</v>
      </c>
      <c r="AD19" s="330">
        <v>729795</v>
      </c>
      <c r="AE19" s="330">
        <v>703380</v>
      </c>
      <c r="AF19" s="330">
        <v>309553</v>
      </c>
      <c r="AG19" s="333">
        <v>2753856</v>
      </c>
      <c r="AH19" s="334">
        <v>2753856</v>
      </c>
      <c r="AI19" s="329">
        <v>0</v>
      </c>
      <c r="AJ19" s="330">
        <v>0</v>
      </c>
      <c r="AK19" s="331">
        <v>0</v>
      </c>
      <c r="AL19" s="335"/>
      <c r="AM19" s="330">
        <v>0</v>
      </c>
      <c r="AN19" s="330">
        <v>0</v>
      </c>
      <c r="AO19" s="330">
        <v>0</v>
      </c>
      <c r="AP19" s="330">
        <v>0</v>
      </c>
      <c r="AQ19" s="330">
        <v>2380</v>
      </c>
      <c r="AR19" s="333">
        <v>2380</v>
      </c>
      <c r="AS19" s="334">
        <v>2380</v>
      </c>
      <c r="AT19" s="329">
        <v>0</v>
      </c>
      <c r="AU19" s="330">
        <v>0</v>
      </c>
      <c r="AV19" s="331">
        <v>0</v>
      </c>
      <c r="AW19" s="335"/>
      <c r="AX19" s="330">
        <v>0</v>
      </c>
      <c r="AY19" s="330">
        <v>0</v>
      </c>
      <c r="AZ19" s="330">
        <v>91140</v>
      </c>
      <c r="BA19" s="330">
        <v>68740</v>
      </c>
      <c r="BB19" s="330">
        <v>66590</v>
      </c>
      <c r="BC19" s="333">
        <v>226470</v>
      </c>
      <c r="BD19" s="334">
        <v>226470</v>
      </c>
      <c r="BE19" s="329">
        <v>0</v>
      </c>
      <c r="BF19" s="330">
        <v>0</v>
      </c>
      <c r="BG19" s="331">
        <v>0</v>
      </c>
      <c r="BH19" s="335"/>
      <c r="BI19" s="330">
        <v>2380</v>
      </c>
      <c r="BJ19" s="330">
        <v>24640</v>
      </c>
      <c r="BK19" s="330">
        <v>80330</v>
      </c>
      <c r="BL19" s="330">
        <v>70980</v>
      </c>
      <c r="BM19" s="330">
        <v>106755</v>
      </c>
      <c r="BN19" s="333">
        <v>285085</v>
      </c>
      <c r="BO19" s="334">
        <v>285085</v>
      </c>
      <c r="BP19" s="329">
        <v>0</v>
      </c>
      <c r="BQ19" s="330">
        <v>0</v>
      </c>
      <c r="BR19" s="331">
        <v>0</v>
      </c>
      <c r="BS19" s="332">
        <v>0</v>
      </c>
      <c r="BT19" s="330">
        <v>20191</v>
      </c>
      <c r="BU19" s="330">
        <v>58864</v>
      </c>
      <c r="BV19" s="330">
        <v>125476</v>
      </c>
      <c r="BW19" s="330">
        <v>72507</v>
      </c>
      <c r="BX19" s="330">
        <v>32335</v>
      </c>
      <c r="BY19" s="333">
        <v>309373</v>
      </c>
      <c r="BZ19" s="334">
        <v>309373</v>
      </c>
      <c r="CA19" s="329">
        <v>0</v>
      </c>
      <c r="CB19" s="330">
        <v>0</v>
      </c>
      <c r="CC19" s="331">
        <v>0</v>
      </c>
      <c r="CD19" s="332">
        <v>0</v>
      </c>
      <c r="CE19" s="330">
        <v>298</v>
      </c>
      <c r="CF19" s="330">
        <v>443</v>
      </c>
      <c r="CG19" s="330">
        <v>0</v>
      </c>
      <c r="CH19" s="330">
        <v>3294</v>
      </c>
      <c r="CI19" s="330">
        <v>0</v>
      </c>
      <c r="CJ19" s="333">
        <v>4035</v>
      </c>
      <c r="CK19" s="334">
        <v>4035</v>
      </c>
      <c r="CL19" s="329">
        <v>0</v>
      </c>
      <c r="CM19" s="330">
        <v>0</v>
      </c>
      <c r="CN19" s="331">
        <v>0</v>
      </c>
      <c r="CO19" s="332">
        <v>0</v>
      </c>
      <c r="CP19" s="330">
        <v>0</v>
      </c>
      <c r="CQ19" s="330">
        <v>0</v>
      </c>
      <c r="CR19" s="330">
        <v>0</v>
      </c>
      <c r="CS19" s="330">
        <v>0</v>
      </c>
      <c r="CT19" s="330">
        <v>0</v>
      </c>
      <c r="CU19" s="333">
        <v>0</v>
      </c>
      <c r="CV19" s="334">
        <v>0</v>
      </c>
      <c r="CW19" s="329">
        <v>0</v>
      </c>
      <c r="CX19" s="330">
        <v>0</v>
      </c>
      <c r="CY19" s="331">
        <v>0</v>
      </c>
      <c r="CZ19" s="335"/>
      <c r="DA19" s="330">
        <v>0</v>
      </c>
      <c r="DB19" s="330">
        <v>0</v>
      </c>
      <c r="DC19" s="330">
        <v>0</v>
      </c>
      <c r="DD19" s="330">
        <v>0</v>
      </c>
      <c r="DE19" s="330">
        <v>0</v>
      </c>
      <c r="DF19" s="333">
        <v>0</v>
      </c>
      <c r="DG19" s="334">
        <v>0</v>
      </c>
      <c r="DH19" s="329">
        <v>0</v>
      </c>
      <c r="DI19" s="330">
        <v>0</v>
      </c>
      <c r="DJ19" s="331">
        <v>0</v>
      </c>
      <c r="DK19" s="332">
        <v>0</v>
      </c>
      <c r="DL19" s="330">
        <v>336293</v>
      </c>
      <c r="DM19" s="330">
        <v>665800</v>
      </c>
      <c r="DN19" s="330">
        <v>2767794</v>
      </c>
      <c r="DO19" s="330">
        <v>3208243</v>
      </c>
      <c r="DP19" s="330">
        <v>2051419</v>
      </c>
      <c r="DQ19" s="333">
        <v>9029549</v>
      </c>
      <c r="DR19" s="336">
        <v>9029549</v>
      </c>
      <c r="DS19" s="329">
        <v>0</v>
      </c>
      <c r="DT19" s="330">
        <v>0</v>
      </c>
      <c r="DU19" s="331">
        <v>0</v>
      </c>
      <c r="DV19" s="335"/>
      <c r="DW19" s="330">
        <v>121492</v>
      </c>
      <c r="DX19" s="330">
        <v>316400</v>
      </c>
      <c r="DY19" s="330">
        <v>2149281</v>
      </c>
      <c r="DZ19" s="330">
        <v>2744044</v>
      </c>
      <c r="EA19" s="330">
        <v>1736104</v>
      </c>
      <c r="EB19" s="333">
        <v>7067321</v>
      </c>
      <c r="EC19" s="334">
        <v>7067321</v>
      </c>
      <c r="ED19" s="329">
        <v>0</v>
      </c>
      <c r="EE19" s="330">
        <v>0</v>
      </c>
      <c r="EF19" s="331">
        <v>0</v>
      </c>
      <c r="EG19" s="335"/>
      <c r="EH19" s="330">
        <v>165666</v>
      </c>
      <c r="EI19" s="330">
        <v>216804</v>
      </c>
      <c r="EJ19" s="330">
        <v>278759</v>
      </c>
      <c r="EK19" s="330">
        <v>182630</v>
      </c>
      <c r="EL19" s="330">
        <v>47784</v>
      </c>
      <c r="EM19" s="333">
        <v>891643</v>
      </c>
      <c r="EN19" s="334">
        <v>891643</v>
      </c>
      <c r="EO19" s="329">
        <v>0</v>
      </c>
      <c r="EP19" s="330">
        <v>0</v>
      </c>
      <c r="EQ19" s="331">
        <v>0</v>
      </c>
      <c r="ER19" s="335"/>
      <c r="ES19" s="330">
        <v>0</v>
      </c>
      <c r="ET19" s="330">
        <v>0</v>
      </c>
      <c r="EU19" s="330">
        <v>0</v>
      </c>
      <c r="EV19" s="330">
        <v>0</v>
      </c>
      <c r="EW19" s="330">
        <v>196</v>
      </c>
      <c r="EX19" s="333">
        <v>196</v>
      </c>
      <c r="EY19" s="334">
        <v>196</v>
      </c>
      <c r="EZ19" s="329">
        <v>0</v>
      </c>
      <c r="FA19" s="330">
        <v>0</v>
      </c>
      <c r="FB19" s="331">
        <v>0</v>
      </c>
      <c r="FC19" s="335"/>
      <c r="FD19" s="330">
        <v>0</v>
      </c>
      <c r="FE19" s="330">
        <v>0</v>
      </c>
      <c r="FF19" s="330">
        <v>11011</v>
      </c>
      <c r="FG19" s="330">
        <v>11340</v>
      </c>
      <c r="FH19" s="330">
        <v>11179</v>
      </c>
      <c r="FI19" s="333">
        <v>33530</v>
      </c>
      <c r="FJ19" s="334">
        <v>33530</v>
      </c>
      <c r="FK19" s="329">
        <v>0</v>
      </c>
      <c r="FL19" s="330">
        <v>0</v>
      </c>
      <c r="FM19" s="331">
        <v>0</v>
      </c>
      <c r="FN19" s="335"/>
      <c r="FO19" s="330">
        <v>19488</v>
      </c>
      <c r="FP19" s="330">
        <v>38976</v>
      </c>
      <c r="FQ19" s="330">
        <v>150136</v>
      </c>
      <c r="FR19" s="330">
        <v>163856</v>
      </c>
      <c r="FS19" s="330">
        <v>203528</v>
      </c>
      <c r="FT19" s="333">
        <v>575984</v>
      </c>
      <c r="FU19" s="334">
        <v>575984</v>
      </c>
      <c r="FV19" s="329">
        <v>0</v>
      </c>
      <c r="FW19" s="330">
        <v>0</v>
      </c>
      <c r="FX19" s="331">
        <v>0</v>
      </c>
      <c r="FY19" s="332">
        <v>0</v>
      </c>
      <c r="FZ19" s="330">
        <v>29626</v>
      </c>
      <c r="GA19" s="330">
        <v>93592</v>
      </c>
      <c r="GB19" s="330">
        <v>178607</v>
      </c>
      <c r="GC19" s="330">
        <v>102120</v>
      </c>
      <c r="GD19" s="330">
        <v>52628</v>
      </c>
      <c r="GE19" s="333">
        <v>456573</v>
      </c>
      <c r="GF19" s="334">
        <v>456573</v>
      </c>
      <c r="GG19" s="329">
        <v>0</v>
      </c>
      <c r="GH19" s="330">
        <v>0</v>
      </c>
      <c r="GI19" s="331">
        <v>0</v>
      </c>
      <c r="GJ19" s="332">
        <v>0</v>
      </c>
      <c r="GK19" s="330">
        <v>21</v>
      </c>
      <c r="GL19" s="330">
        <v>28</v>
      </c>
      <c r="GM19" s="330">
        <v>0</v>
      </c>
      <c r="GN19" s="330">
        <v>4253</v>
      </c>
      <c r="GO19" s="330">
        <v>0</v>
      </c>
      <c r="GP19" s="333">
        <v>4302</v>
      </c>
      <c r="GQ19" s="334">
        <v>4302</v>
      </c>
      <c r="GR19" s="329">
        <v>0</v>
      </c>
      <c r="GS19" s="330">
        <v>0</v>
      </c>
      <c r="GT19" s="331">
        <v>0</v>
      </c>
      <c r="GU19" s="332">
        <v>0</v>
      </c>
      <c r="GV19" s="330">
        <v>0</v>
      </c>
      <c r="GW19" s="330">
        <v>0</v>
      </c>
      <c r="GX19" s="330">
        <v>0</v>
      </c>
      <c r="GY19" s="330">
        <v>0</v>
      </c>
      <c r="GZ19" s="330">
        <v>0</v>
      </c>
      <c r="HA19" s="333">
        <v>0</v>
      </c>
      <c r="HB19" s="334">
        <v>0</v>
      </c>
      <c r="HC19" s="329">
        <v>0</v>
      </c>
      <c r="HD19" s="330">
        <v>0</v>
      </c>
      <c r="HE19" s="331">
        <v>0</v>
      </c>
      <c r="HF19" s="335"/>
      <c r="HG19" s="330">
        <v>0</v>
      </c>
      <c r="HH19" s="330">
        <v>0</v>
      </c>
      <c r="HI19" s="330">
        <v>0</v>
      </c>
      <c r="HJ19" s="330">
        <v>0</v>
      </c>
      <c r="HK19" s="330">
        <v>0</v>
      </c>
      <c r="HL19" s="333">
        <v>0</v>
      </c>
      <c r="HM19" s="334">
        <v>0</v>
      </c>
      <c r="HN19" s="329">
        <v>0</v>
      </c>
      <c r="HO19" s="330">
        <v>0</v>
      </c>
      <c r="HP19" s="331">
        <v>0</v>
      </c>
      <c r="HQ19" s="332">
        <v>0</v>
      </c>
      <c r="HR19" s="330">
        <v>801152</v>
      </c>
      <c r="HS19" s="330">
        <v>1562345</v>
      </c>
      <c r="HT19" s="330">
        <v>5294473</v>
      </c>
      <c r="HU19" s="330">
        <v>6100898</v>
      </c>
      <c r="HV19" s="330">
        <v>4041329</v>
      </c>
      <c r="HW19" s="333">
        <v>17800197</v>
      </c>
      <c r="HX19" s="334">
        <v>17800197</v>
      </c>
    </row>
    <row r="20" spans="1:232" ht="16.5" customHeight="1" x14ac:dyDescent="0.2">
      <c r="A20" s="327" t="s">
        <v>17</v>
      </c>
      <c r="B20" s="329">
        <v>0</v>
      </c>
      <c r="C20" s="330">
        <v>0</v>
      </c>
      <c r="D20" s="331">
        <v>0</v>
      </c>
      <c r="E20" s="332">
        <v>0</v>
      </c>
      <c r="F20" s="330">
        <v>167529</v>
      </c>
      <c r="G20" s="330">
        <v>911836</v>
      </c>
      <c r="H20" s="330">
        <v>2692218</v>
      </c>
      <c r="I20" s="330">
        <v>2793756</v>
      </c>
      <c r="J20" s="330">
        <v>2202025</v>
      </c>
      <c r="K20" s="333">
        <v>8767364</v>
      </c>
      <c r="L20" s="334">
        <v>8767364</v>
      </c>
      <c r="M20" s="329">
        <v>0</v>
      </c>
      <c r="N20" s="330">
        <v>0</v>
      </c>
      <c r="O20" s="331">
        <v>0</v>
      </c>
      <c r="P20" s="335"/>
      <c r="Q20" s="330">
        <v>50895</v>
      </c>
      <c r="R20" s="330">
        <v>271040</v>
      </c>
      <c r="S20" s="330">
        <v>1476580</v>
      </c>
      <c r="T20" s="330">
        <v>2218505</v>
      </c>
      <c r="U20" s="330">
        <v>1560975</v>
      </c>
      <c r="V20" s="333">
        <v>5577995</v>
      </c>
      <c r="W20" s="334">
        <v>5577995</v>
      </c>
      <c r="X20" s="329">
        <v>0</v>
      </c>
      <c r="Y20" s="330">
        <v>0</v>
      </c>
      <c r="Z20" s="331">
        <v>0</v>
      </c>
      <c r="AA20" s="335"/>
      <c r="AB20" s="330">
        <v>85140</v>
      </c>
      <c r="AC20" s="330">
        <v>495395</v>
      </c>
      <c r="AD20" s="330">
        <v>892418</v>
      </c>
      <c r="AE20" s="330">
        <v>296256</v>
      </c>
      <c r="AF20" s="330">
        <v>224555</v>
      </c>
      <c r="AG20" s="333">
        <v>1993764</v>
      </c>
      <c r="AH20" s="334">
        <v>1993764</v>
      </c>
      <c r="AI20" s="329">
        <v>0</v>
      </c>
      <c r="AJ20" s="330">
        <v>0</v>
      </c>
      <c r="AK20" s="331">
        <v>0</v>
      </c>
      <c r="AL20" s="335"/>
      <c r="AM20" s="330">
        <v>0</v>
      </c>
      <c r="AN20" s="330">
        <v>0</v>
      </c>
      <c r="AO20" s="330">
        <v>21100</v>
      </c>
      <c r="AP20" s="330">
        <v>0</v>
      </c>
      <c r="AQ20" s="330">
        <v>2380</v>
      </c>
      <c r="AR20" s="333">
        <v>23480</v>
      </c>
      <c r="AS20" s="334">
        <v>23480</v>
      </c>
      <c r="AT20" s="329">
        <v>0</v>
      </c>
      <c r="AU20" s="330">
        <v>0</v>
      </c>
      <c r="AV20" s="331">
        <v>0</v>
      </c>
      <c r="AW20" s="335"/>
      <c r="AX20" s="330">
        <v>0</v>
      </c>
      <c r="AY20" s="330">
        <v>0</v>
      </c>
      <c r="AZ20" s="330">
        <v>0</v>
      </c>
      <c r="BA20" s="330">
        <v>2380</v>
      </c>
      <c r="BB20" s="330">
        <v>45655</v>
      </c>
      <c r="BC20" s="333">
        <v>48035</v>
      </c>
      <c r="BD20" s="334">
        <v>48035</v>
      </c>
      <c r="BE20" s="329">
        <v>0</v>
      </c>
      <c r="BF20" s="330">
        <v>0</v>
      </c>
      <c r="BG20" s="331">
        <v>0</v>
      </c>
      <c r="BH20" s="335"/>
      <c r="BI20" s="330">
        <v>0</v>
      </c>
      <c r="BJ20" s="330">
        <v>2380</v>
      </c>
      <c r="BK20" s="330">
        <v>184240</v>
      </c>
      <c r="BL20" s="330">
        <v>125160</v>
      </c>
      <c r="BM20" s="330">
        <v>215205</v>
      </c>
      <c r="BN20" s="333">
        <v>526985</v>
      </c>
      <c r="BO20" s="334">
        <v>526985</v>
      </c>
      <c r="BP20" s="329">
        <v>0</v>
      </c>
      <c r="BQ20" s="330">
        <v>0</v>
      </c>
      <c r="BR20" s="331">
        <v>0</v>
      </c>
      <c r="BS20" s="332">
        <v>0</v>
      </c>
      <c r="BT20" s="330">
        <v>30549</v>
      </c>
      <c r="BU20" s="330">
        <v>135960</v>
      </c>
      <c r="BV20" s="330">
        <v>112515</v>
      </c>
      <c r="BW20" s="330">
        <v>151455</v>
      </c>
      <c r="BX20" s="330">
        <v>118035</v>
      </c>
      <c r="BY20" s="333">
        <v>548514</v>
      </c>
      <c r="BZ20" s="334">
        <v>548514</v>
      </c>
      <c r="CA20" s="329">
        <v>0</v>
      </c>
      <c r="CB20" s="330">
        <v>0</v>
      </c>
      <c r="CC20" s="331">
        <v>0</v>
      </c>
      <c r="CD20" s="332">
        <v>0</v>
      </c>
      <c r="CE20" s="330">
        <v>945</v>
      </c>
      <c r="CF20" s="330">
        <v>7061</v>
      </c>
      <c r="CG20" s="330">
        <v>5365</v>
      </c>
      <c r="CH20" s="330">
        <v>0</v>
      </c>
      <c r="CI20" s="330">
        <v>35220</v>
      </c>
      <c r="CJ20" s="333">
        <v>48591</v>
      </c>
      <c r="CK20" s="334">
        <v>48591</v>
      </c>
      <c r="CL20" s="329">
        <v>0</v>
      </c>
      <c r="CM20" s="330">
        <v>0</v>
      </c>
      <c r="CN20" s="331">
        <v>0</v>
      </c>
      <c r="CO20" s="332">
        <v>0</v>
      </c>
      <c r="CP20" s="330">
        <v>0</v>
      </c>
      <c r="CQ20" s="330">
        <v>0</v>
      </c>
      <c r="CR20" s="330">
        <v>0</v>
      </c>
      <c r="CS20" s="330">
        <v>0</v>
      </c>
      <c r="CT20" s="330">
        <v>0</v>
      </c>
      <c r="CU20" s="333">
        <v>0</v>
      </c>
      <c r="CV20" s="334">
        <v>0</v>
      </c>
      <c r="CW20" s="329">
        <v>0</v>
      </c>
      <c r="CX20" s="330">
        <v>0</v>
      </c>
      <c r="CY20" s="331">
        <v>0</v>
      </c>
      <c r="CZ20" s="335"/>
      <c r="DA20" s="330">
        <v>0</v>
      </c>
      <c r="DB20" s="330">
        <v>0</v>
      </c>
      <c r="DC20" s="330">
        <v>0</v>
      </c>
      <c r="DD20" s="330">
        <v>0</v>
      </c>
      <c r="DE20" s="330">
        <v>0</v>
      </c>
      <c r="DF20" s="333">
        <v>0</v>
      </c>
      <c r="DG20" s="334">
        <v>0</v>
      </c>
      <c r="DH20" s="329">
        <v>0</v>
      </c>
      <c r="DI20" s="330">
        <v>0</v>
      </c>
      <c r="DJ20" s="331">
        <v>0</v>
      </c>
      <c r="DK20" s="332">
        <v>0</v>
      </c>
      <c r="DL20" s="330">
        <v>130641</v>
      </c>
      <c r="DM20" s="330">
        <v>467816</v>
      </c>
      <c r="DN20" s="330">
        <v>2762474</v>
      </c>
      <c r="DO20" s="330">
        <v>3286442</v>
      </c>
      <c r="DP20" s="330">
        <v>2491587</v>
      </c>
      <c r="DQ20" s="333">
        <v>9138960</v>
      </c>
      <c r="DR20" s="336">
        <v>9138960</v>
      </c>
      <c r="DS20" s="329">
        <v>0</v>
      </c>
      <c r="DT20" s="330">
        <v>0</v>
      </c>
      <c r="DU20" s="331">
        <v>0</v>
      </c>
      <c r="DV20" s="335"/>
      <c r="DW20" s="330">
        <v>75836</v>
      </c>
      <c r="DX20" s="330">
        <v>269276</v>
      </c>
      <c r="DY20" s="330">
        <v>2173065</v>
      </c>
      <c r="DZ20" s="330">
        <v>2852355</v>
      </c>
      <c r="EA20" s="330">
        <v>1897096</v>
      </c>
      <c r="EB20" s="333">
        <v>7267628</v>
      </c>
      <c r="EC20" s="334">
        <v>7267628</v>
      </c>
      <c r="ED20" s="329">
        <v>0</v>
      </c>
      <c r="EE20" s="330">
        <v>0</v>
      </c>
      <c r="EF20" s="331">
        <v>0</v>
      </c>
      <c r="EG20" s="335"/>
      <c r="EH20" s="330">
        <v>1918</v>
      </c>
      <c r="EI20" s="330">
        <v>45563</v>
      </c>
      <c r="EJ20" s="330">
        <v>98157</v>
      </c>
      <c r="EK20" s="330">
        <v>4480</v>
      </c>
      <c r="EL20" s="330">
        <v>21539</v>
      </c>
      <c r="EM20" s="333">
        <v>171657</v>
      </c>
      <c r="EN20" s="334">
        <v>171657</v>
      </c>
      <c r="EO20" s="329">
        <v>0</v>
      </c>
      <c r="EP20" s="330">
        <v>0</v>
      </c>
      <c r="EQ20" s="331">
        <v>0</v>
      </c>
      <c r="ER20" s="335"/>
      <c r="ES20" s="330">
        <v>0</v>
      </c>
      <c r="ET20" s="330">
        <v>0</v>
      </c>
      <c r="EU20" s="330">
        <v>0</v>
      </c>
      <c r="EV20" s="330">
        <v>0</v>
      </c>
      <c r="EW20" s="330">
        <v>196</v>
      </c>
      <c r="EX20" s="333">
        <v>196</v>
      </c>
      <c r="EY20" s="334">
        <v>196</v>
      </c>
      <c r="EZ20" s="329">
        <v>0</v>
      </c>
      <c r="FA20" s="330">
        <v>0</v>
      </c>
      <c r="FB20" s="331">
        <v>0</v>
      </c>
      <c r="FC20" s="335"/>
      <c r="FD20" s="330">
        <v>0</v>
      </c>
      <c r="FE20" s="330">
        <v>0</v>
      </c>
      <c r="FF20" s="330">
        <v>0</v>
      </c>
      <c r="FG20" s="330">
        <v>196</v>
      </c>
      <c r="FH20" s="330">
        <v>812</v>
      </c>
      <c r="FI20" s="333">
        <v>1008</v>
      </c>
      <c r="FJ20" s="334">
        <v>1008</v>
      </c>
      <c r="FK20" s="329">
        <v>0</v>
      </c>
      <c r="FL20" s="330">
        <v>0</v>
      </c>
      <c r="FM20" s="331">
        <v>0</v>
      </c>
      <c r="FN20" s="335"/>
      <c r="FO20" s="330">
        <v>0</v>
      </c>
      <c r="FP20" s="330">
        <v>9828</v>
      </c>
      <c r="FQ20" s="330">
        <v>268380</v>
      </c>
      <c r="FR20" s="330">
        <v>184604</v>
      </c>
      <c r="FS20" s="330">
        <v>398400</v>
      </c>
      <c r="FT20" s="333">
        <v>861212</v>
      </c>
      <c r="FU20" s="334">
        <v>861212</v>
      </c>
      <c r="FV20" s="329">
        <v>0</v>
      </c>
      <c r="FW20" s="330">
        <v>0</v>
      </c>
      <c r="FX20" s="331">
        <v>0</v>
      </c>
      <c r="FY20" s="332">
        <v>0</v>
      </c>
      <c r="FZ20" s="330">
        <v>52866</v>
      </c>
      <c r="GA20" s="330">
        <v>141557</v>
      </c>
      <c r="GB20" s="330">
        <v>213473</v>
      </c>
      <c r="GC20" s="330">
        <v>244807</v>
      </c>
      <c r="GD20" s="330">
        <v>161154</v>
      </c>
      <c r="GE20" s="333">
        <v>813857</v>
      </c>
      <c r="GF20" s="334">
        <v>813857</v>
      </c>
      <c r="GG20" s="329">
        <v>0</v>
      </c>
      <c r="GH20" s="330">
        <v>0</v>
      </c>
      <c r="GI20" s="331">
        <v>0</v>
      </c>
      <c r="GJ20" s="332">
        <v>0</v>
      </c>
      <c r="GK20" s="330">
        <v>21</v>
      </c>
      <c r="GL20" s="330">
        <v>1592</v>
      </c>
      <c r="GM20" s="330">
        <v>9399</v>
      </c>
      <c r="GN20" s="330">
        <v>0</v>
      </c>
      <c r="GO20" s="330">
        <v>12390</v>
      </c>
      <c r="GP20" s="333">
        <v>23402</v>
      </c>
      <c r="GQ20" s="334">
        <v>23402</v>
      </c>
      <c r="GR20" s="329">
        <v>0</v>
      </c>
      <c r="GS20" s="330">
        <v>0</v>
      </c>
      <c r="GT20" s="331">
        <v>0</v>
      </c>
      <c r="GU20" s="332">
        <v>0</v>
      </c>
      <c r="GV20" s="330">
        <v>0</v>
      </c>
      <c r="GW20" s="330">
        <v>0</v>
      </c>
      <c r="GX20" s="330">
        <v>0</v>
      </c>
      <c r="GY20" s="330">
        <v>0</v>
      </c>
      <c r="GZ20" s="330">
        <v>0</v>
      </c>
      <c r="HA20" s="333">
        <v>0</v>
      </c>
      <c r="HB20" s="334">
        <v>0</v>
      </c>
      <c r="HC20" s="329">
        <v>0</v>
      </c>
      <c r="HD20" s="330">
        <v>0</v>
      </c>
      <c r="HE20" s="331">
        <v>0</v>
      </c>
      <c r="HF20" s="335"/>
      <c r="HG20" s="330">
        <v>0</v>
      </c>
      <c r="HH20" s="330">
        <v>0</v>
      </c>
      <c r="HI20" s="330">
        <v>0</v>
      </c>
      <c r="HJ20" s="330">
        <v>0</v>
      </c>
      <c r="HK20" s="330">
        <v>0</v>
      </c>
      <c r="HL20" s="333">
        <v>0</v>
      </c>
      <c r="HM20" s="334">
        <v>0</v>
      </c>
      <c r="HN20" s="329">
        <v>0</v>
      </c>
      <c r="HO20" s="330">
        <v>0</v>
      </c>
      <c r="HP20" s="331">
        <v>0</v>
      </c>
      <c r="HQ20" s="332">
        <v>0</v>
      </c>
      <c r="HR20" s="330">
        <v>298170</v>
      </c>
      <c r="HS20" s="330">
        <v>1379652</v>
      </c>
      <c r="HT20" s="330">
        <v>5454692</v>
      </c>
      <c r="HU20" s="330">
        <v>6080198</v>
      </c>
      <c r="HV20" s="330">
        <v>4693612</v>
      </c>
      <c r="HW20" s="333">
        <v>17906324</v>
      </c>
      <c r="HX20" s="334">
        <v>17906324</v>
      </c>
    </row>
    <row r="21" spans="1:232" ht="16.5" customHeight="1" x14ac:dyDescent="0.2">
      <c r="A21" s="327" t="s">
        <v>18</v>
      </c>
      <c r="B21" s="329">
        <v>0</v>
      </c>
      <c r="C21" s="330">
        <v>5825</v>
      </c>
      <c r="D21" s="331">
        <v>5825</v>
      </c>
      <c r="E21" s="332">
        <v>0</v>
      </c>
      <c r="F21" s="330">
        <v>289840</v>
      </c>
      <c r="G21" s="330">
        <v>426190</v>
      </c>
      <c r="H21" s="330">
        <v>2021545</v>
      </c>
      <c r="I21" s="330">
        <v>3468645</v>
      </c>
      <c r="J21" s="330">
        <v>2436431</v>
      </c>
      <c r="K21" s="333">
        <v>8642651</v>
      </c>
      <c r="L21" s="334">
        <v>8648476</v>
      </c>
      <c r="M21" s="329">
        <v>0</v>
      </c>
      <c r="N21" s="330">
        <v>0</v>
      </c>
      <c r="O21" s="331">
        <v>0</v>
      </c>
      <c r="P21" s="335"/>
      <c r="Q21" s="330">
        <v>47460</v>
      </c>
      <c r="R21" s="330">
        <v>68460</v>
      </c>
      <c r="S21" s="330">
        <v>1202230</v>
      </c>
      <c r="T21" s="330">
        <v>2430310</v>
      </c>
      <c r="U21" s="330">
        <v>1752411</v>
      </c>
      <c r="V21" s="333">
        <v>5500871</v>
      </c>
      <c r="W21" s="334">
        <v>5500871</v>
      </c>
      <c r="X21" s="329">
        <v>0</v>
      </c>
      <c r="Y21" s="330">
        <v>0</v>
      </c>
      <c r="Z21" s="331">
        <v>0</v>
      </c>
      <c r="AA21" s="335"/>
      <c r="AB21" s="330">
        <v>212320</v>
      </c>
      <c r="AC21" s="330">
        <v>245185</v>
      </c>
      <c r="AD21" s="330">
        <v>609505</v>
      </c>
      <c r="AE21" s="330">
        <v>724270</v>
      </c>
      <c r="AF21" s="330">
        <v>377120</v>
      </c>
      <c r="AG21" s="333">
        <v>2168400</v>
      </c>
      <c r="AH21" s="334">
        <v>2168400</v>
      </c>
      <c r="AI21" s="329">
        <v>0</v>
      </c>
      <c r="AJ21" s="330">
        <v>0</v>
      </c>
      <c r="AK21" s="331">
        <v>0</v>
      </c>
      <c r="AL21" s="335"/>
      <c r="AM21" s="330">
        <v>0</v>
      </c>
      <c r="AN21" s="330">
        <v>0</v>
      </c>
      <c r="AO21" s="330">
        <v>0</v>
      </c>
      <c r="AP21" s="330">
        <v>0</v>
      </c>
      <c r="AQ21" s="330">
        <v>64120</v>
      </c>
      <c r="AR21" s="333">
        <v>64120</v>
      </c>
      <c r="AS21" s="334">
        <v>64120</v>
      </c>
      <c r="AT21" s="329">
        <v>0</v>
      </c>
      <c r="AU21" s="330">
        <v>0</v>
      </c>
      <c r="AV21" s="331">
        <v>0</v>
      </c>
      <c r="AW21" s="335"/>
      <c r="AX21" s="330">
        <v>0</v>
      </c>
      <c r="AY21" s="330">
        <v>0</v>
      </c>
      <c r="AZ21" s="330">
        <v>0</v>
      </c>
      <c r="BA21" s="330">
        <v>30100</v>
      </c>
      <c r="BB21" s="330">
        <v>133790</v>
      </c>
      <c r="BC21" s="333">
        <v>163890</v>
      </c>
      <c r="BD21" s="334">
        <v>163890</v>
      </c>
      <c r="BE21" s="329">
        <v>0</v>
      </c>
      <c r="BF21" s="330">
        <v>0</v>
      </c>
      <c r="BG21" s="331">
        <v>0</v>
      </c>
      <c r="BH21" s="335"/>
      <c r="BI21" s="330">
        <v>0</v>
      </c>
      <c r="BJ21" s="330">
        <v>29540</v>
      </c>
      <c r="BK21" s="330">
        <v>9520</v>
      </c>
      <c r="BL21" s="330">
        <v>73360</v>
      </c>
      <c r="BM21" s="330">
        <v>4760</v>
      </c>
      <c r="BN21" s="333">
        <v>117180</v>
      </c>
      <c r="BO21" s="334">
        <v>117180</v>
      </c>
      <c r="BP21" s="329">
        <v>0</v>
      </c>
      <c r="BQ21" s="330">
        <v>5825</v>
      </c>
      <c r="BR21" s="331">
        <v>5825</v>
      </c>
      <c r="BS21" s="332">
        <v>0</v>
      </c>
      <c r="BT21" s="330">
        <v>30060</v>
      </c>
      <c r="BU21" s="330">
        <v>83005</v>
      </c>
      <c r="BV21" s="330">
        <v>200290</v>
      </c>
      <c r="BW21" s="330">
        <v>206025</v>
      </c>
      <c r="BX21" s="330">
        <v>104230</v>
      </c>
      <c r="BY21" s="333">
        <v>623610</v>
      </c>
      <c r="BZ21" s="334">
        <v>629435</v>
      </c>
      <c r="CA21" s="329">
        <v>0</v>
      </c>
      <c r="CB21" s="330">
        <v>0</v>
      </c>
      <c r="CC21" s="331">
        <v>0</v>
      </c>
      <c r="CD21" s="332">
        <v>0</v>
      </c>
      <c r="CE21" s="330">
        <v>0</v>
      </c>
      <c r="CF21" s="330">
        <v>0</v>
      </c>
      <c r="CG21" s="330">
        <v>0</v>
      </c>
      <c r="CH21" s="330">
        <v>4580</v>
      </c>
      <c r="CI21" s="330">
        <v>0</v>
      </c>
      <c r="CJ21" s="333">
        <v>4580</v>
      </c>
      <c r="CK21" s="334">
        <v>4580</v>
      </c>
      <c r="CL21" s="329">
        <v>0</v>
      </c>
      <c r="CM21" s="330">
        <v>0</v>
      </c>
      <c r="CN21" s="331">
        <v>0</v>
      </c>
      <c r="CO21" s="332">
        <v>0</v>
      </c>
      <c r="CP21" s="330">
        <v>0</v>
      </c>
      <c r="CQ21" s="330">
        <v>0</v>
      </c>
      <c r="CR21" s="330">
        <v>0</v>
      </c>
      <c r="CS21" s="330">
        <v>0</v>
      </c>
      <c r="CT21" s="330">
        <v>0</v>
      </c>
      <c r="CU21" s="333">
        <v>0</v>
      </c>
      <c r="CV21" s="334">
        <v>0</v>
      </c>
      <c r="CW21" s="329">
        <v>0</v>
      </c>
      <c r="CX21" s="330">
        <v>0</v>
      </c>
      <c r="CY21" s="331">
        <v>0</v>
      </c>
      <c r="CZ21" s="335"/>
      <c r="DA21" s="330">
        <v>0</v>
      </c>
      <c r="DB21" s="330">
        <v>0</v>
      </c>
      <c r="DC21" s="330">
        <v>0</v>
      </c>
      <c r="DD21" s="330">
        <v>0</v>
      </c>
      <c r="DE21" s="330">
        <v>0</v>
      </c>
      <c r="DF21" s="333">
        <v>0</v>
      </c>
      <c r="DG21" s="334">
        <v>0</v>
      </c>
      <c r="DH21" s="329">
        <v>0</v>
      </c>
      <c r="DI21" s="330">
        <v>5130</v>
      </c>
      <c r="DJ21" s="331">
        <v>5130</v>
      </c>
      <c r="DK21" s="332">
        <v>0</v>
      </c>
      <c r="DL21" s="330">
        <v>169162</v>
      </c>
      <c r="DM21" s="330">
        <v>357962</v>
      </c>
      <c r="DN21" s="330">
        <v>2380260</v>
      </c>
      <c r="DO21" s="330">
        <v>3811994</v>
      </c>
      <c r="DP21" s="330">
        <v>2558690</v>
      </c>
      <c r="DQ21" s="333">
        <v>9278068</v>
      </c>
      <c r="DR21" s="336">
        <v>9283198</v>
      </c>
      <c r="DS21" s="329">
        <v>0</v>
      </c>
      <c r="DT21" s="330">
        <v>0</v>
      </c>
      <c r="DU21" s="331">
        <v>0</v>
      </c>
      <c r="DV21" s="335"/>
      <c r="DW21" s="330">
        <v>76944</v>
      </c>
      <c r="DX21" s="330">
        <v>107996</v>
      </c>
      <c r="DY21" s="330">
        <v>1818970</v>
      </c>
      <c r="DZ21" s="330">
        <v>3204883</v>
      </c>
      <c r="EA21" s="330">
        <v>2288490</v>
      </c>
      <c r="EB21" s="333">
        <v>7497283</v>
      </c>
      <c r="EC21" s="334">
        <v>7497283</v>
      </c>
      <c r="ED21" s="329">
        <v>0</v>
      </c>
      <c r="EE21" s="330">
        <v>0</v>
      </c>
      <c r="EF21" s="331">
        <v>0</v>
      </c>
      <c r="EG21" s="335"/>
      <c r="EH21" s="330">
        <v>41254</v>
      </c>
      <c r="EI21" s="330">
        <v>39682</v>
      </c>
      <c r="EJ21" s="330">
        <v>155400</v>
      </c>
      <c r="EK21" s="330">
        <v>101343</v>
      </c>
      <c r="EL21" s="330">
        <v>47397</v>
      </c>
      <c r="EM21" s="333">
        <v>385076</v>
      </c>
      <c r="EN21" s="334">
        <v>385076</v>
      </c>
      <c r="EO21" s="329">
        <v>0</v>
      </c>
      <c r="EP21" s="330">
        <v>0</v>
      </c>
      <c r="EQ21" s="331">
        <v>0</v>
      </c>
      <c r="ER21" s="335"/>
      <c r="ES21" s="330">
        <v>0</v>
      </c>
      <c r="ET21" s="330">
        <v>0</v>
      </c>
      <c r="EU21" s="330">
        <v>0</v>
      </c>
      <c r="EV21" s="330">
        <v>0</v>
      </c>
      <c r="EW21" s="330">
        <v>20720</v>
      </c>
      <c r="EX21" s="333">
        <v>20720</v>
      </c>
      <c r="EY21" s="334">
        <v>20720</v>
      </c>
      <c r="EZ21" s="329">
        <v>0</v>
      </c>
      <c r="FA21" s="330">
        <v>0</v>
      </c>
      <c r="FB21" s="331">
        <v>0</v>
      </c>
      <c r="FC21" s="335"/>
      <c r="FD21" s="330">
        <v>0</v>
      </c>
      <c r="FE21" s="330">
        <v>0</v>
      </c>
      <c r="FF21" s="330">
        <v>0</v>
      </c>
      <c r="FG21" s="330">
        <v>441</v>
      </c>
      <c r="FH21" s="330">
        <v>1757</v>
      </c>
      <c r="FI21" s="333">
        <v>2198</v>
      </c>
      <c r="FJ21" s="334">
        <v>2198</v>
      </c>
      <c r="FK21" s="329">
        <v>0</v>
      </c>
      <c r="FL21" s="330">
        <v>0</v>
      </c>
      <c r="FM21" s="331">
        <v>0</v>
      </c>
      <c r="FN21" s="335"/>
      <c r="FO21" s="330">
        <v>0</v>
      </c>
      <c r="FP21" s="330">
        <v>33208</v>
      </c>
      <c r="FQ21" s="330">
        <v>77952</v>
      </c>
      <c r="FR21" s="330">
        <v>183344</v>
      </c>
      <c r="FS21" s="330">
        <v>38976</v>
      </c>
      <c r="FT21" s="333">
        <v>333480</v>
      </c>
      <c r="FU21" s="334">
        <v>333480</v>
      </c>
      <c r="FV21" s="329">
        <v>0</v>
      </c>
      <c r="FW21" s="330">
        <v>5130</v>
      </c>
      <c r="FX21" s="331">
        <v>5130</v>
      </c>
      <c r="FY21" s="332">
        <v>0</v>
      </c>
      <c r="FZ21" s="330">
        <v>50964</v>
      </c>
      <c r="GA21" s="330">
        <v>177076</v>
      </c>
      <c r="GB21" s="330">
        <v>327938</v>
      </c>
      <c r="GC21" s="330">
        <v>320098</v>
      </c>
      <c r="GD21" s="330">
        <v>161350</v>
      </c>
      <c r="GE21" s="333">
        <v>1037426</v>
      </c>
      <c r="GF21" s="334">
        <v>1042556</v>
      </c>
      <c r="GG21" s="329">
        <v>0</v>
      </c>
      <c r="GH21" s="330">
        <v>0</v>
      </c>
      <c r="GI21" s="331">
        <v>0</v>
      </c>
      <c r="GJ21" s="332">
        <v>0</v>
      </c>
      <c r="GK21" s="330">
        <v>0</v>
      </c>
      <c r="GL21" s="330">
        <v>0</v>
      </c>
      <c r="GM21" s="330">
        <v>0</v>
      </c>
      <c r="GN21" s="330">
        <v>1885</v>
      </c>
      <c r="GO21" s="330">
        <v>0</v>
      </c>
      <c r="GP21" s="333">
        <v>1885</v>
      </c>
      <c r="GQ21" s="334">
        <v>1885</v>
      </c>
      <c r="GR21" s="329">
        <v>0</v>
      </c>
      <c r="GS21" s="330">
        <v>0</v>
      </c>
      <c r="GT21" s="331">
        <v>0</v>
      </c>
      <c r="GU21" s="332">
        <v>0</v>
      </c>
      <c r="GV21" s="330">
        <v>0</v>
      </c>
      <c r="GW21" s="330">
        <v>0</v>
      </c>
      <c r="GX21" s="330">
        <v>0</v>
      </c>
      <c r="GY21" s="330">
        <v>0</v>
      </c>
      <c r="GZ21" s="330">
        <v>0</v>
      </c>
      <c r="HA21" s="333">
        <v>0</v>
      </c>
      <c r="HB21" s="334">
        <v>0</v>
      </c>
      <c r="HC21" s="329">
        <v>0</v>
      </c>
      <c r="HD21" s="330">
        <v>0</v>
      </c>
      <c r="HE21" s="331">
        <v>0</v>
      </c>
      <c r="HF21" s="335"/>
      <c r="HG21" s="330">
        <v>0</v>
      </c>
      <c r="HH21" s="330">
        <v>0</v>
      </c>
      <c r="HI21" s="330">
        <v>0</v>
      </c>
      <c r="HJ21" s="330">
        <v>0</v>
      </c>
      <c r="HK21" s="330">
        <v>0</v>
      </c>
      <c r="HL21" s="333">
        <v>0</v>
      </c>
      <c r="HM21" s="334">
        <v>0</v>
      </c>
      <c r="HN21" s="329">
        <v>0</v>
      </c>
      <c r="HO21" s="330">
        <v>10955</v>
      </c>
      <c r="HP21" s="331">
        <v>10955</v>
      </c>
      <c r="HQ21" s="332">
        <v>0</v>
      </c>
      <c r="HR21" s="330">
        <v>459002</v>
      </c>
      <c r="HS21" s="330">
        <v>784152</v>
      </c>
      <c r="HT21" s="330">
        <v>4401805</v>
      </c>
      <c r="HU21" s="330">
        <v>7280639</v>
      </c>
      <c r="HV21" s="330">
        <v>4995121</v>
      </c>
      <c r="HW21" s="333">
        <v>17920719</v>
      </c>
      <c r="HX21" s="334">
        <v>17931674</v>
      </c>
    </row>
    <row r="22" spans="1:232" ht="16.5" customHeight="1" x14ac:dyDescent="0.2">
      <c r="A22" s="327" t="s">
        <v>19</v>
      </c>
      <c r="B22" s="329">
        <v>0</v>
      </c>
      <c r="C22" s="330">
        <v>2670</v>
      </c>
      <c r="D22" s="331">
        <v>2670</v>
      </c>
      <c r="E22" s="332">
        <v>0</v>
      </c>
      <c r="F22" s="330">
        <v>105275</v>
      </c>
      <c r="G22" s="330">
        <v>365365</v>
      </c>
      <c r="H22" s="330">
        <v>1608415</v>
      </c>
      <c r="I22" s="330">
        <v>1161590</v>
      </c>
      <c r="J22" s="330">
        <v>972820</v>
      </c>
      <c r="K22" s="333">
        <v>4213465</v>
      </c>
      <c r="L22" s="334">
        <v>4216135</v>
      </c>
      <c r="M22" s="329">
        <v>0</v>
      </c>
      <c r="N22" s="330">
        <v>0</v>
      </c>
      <c r="O22" s="331">
        <v>0</v>
      </c>
      <c r="P22" s="335"/>
      <c r="Q22" s="330">
        <v>0</v>
      </c>
      <c r="R22" s="330">
        <v>41440</v>
      </c>
      <c r="S22" s="330">
        <v>1199210</v>
      </c>
      <c r="T22" s="330">
        <v>912140</v>
      </c>
      <c r="U22" s="330">
        <v>746170</v>
      </c>
      <c r="V22" s="333">
        <v>2898960</v>
      </c>
      <c r="W22" s="334">
        <v>2898960</v>
      </c>
      <c r="X22" s="329">
        <v>0</v>
      </c>
      <c r="Y22" s="330">
        <v>0</v>
      </c>
      <c r="Z22" s="331">
        <v>0</v>
      </c>
      <c r="AA22" s="335"/>
      <c r="AB22" s="330">
        <v>71260</v>
      </c>
      <c r="AC22" s="330">
        <v>250790</v>
      </c>
      <c r="AD22" s="330">
        <v>340145</v>
      </c>
      <c r="AE22" s="330">
        <v>225930</v>
      </c>
      <c r="AF22" s="330">
        <v>149130</v>
      </c>
      <c r="AG22" s="333">
        <v>1037255</v>
      </c>
      <c r="AH22" s="334">
        <v>1037255</v>
      </c>
      <c r="AI22" s="329">
        <v>0</v>
      </c>
      <c r="AJ22" s="330">
        <v>0</v>
      </c>
      <c r="AK22" s="331">
        <v>0</v>
      </c>
      <c r="AL22" s="335"/>
      <c r="AM22" s="330">
        <v>0</v>
      </c>
      <c r="AN22" s="330">
        <v>0</v>
      </c>
      <c r="AO22" s="330">
        <v>0</v>
      </c>
      <c r="AP22" s="330">
        <v>0</v>
      </c>
      <c r="AQ22" s="330">
        <v>0</v>
      </c>
      <c r="AR22" s="333">
        <v>0</v>
      </c>
      <c r="AS22" s="334">
        <v>0</v>
      </c>
      <c r="AT22" s="329">
        <v>0</v>
      </c>
      <c r="AU22" s="330">
        <v>0</v>
      </c>
      <c r="AV22" s="331">
        <v>0</v>
      </c>
      <c r="AW22" s="335"/>
      <c r="AX22" s="330">
        <v>0</v>
      </c>
      <c r="AY22" s="330">
        <v>0</v>
      </c>
      <c r="AZ22" s="330">
        <v>0</v>
      </c>
      <c r="BA22" s="330">
        <v>0</v>
      </c>
      <c r="BB22" s="330">
        <v>51800</v>
      </c>
      <c r="BC22" s="333">
        <v>51800</v>
      </c>
      <c r="BD22" s="334">
        <v>51800</v>
      </c>
      <c r="BE22" s="329">
        <v>0</v>
      </c>
      <c r="BF22" s="330">
        <v>0</v>
      </c>
      <c r="BG22" s="331">
        <v>0</v>
      </c>
      <c r="BH22" s="335"/>
      <c r="BI22" s="330">
        <v>0</v>
      </c>
      <c r="BJ22" s="330">
        <v>0</v>
      </c>
      <c r="BK22" s="330">
        <v>0</v>
      </c>
      <c r="BL22" s="330">
        <v>0</v>
      </c>
      <c r="BM22" s="330">
        <v>0</v>
      </c>
      <c r="BN22" s="333">
        <v>0</v>
      </c>
      <c r="BO22" s="334">
        <v>0</v>
      </c>
      <c r="BP22" s="329">
        <v>0</v>
      </c>
      <c r="BQ22" s="330">
        <v>2670</v>
      </c>
      <c r="BR22" s="331">
        <v>2670</v>
      </c>
      <c r="BS22" s="332">
        <v>0</v>
      </c>
      <c r="BT22" s="330">
        <v>31585</v>
      </c>
      <c r="BU22" s="330">
        <v>69800</v>
      </c>
      <c r="BV22" s="330">
        <v>69060</v>
      </c>
      <c r="BW22" s="330">
        <v>22795</v>
      </c>
      <c r="BX22" s="330">
        <v>25720</v>
      </c>
      <c r="BY22" s="333">
        <v>218960</v>
      </c>
      <c r="BZ22" s="334">
        <v>221630</v>
      </c>
      <c r="CA22" s="329">
        <v>0</v>
      </c>
      <c r="CB22" s="330">
        <v>0</v>
      </c>
      <c r="CC22" s="331">
        <v>0</v>
      </c>
      <c r="CD22" s="332">
        <v>0</v>
      </c>
      <c r="CE22" s="330">
        <v>2430</v>
      </c>
      <c r="CF22" s="330">
        <v>3335</v>
      </c>
      <c r="CG22" s="330">
        <v>0</v>
      </c>
      <c r="CH22" s="330">
        <v>725</v>
      </c>
      <c r="CI22" s="330">
        <v>0</v>
      </c>
      <c r="CJ22" s="333">
        <v>6490</v>
      </c>
      <c r="CK22" s="334">
        <v>6490</v>
      </c>
      <c r="CL22" s="329">
        <v>0</v>
      </c>
      <c r="CM22" s="330">
        <v>0</v>
      </c>
      <c r="CN22" s="331">
        <v>0</v>
      </c>
      <c r="CO22" s="332">
        <v>0</v>
      </c>
      <c r="CP22" s="330">
        <v>0</v>
      </c>
      <c r="CQ22" s="330">
        <v>0</v>
      </c>
      <c r="CR22" s="330">
        <v>0</v>
      </c>
      <c r="CS22" s="330">
        <v>0</v>
      </c>
      <c r="CT22" s="330">
        <v>0</v>
      </c>
      <c r="CU22" s="333">
        <v>0</v>
      </c>
      <c r="CV22" s="334">
        <v>0</v>
      </c>
      <c r="CW22" s="329">
        <v>0</v>
      </c>
      <c r="CX22" s="330">
        <v>0</v>
      </c>
      <c r="CY22" s="331">
        <v>0</v>
      </c>
      <c r="CZ22" s="335"/>
      <c r="DA22" s="330">
        <v>0</v>
      </c>
      <c r="DB22" s="330">
        <v>0</v>
      </c>
      <c r="DC22" s="330">
        <v>0</v>
      </c>
      <c r="DD22" s="330">
        <v>0</v>
      </c>
      <c r="DE22" s="330">
        <v>0</v>
      </c>
      <c r="DF22" s="333">
        <v>0</v>
      </c>
      <c r="DG22" s="334">
        <v>0</v>
      </c>
      <c r="DH22" s="329">
        <v>0</v>
      </c>
      <c r="DI22" s="330">
        <v>4872</v>
      </c>
      <c r="DJ22" s="331">
        <v>4872</v>
      </c>
      <c r="DK22" s="332">
        <v>0</v>
      </c>
      <c r="DL22" s="330">
        <v>67954</v>
      </c>
      <c r="DM22" s="330">
        <v>202317</v>
      </c>
      <c r="DN22" s="330">
        <v>1637079</v>
      </c>
      <c r="DO22" s="330">
        <v>1288024</v>
      </c>
      <c r="DP22" s="330">
        <v>1035834</v>
      </c>
      <c r="DQ22" s="333">
        <v>4231208</v>
      </c>
      <c r="DR22" s="336">
        <v>4236080</v>
      </c>
      <c r="DS22" s="329">
        <v>0</v>
      </c>
      <c r="DT22" s="330">
        <v>0</v>
      </c>
      <c r="DU22" s="331">
        <v>0</v>
      </c>
      <c r="DV22" s="335"/>
      <c r="DW22" s="330">
        <v>0</v>
      </c>
      <c r="DX22" s="330">
        <v>101360</v>
      </c>
      <c r="DY22" s="330">
        <v>1476054</v>
      </c>
      <c r="DZ22" s="330">
        <v>1222790</v>
      </c>
      <c r="EA22" s="330">
        <v>993877</v>
      </c>
      <c r="EB22" s="333">
        <v>3794081</v>
      </c>
      <c r="EC22" s="334">
        <v>3794081</v>
      </c>
      <c r="ED22" s="329">
        <v>0</v>
      </c>
      <c r="EE22" s="330">
        <v>0</v>
      </c>
      <c r="EF22" s="331">
        <v>0</v>
      </c>
      <c r="EG22" s="335"/>
      <c r="EH22" s="330">
        <v>31528</v>
      </c>
      <c r="EI22" s="330">
        <v>27848</v>
      </c>
      <c r="EJ22" s="330">
        <v>64428</v>
      </c>
      <c r="EK22" s="330">
        <v>20556</v>
      </c>
      <c r="EL22" s="330">
        <v>11977</v>
      </c>
      <c r="EM22" s="333">
        <v>156337</v>
      </c>
      <c r="EN22" s="334">
        <v>156337</v>
      </c>
      <c r="EO22" s="329">
        <v>0</v>
      </c>
      <c r="EP22" s="330">
        <v>0</v>
      </c>
      <c r="EQ22" s="331">
        <v>0</v>
      </c>
      <c r="ER22" s="335"/>
      <c r="ES22" s="330">
        <v>0</v>
      </c>
      <c r="ET22" s="330">
        <v>0</v>
      </c>
      <c r="EU22" s="330">
        <v>0</v>
      </c>
      <c r="EV22" s="330">
        <v>0</v>
      </c>
      <c r="EW22" s="330">
        <v>0</v>
      </c>
      <c r="EX22" s="333">
        <v>0</v>
      </c>
      <c r="EY22" s="334">
        <v>0</v>
      </c>
      <c r="EZ22" s="329">
        <v>0</v>
      </c>
      <c r="FA22" s="330">
        <v>0</v>
      </c>
      <c r="FB22" s="331">
        <v>0</v>
      </c>
      <c r="FC22" s="335"/>
      <c r="FD22" s="330">
        <v>0</v>
      </c>
      <c r="FE22" s="330">
        <v>0</v>
      </c>
      <c r="FF22" s="330">
        <v>0</v>
      </c>
      <c r="FG22" s="330">
        <v>0</v>
      </c>
      <c r="FH22" s="330">
        <v>392</v>
      </c>
      <c r="FI22" s="333">
        <v>392</v>
      </c>
      <c r="FJ22" s="334">
        <v>392</v>
      </c>
      <c r="FK22" s="329">
        <v>0</v>
      </c>
      <c r="FL22" s="330">
        <v>0</v>
      </c>
      <c r="FM22" s="331">
        <v>0</v>
      </c>
      <c r="FN22" s="335"/>
      <c r="FO22" s="330">
        <v>0</v>
      </c>
      <c r="FP22" s="330">
        <v>0</v>
      </c>
      <c r="FQ22" s="330">
        <v>0</v>
      </c>
      <c r="FR22" s="330">
        <v>0</v>
      </c>
      <c r="FS22" s="330">
        <v>0</v>
      </c>
      <c r="FT22" s="333">
        <v>0</v>
      </c>
      <c r="FU22" s="334">
        <v>0</v>
      </c>
      <c r="FV22" s="329">
        <v>0</v>
      </c>
      <c r="FW22" s="330">
        <v>4872</v>
      </c>
      <c r="FX22" s="331">
        <v>4872</v>
      </c>
      <c r="FY22" s="332">
        <v>0</v>
      </c>
      <c r="FZ22" s="330">
        <v>33204</v>
      </c>
      <c r="GA22" s="330">
        <v>63085</v>
      </c>
      <c r="GB22" s="330">
        <v>96597</v>
      </c>
      <c r="GC22" s="330">
        <v>40740</v>
      </c>
      <c r="GD22" s="330">
        <v>29588</v>
      </c>
      <c r="GE22" s="333">
        <v>263214</v>
      </c>
      <c r="GF22" s="334">
        <v>268086</v>
      </c>
      <c r="GG22" s="329">
        <v>0</v>
      </c>
      <c r="GH22" s="330">
        <v>0</v>
      </c>
      <c r="GI22" s="331">
        <v>0</v>
      </c>
      <c r="GJ22" s="332">
        <v>0</v>
      </c>
      <c r="GK22" s="330">
        <v>3222</v>
      </c>
      <c r="GL22" s="330">
        <v>10024</v>
      </c>
      <c r="GM22" s="330">
        <v>0</v>
      </c>
      <c r="GN22" s="330">
        <v>3938</v>
      </c>
      <c r="GO22" s="330">
        <v>0</v>
      </c>
      <c r="GP22" s="333">
        <v>17184</v>
      </c>
      <c r="GQ22" s="334">
        <v>17184</v>
      </c>
      <c r="GR22" s="329">
        <v>0</v>
      </c>
      <c r="GS22" s="330">
        <v>0</v>
      </c>
      <c r="GT22" s="331">
        <v>0</v>
      </c>
      <c r="GU22" s="332">
        <v>0</v>
      </c>
      <c r="GV22" s="330">
        <v>0</v>
      </c>
      <c r="GW22" s="330">
        <v>0</v>
      </c>
      <c r="GX22" s="330">
        <v>0</v>
      </c>
      <c r="GY22" s="330">
        <v>0</v>
      </c>
      <c r="GZ22" s="330">
        <v>0</v>
      </c>
      <c r="HA22" s="333">
        <v>0</v>
      </c>
      <c r="HB22" s="334">
        <v>0</v>
      </c>
      <c r="HC22" s="329">
        <v>0</v>
      </c>
      <c r="HD22" s="330">
        <v>0</v>
      </c>
      <c r="HE22" s="331">
        <v>0</v>
      </c>
      <c r="HF22" s="335"/>
      <c r="HG22" s="330">
        <v>0</v>
      </c>
      <c r="HH22" s="330">
        <v>0</v>
      </c>
      <c r="HI22" s="330">
        <v>0</v>
      </c>
      <c r="HJ22" s="330">
        <v>0</v>
      </c>
      <c r="HK22" s="330">
        <v>0</v>
      </c>
      <c r="HL22" s="333">
        <v>0</v>
      </c>
      <c r="HM22" s="334">
        <v>0</v>
      </c>
      <c r="HN22" s="329">
        <v>0</v>
      </c>
      <c r="HO22" s="330">
        <v>7542</v>
      </c>
      <c r="HP22" s="331">
        <v>7542</v>
      </c>
      <c r="HQ22" s="332">
        <v>0</v>
      </c>
      <c r="HR22" s="330">
        <v>173229</v>
      </c>
      <c r="HS22" s="330">
        <v>567682</v>
      </c>
      <c r="HT22" s="330">
        <v>3245494</v>
      </c>
      <c r="HU22" s="330">
        <v>2449614</v>
      </c>
      <c r="HV22" s="330">
        <v>2008654</v>
      </c>
      <c r="HW22" s="333">
        <v>8444673</v>
      </c>
      <c r="HX22" s="334">
        <v>8452215</v>
      </c>
    </row>
    <row r="23" spans="1:232" ht="16.5" customHeight="1" x14ac:dyDescent="0.2">
      <c r="A23" s="327" t="s">
        <v>20</v>
      </c>
      <c r="B23" s="329">
        <v>0</v>
      </c>
      <c r="C23" s="330">
        <v>0</v>
      </c>
      <c r="D23" s="331">
        <v>0</v>
      </c>
      <c r="E23" s="332">
        <v>0</v>
      </c>
      <c r="F23" s="330">
        <v>234485</v>
      </c>
      <c r="G23" s="330">
        <v>283629</v>
      </c>
      <c r="H23" s="330">
        <v>1395443</v>
      </c>
      <c r="I23" s="330">
        <v>1498639</v>
      </c>
      <c r="J23" s="330">
        <v>656930</v>
      </c>
      <c r="K23" s="333">
        <v>4069126</v>
      </c>
      <c r="L23" s="334">
        <v>4069126</v>
      </c>
      <c r="M23" s="329">
        <v>0</v>
      </c>
      <c r="N23" s="330">
        <v>0</v>
      </c>
      <c r="O23" s="331">
        <v>0</v>
      </c>
      <c r="P23" s="335"/>
      <c r="Q23" s="330">
        <v>71540</v>
      </c>
      <c r="R23" s="330">
        <v>102760</v>
      </c>
      <c r="S23" s="330">
        <v>1096628</v>
      </c>
      <c r="T23" s="330">
        <v>1247174</v>
      </c>
      <c r="U23" s="330">
        <v>545190</v>
      </c>
      <c r="V23" s="333">
        <v>3063292</v>
      </c>
      <c r="W23" s="334">
        <v>3063292</v>
      </c>
      <c r="X23" s="329">
        <v>0</v>
      </c>
      <c r="Y23" s="330">
        <v>0</v>
      </c>
      <c r="Z23" s="331">
        <v>0</v>
      </c>
      <c r="AA23" s="335"/>
      <c r="AB23" s="330">
        <v>135515</v>
      </c>
      <c r="AC23" s="330">
        <v>124292</v>
      </c>
      <c r="AD23" s="330">
        <v>207805</v>
      </c>
      <c r="AE23" s="330">
        <v>174580</v>
      </c>
      <c r="AF23" s="330">
        <v>71540</v>
      </c>
      <c r="AG23" s="333">
        <v>713732</v>
      </c>
      <c r="AH23" s="334">
        <v>713732</v>
      </c>
      <c r="AI23" s="329">
        <v>0</v>
      </c>
      <c r="AJ23" s="330">
        <v>0</v>
      </c>
      <c r="AK23" s="331">
        <v>0</v>
      </c>
      <c r="AL23" s="335"/>
      <c r="AM23" s="330">
        <v>0</v>
      </c>
      <c r="AN23" s="330">
        <v>0</v>
      </c>
      <c r="AO23" s="330">
        <v>0</v>
      </c>
      <c r="AP23" s="330">
        <v>0</v>
      </c>
      <c r="AQ23" s="330">
        <v>0</v>
      </c>
      <c r="AR23" s="333">
        <v>0</v>
      </c>
      <c r="AS23" s="334">
        <v>0</v>
      </c>
      <c r="AT23" s="329">
        <v>0</v>
      </c>
      <c r="AU23" s="330">
        <v>0</v>
      </c>
      <c r="AV23" s="331">
        <v>0</v>
      </c>
      <c r="AW23" s="335"/>
      <c r="AX23" s="330">
        <v>0</v>
      </c>
      <c r="AY23" s="330">
        <v>0</v>
      </c>
      <c r="AZ23" s="330">
        <v>2295</v>
      </c>
      <c r="BA23" s="330">
        <v>0</v>
      </c>
      <c r="BB23" s="330">
        <v>2380</v>
      </c>
      <c r="BC23" s="333">
        <v>4675</v>
      </c>
      <c r="BD23" s="334">
        <v>4675</v>
      </c>
      <c r="BE23" s="329">
        <v>0</v>
      </c>
      <c r="BF23" s="330">
        <v>0</v>
      </c>
      <c r="BG23" s="331">
        <v>0</v>
      </c>
      <c r="BH23" s="335"/>
      <c r="BI23" s="330">
        <v>0</v>
      </c>
      <c r="BJ23" s="330">
        <v>0</v>
      </c>
      <c r="BK23" s="330">
        <v>0</v>
      </c>
      <c r="BL23" s="330">
        <v>0</v>
      </c>
      <c r="BM23" s="330">
        <v>0</v>
      </c>
      <c r="BN23" s="333">
        <v>0</v>
      </c>
      <c r="BO23" s="334">
        <v>0</v>
      </c>
      <c r="BP23" s="329">
        <v>0</v>
      </c>
      <c r="BQ23" s="330">
        <v>0</v>
      </c>
      <c r="BR23" s="331">
        <v>0</v>
      </c>
      <c r="BS23" s="332">
        <v>0</v>
      </c>
      <c r="BT23" s="330">
        <v>27430</v>
      </c>
      <c r="BU23" s="330">
        <v>55852</v>
      </c>
      <c r="BV23" s="330">
        <v>86395</v>
      </c>
      <c r="BW23" s="330">
        <v>76885</v>
      </c>
      <c r="BX23" s="330">
        <v>37820</v>
      </c>
      <c r="BY23" s="333">
        <v>284382</v>
      </c>
      <c r="BZ23" s="334">
        <v>284382</v>
      </c>
      <c r="CA23" s="329">
        <v>0</v>
      </c>
      <c r="CB23" s="330">
        <v>0</v>
      </c>
      <c r="CC23" s="331">
        <v>0</v>
      </c>
      <c r="CD23" s="332">
        <v>0</v>
      </c>
      <c r="CE23" s="330">
        <v>0</v>
      </c>
      <c r="CF23" s="330">
        <v>725</v>
      </c>
      <c r="CG23" s="330">
        <v>2320</v>
      </c>
      <c r="CH23" s="330">
        <v>0</v>
      </c>
      <c r="CI23" s="330">
        <v>0</v>
      </c>
      <c r="CJ23" s="333">
        <v>3045</v>
      </c>
      <c r="CK23" s="334">
        <v>3045</v>
      </c>
      <c r="CL23" s="329">
        <v>0</v>
      </c>
      <c r="CM23" s="330">
        <v>0</v>
      </c>
      <c r="CN23" s="331">
        <v>0</v>
      </c>
      <c r="CO23" s="332">
        <v>0</v>
      </c>
      <c r="CP23" s="330">
        <v>0</v>
      </c>
      <c r="CQ23" s="330">
        <v>0</v>
      </c>
      <c r="CR23" s="330">
        <v>0</v>
      </c>
      <c r="CS23" s="330">
        <v>0</v>
      </c>
      <c r="CT23" s="330">
        <v>0</v>
      </c>
      <c r="CU23" s="333">
        <v>0</v>
      </c>
      <c r="CV23" s="334">
        <v>0</v>
      </c>
      <c r="CW23" s="329">
        <v>0</v>
      </c>
      <c r="CX23" s="330">
        <v>0</v>
      </c>
      <c r="CY23" s="331">
        <v>0</v>
      </c>
      <c r="CZ23" s="335"/>
      <c r="DA23" s="330">
        <v>0</v>
      </c>
      <c r="DB23" s="330">
        <v>0</v>
      </c>
      <c r="DC23" s="330">
        <v>0</v>
      </c>
      <c r="DD23" s="330">
        <v>0</v>
      </c>
      <c r="DE23" s="330">
        <v>0</v>
      </c>
      <c r="DF23" s="333">
        <v>0</v>
      </c>
      <c r="DG23" s="334">
        <v>0</v>
      </c>
      <c r="DH23" s="329">
        <v>0</v>
      </c>
      <c r="DI23" s="330">
        <v>0</v>
      </c>
      <c r="DJ23" s="331">
        <v>0</v>
      </c>
      <c r="DK23" s="332">
        <v>0</v>
      </c>
      <c r="DL23" s="330">
        <v>163082</v>
      </c>
      <c r="DM23" s="330">
        <v>405024</v>
      </c>
      <c r="DN23" s="330">
        <v>1844352</v>
      </c>
      <c r="DO23" s="330">
        <v>1895290</v>
      </c>
      <c r="DP23" s="330">
        <v>880147</v>
      </c>
      <c r="DQ23" s="333">
        <v>5187895</v>
      </c>
      <c r="DR23" s="336">
        <v>5187895</v>
      </c>
      <c r="DS23" s="329">
        <v>0</v>
      </c>
      <c r="DT23" s="330">
        <v>0</v>
      </c>
      <c r="DU23" s="331">
        <v>0</v>
      </c>
      <c r="DV23" s="335"/>
      <c r="DW23" s="330">
        <v>89684</v>
      </c>
      <c r="DX23" s="330">
        <v>255388</v>
      </c>
      <c r="DY23" s="330">
        <v>1593088</v>
      </c>
      <c r="DZ23" s="330">
        <v>1753348</v>
      </c>
      <c r="EA23" s="330">
        <v>831470</v>
      </c>
      <c r="EB23" s="333">
        <v>4522978</v>
      </c>
      <c r="EC23" s="334">
        <v>4522978</v>
      </c>
      <c r="ED23" s="329">
        <v>0</v>
      </c>
      <c r="EE23" s="330">
        <v>0</v>
      </c>
      <c r="EF23" s="331">
        <v>0</v>
      </c>
      <c r="EG23" s="335"/>
      <c r="EH23" s="330">
        <v>16075</v>
      </c>
      <c r="EI23" s="330">
        <v>12614</v>
      </c>
      <c r="EJ23" s="330">
        <v>30126</v>
      </c>
      <c r="EK23" s="330">
        <v>2156</v>
      </c>
      <c r="EL23" s="330">
        <v>980</v>
      </c>
      <c r="EM23" s="333">
        <v>61951</v>
      </c>
      <c r="EN23" s="334">
        <v>61951</v>
      </c>
      <c r="EO23" s="329">
        <v>0</v>
      </c>
      <c r="EP23" s="330">
        <v>0</v>
      </c>
      <c r="EQ23" s="331">
        <v>0</v>
      </c>
      <c r="ER23" s="335"/>
      <c r="ES23" s="330">
        <v>0</v>
      </c>
      <c r="ET23" s="330">
        <v>0</v>
      </c>
      <c r="EU23" s="330">
        <v>0</v>
      </c>
      <c r="EV23" s="330">
        <v>0</v>
      </c>
      <c r="EW23" s="330">
        <v>0</v>
      </c>
      <c r="EX23" s="333">
        <v>0</v>
      </c>
      <c r="EY23" s="334">
        <v>0</v>
      </c>
      <c r="EZ23" s="329">
        <v>0</v>
      </c>
      <c r="FA23" s="330">
        <v>0</v>
      </c>
      <c r="FB23" s="331">
        <v>0</v>
      </c>
      <c r="FC23" s="335"/>
      <c r="FD23" s="330">
        <v>0</v>
      </c>
      <c r="FE23" s="330">
        <v>0</v>
      </c>
      <c r="FF23" s="330">
        <v>196</v>
      </c>
      <c r="FG23" s="330">
        <v>0</v>
      </c>
      <c r="FH23" s="330">
        <v>196</v>
      </c>
      <c r="FI23" s="333">
        <v>392</v>
      </c>
      <c r="FJ23" s="334">
        <v>392</v>
      </c>
      <c r="FK23" s="329">
        <v>0</v>
      </c>
      <c r="FL23" s="330">
        <v>0</v>
      </c>
      <c r="FM23" s="331">
        <v>0</v>
      </c>
      <c r="FN23" s="335"/>
      <c r="FO23" s="330">
        <v>0</v>
      </c>
      <c r="FP23" s="330">
        <v>0</v>
      </c>
      <c r="FQ23" s="330">
        <v>0</v>
      </c>
      <c r="FR23" s="330">
        <v>0</v>
      </c>
      <c r="FS23" s="330">
        <v>0</v>
      </c>
      <c r="FT23" s="333">
        <v>0</v>
      </c>
      <c r="FU23" s="334">
        <v>0</v>
      </c>
      <c r="FV23" s="329">
        <v>0</v>
      </c>
      <c r="FW23" s="330">
        <v>0</v>
      </c>
      <c r="FX23" s="331">
        <v>0</v>
      </c>
      <c r="FY23" s="332">
        <v>0</v>
      </c>
      <c r="FZ23" s="330">
        <v>57323</v>
      </c>
      <c r="GA23" s="330">
        <v>134516</v>
      </c>
      <c r="GB23" s="330">
        <v>214856</v>
      </c>
      <c r="GC23" s="330">
        <v>139786</v>
      </c>
      <c r="GD23" s="330">
        <v>47501</v>
      </c>
      <c r="GE23" s="333">
        <v>593982</v>
      </c>
      <c r="GF23" s="334">
        <v>593982</v>
      </c>
      <c r="GG23" s="329">
        <v>0</v>
      </c>
      <c r="GH23" s="330">
        <v>0</v>
      </c>
      <c r="GI23" s="331">
        <v>0</v>
      </c>
      <c r="GJ23" s="332">
        <v>0</v>
      </c>
      <c r="GK23" s="330">
        <v>0</v>
      </c>
      <c r="GL23" s="330">
        <v>2506</v>
      </c>
      <c r="GM23" s="330">
        <v>6086</v>
      </c>
      <c r="GN23" s="330">
        <v>0</v>
      </c>
      <c r="GO23" s="330">
        <v>0</v>
      </c>
      <c r="GP23" s="333">
        <v>8592</v>
      </c>
      <c r="GQ23" s="334">
        <v>8592</v>
      </c>
      <c r="GR23" s="329">
        <v>0</v>
      </c>
      <c r="GS23" s="330">
        <v>0</v>
      </c>
      <c r="GT23" s="331">
        <v>0</v>
      </c>
      <c r="GU23" s="332">
        <v>0</v>
      </c>
      <c r="GV23" s="330">
        <v>0</v>
      </c>
      <c r="GW23" s="330">
        <v>0</v>
      </c>
      <c r="GX23" s="330">
        <v>0</v>
      </c>
      <c r="GY23" s="330">
        <v>0</v>
      </c>
      <c r="GZ23" s="330">
        <v>0</v>
      </c>
      <c r="HA23" s="333">
        <v>0</v>
      </c>
      <c r="HB23" s="334">
        <v>0</v>
      </c>
      <c r="HC23" s="329">
        <v>0</v>
      </c>
      <c r="HD23" s="330">
        <v>0</v>
      </c>
      <c r="HE23" s="331">
        <v>0</v>
      </c>
      <c r="HF23" s="335"/>
      <c r="HG23" s="330">
        <v>0</v>
      </c>
      <c r="HH23" s="330">
        <v>0</v>
      </c>
      <c r="HI23" s="330">
        <v>0</v>
      </c>
      <c r="HJ23" s="330">
        <v>0</v>
      </c>
      <c r="HK23" s="330">
        <v>0</v>
      </c>
      <c r="HL23" s="333">
        <v>0</v>
      </c>
      <c r="HM23" s="334">
        <v>0</v>
      </c>
      <c r="HN23" s="329">
        <v>0</v>
      </c>
      <c r="HO23" s="330">
        <v>0</v>
      </c>
      <c r="HP23" s="331">
        <v>0</v>
      </c>
      <c r="HQ23" s="332">
        <v>0</v>
      </c>
      <c r="HR23" s="330">
        <v>397567</v>
      </c>
      <c r="HS23" s="330">
        <v>688653</v>
      </c>
      <c r="HT23" s="330">
        <v>3239795</v>
      </c>
      <c r="HU23" s="330">
        <v>3393929</v>
      </c>
      <c r="HV23" s="330">
        <v>1537077</v>
      </c>
      <c r="HW23" s="333">
        <v>9257021</v>
      </c>
      <c r="HX23" s="334">
        <v>9257021</v>
      </c>
    </row>
    <row r="24" spans="1:232" ht="16.5" customHeight="1" x14ac:dyDescent="0.2">
      <c r="A24" s="327" t="s">
        <v>21</v>
      </c>
      <c r="B24" s="329">
        <v>0</v>
      </c>
      <c r="C24" s="330">
        <v>0</v>
      </c>
      <c r="D24" s="331">
        <v>0</v>
      </c>
      <c r="E24" s="332">
        <v>0</v>
      </c>
      <c r="F24" s="330">
        <v>146855</v>
      </c>
      <c r="G24" s="330">
        <v>451190</v>
      </c>
      <c r="H24" s="330">
        <v>1756701</v>
      </c>
      <c r="I24" s="330">
        <v>1734699</v>
      </c>
      <c r="J24" s="330">
        <v>1128761</v>
      </c>
      <c r="K24" s="333">
        <v>5218206</v>
      </c>
      <c r="L24" s="334">
        <v>5218206</v>
      </c>
      <c r="M24" s="329">
        <v>0</v>
      </c>
      <c r="N24" s="330">
        <v>0</v>
      </c>
      <c r="O24" s="331">
        <v>0</v>
      </c>
      <c r="P24" s="335"/>
      <c r="Q24" s="330">
        <v>2380</v>
      </c>
      <c r="R24" s="330">
        <v>200860</v>
      </c>
      <c r="S24" s="330">
        <v>1359538</v>
      </c>
      <c r="T24" s="330">
        <v>1359687</v>
      </c>
      <c r="U24" s="330">
        <v>823787</v>
      </c>
      <c r="V24" s="333">
        <v>3746252</v>
      </c>
      <c r="W24" s="334">
        <v>3746252</v>
      </c>
      <c r="X24" s="329">
        <v>0</v>
      </c>
      <c r="Y24" s="330">
        <v>0</v>
      </c>
      <c r="Z24" s="331">
        <v>0</v>
      </c>
      <c r="AA24" s="335"/>
      <c r="AB24" s="330">
        <v>140055</v>
      </c>
      <c r="AC24" s="330">
        <v>236510</v>
      </c>
      <c r="AD24" s="330">
        <v>182495</v>
      </c>
      <c r="AE24" s="330">
        <v>171705</v>
      </c>
      <c r="AF24" s="330">
        <v>200500</v>
      </c>
      <c r="AG24" s="333">
        <v>931265</v>
      </c>
      <c r="AH24" s="334">
        <v>931265</v>
      </c>
      <c r="AI24" s="329">
        <v>0</v>
      </c>
      <c r="AJ24" s="330">
        <v>0</v>
      </c>
      <c r="AK24" s="331">
        <v>0</v>
      </c>
      <c r="AL24" s="335"/>
      <c r="AM24" s="330">
        <v>0</v>
      </c>
      <c r="AN24" s="330">
        <v>0</v>
      </c>
      <c r="AO24" s="330">
        <v>2380</v>
      </c>
      <c r="AP24" s="330">
        <v>0</v>
      </c>
      <c r="AQ24" s="330">
        <v>34300</v>
      </c>
      <c r="AR24" s="333">
        <v>36680</v>
      </c>
      <c r="AS24" s="334">
        <v>36680</v>
      </c>
      <c r="AT24" s="329">
        <v>0</v>
      </c>
      <c r="AU24" s="330">
        <v>0</v>
      </c>
      <c r="AV24" s="331">
        <v>0</v>
      </c>
      <c r="AW24" s="335"/>
      <c r="AX24" s="330">
        <v>0</v>
      </c>
      <c r="AY24" s="330">
        <v>0</v>
      </c>
      <c r="AZ24" s="330">
        <v>32060</v>
      </c>
      <c r="BA24" s="330">
        <v>27020</v>
      </c>
      <c r="BB24" s="330">
        <v>27020</v>
      </c>
      <c r="BC24" s="333">
        <v>86100</v>
      </c>
      <c r="BD24" s="334">
        <v>86100</v>
      </c>
      <c r="BE24" s="329">
        <v>0</v>
      </c>
      <c r="BF24" s="330">
        <v>0</v>
      </c>
      <c r="BG24" s="331">
        <v>0</v>
      </c>
      <c r="BH24" s="335"/>
      <c r="BI24" s="330">
        <v>0</v>
      </c>
      <c r="BJ24" s="330">
        <v>0</v>
      </c>
      <c r="BK24" s="330">
        <v>0</v>
      </c>
      <c r="BL24" s="330">
        <v>0</v>
      </c>
      <c r="BM24" s="330">
        <v>0</v>
      </c>
      <c r="BN24" s="333">
        <v>0</v>
      </c>
      <c r="BO24" s="334">
        <v>0</v>
      </c>
      <c r="BP24" s="329">
        <v>0</v>
      </c>
      <c r="BQ24" s="330">
        <v>0</v>
      </c>
      <c r="BR24" s="331">
        <v>0</v>
      </c>
      <c r="BS24" s="332">
        <v>0</v>
      </c>
      <c r="BT24" s="330">
        <v>4420</v>
      </c>
      <c r="BU24" s="330">
        <v>13820</v>
      </c>
      <c r="BV24" s="330">
        <v>179648</v>
      </c>
      <c r="BW24" s="330">
        <v>176287</v>
      </c>
      <c r="BX24" s="330">
        <v>43154</v>
      </c>
      <c r="BY24" s="333">
        <v>417329</v>
      </c>
      <c r="BZ24" s="334">
        <v>417329</v>
      </c>
      <c r="CA24" s="329">
        <v>0</v>
      </c>
      <c r="CB24" s="330">
        <v>0</v>
      </c>
      <c r="CC24" s="331">
        <v>0</v>
      </c>
      <c r="CD24" s="332">
        <v>0</v>
      </c>
      <c r="CE24" s="330">
        <v>0</v>
      </c>
      <c r="CF24" s="330">
        <v>0</v>
      </c>
      <c r="CG24" s="330">
        <v>580</v>
      </c>
      <c r="CH24" s="330">
        <v>0</v>
      </c>
      <c r="CI24" s="330">
        <v>0</v>
      </c>
      <c r="CJ24" s="333">
        <v>580</v>
      </c>
      <c r="CK24" s="334">
        <v>580</v>
      </c>
      <c r="CL24" s="329">
        <v>0</v>
      </c>
      <c r="CM24" s="330">
        <v>0</v>
      </c>
      <c r="CN24" s="331">
        <v>0</v>
      </c>
      <c r="CO24" s="332">
        <v>0</v>
      </c>
      <c r="CP24" s="330">
        <v>0</v>
      </c>
      <c r="CQ24" s="330">
        <v>0</v>
      </c>
      <c r="CR24" s="330">
        <v>0</v>
      </c>
      <c r="CS24" s="330">
        <v>0</v>
      </c>
      <c r="CT24" s="330">
        <v>0</v>
      </c>
      <c r="CU24" s="333">
        <v>0</v>
      </c>
      <c r="CV24" s="334">
        <v>0</v>
      </c>
      <c r="CW24" s="329">
        <v>0</v>
      </c>
      <c r="CX24" s="330">
        <v>0</v>
      </c>
      <c r="CY24" s="331">
        <v>0</v>
      </c>
      <c r="CZ24" s="335"/>
      <c r="DA24" s="330">
        <v>0</v>
      </c>
      <c r="DB24" s="330">
        <v>0</v>
      </c>
      <c r="DC24" s="330">
        <v>0</v>
      </c>
      <c r="DD24" s="330">
        <v>0</v>
      </c>
      <c r="DE24" s="330">
        <v>0</v>
      </c>
      <c r="DF24" s="333">
        <v>0</v>
      </c>
      <c r="DG24" s="334">
        <v>0</v>
      </c>
      <c r="DH24" s="329">
        <v>0</v>
      </c>
      <c r="DI24" s="330">
        <v>0</v>
      </c>
      <c r="DJ24" s="331">
        <v>0</v>
      </c>
      <c r="DK24" s="332">
        <v>0</v>
      </c>
      <c r="DL24" s="330">
        <v>41758</v>
      </c>
      <c r="DM24" s="330">
        <v>321600</v>
      </c>
      <c r="DN24" s="330">
        <v>1979826</v>
      </c>
      <c r="DO24" s="330">
        <v>2029305</v>
      </c>
      <c r="DP24" s="330">
        <v>1221889</v>
      </c>
      <c r="DQ24" s="333">
        <v>5594378</v>
      </c>
      <c r="DR24" s="336">
        <v>5594378</v>
      </c>
      <c r="DS24" s="329">
        <v>0</v>
      </c>
      <c r="DT24" s="330">
        <v>0</v>
      </c>
      <c r="DU24" s="331">
        <v>0</v>
      </c>
      <c r="DV24" s="335"/>
      <c r="DW24" s="330">
        <v>13580</v>
      </c>
      <c r="DX24" s="330">
        <v>230988</v>
      </c>
      <c r="DY24" s="330">
        <v>1594957</v>
      </c>
      <c r="DZ24" s="330">
        <v>1817982</v>
      </c>
      <c r="EA24" s="330">
        <v>1128098</v>
      </c>
      <c r="EB24" s="333">
        <v>4785605</v>
      </c>
      <c r="EC24" s="334">
        <v>4785605</v>
      </c>
      <c r="ED24" s="329">
        <v>0</v>
      </c>
      <c r="EE24" s="330">
        <v>0</v>
      </c>
      <c r="EF24" s="331">
        <v>0</v>
      </c>
      <c r="EG24" s="335"/>
      <c r="EH24" s="330">
        <v>12509</v>
      </c>
      <c r="EI24" s="330">
        <v>35074</v>
      </c>
      <c r="EJ24" s="330">
        <v>44706</v>
      </c>
      <c r="EK24" s="330">
        <v>2639</v>
      </c>
      <c r="EL24" s="330">
        <v>22281</v>
      </c>
      <c r="EM24" s="333">
        <v>117209</v>
      </c>
      <c r="EN24" s="334">
        <v>117209</v>
      </c>
      <c r="EO24" s="329">
        <v>0</v>
      </c>
      <c r="EP24" s="330">
        <v>0</v>
      </c>
      <c r="EQ24" s="331">
        <v>0</v>
      </c>
      <c r="ER24" s="335"/>
      <c r="ES24" s="330">
        <v>0</v>
      </c>
      <c r="ET24" s="330">
        <v>0</v>
      </c>
      <c r="EU24" s="330">
        <v>196</v>
      </c>
      <c r="EV24" s="330">
        <v>0</v>
      </c>
      <c r="EW24" s="330">
        <v>0</v>
      </c>
      <c r="EX24" s="333">
        <v>196</v>
      </c>
      <c r="EY24" s="334">
        <v>196</v>
      </c>
      <c r="EZ24" s="329">
        <v>0</v>
      </c>
      <c r="FA24" s="330">
        <v>0</v>
      </c>
      <c r="FB24" s="331">
        <v>0</v>
      </c>
      <c r="FC24" s="335"/>
      <c r="FD24" s="330">
        <v>0</v>
      </c>
      <c r="FE24" s="330">
        <v>0</v>
      </c>
      <c r="FF24" s="330">
        <v>10556</v>
      </c>
      <c r="FG24" s="330">
        <v>588</v>
      </c>
      <c r="FH24" s="330">
        <v>588</v>
      </c>
      <c r="FI24" s="333">
        <v>11732</v>
      </c>
      <c r="FJ24" s="334">
        <v>11732</v>
      </c>
      <c r="FK24" s="329">
        <v>0</v>
      </c>
      <c r="FL24" s="330">
        <v>0</v>
      </c>
      <c r="FM24" s="331">
        <v>0</v>
      </c>
      <c r="FN24" s="335"/>
      <c r="FO24" s="330">
        <v>0</v>
      </c>
      <c r="FP24" s="330">
        <v>0</v>
      </c>
      <c r="FQ24" s="330">
        <v>0</v>
      </c>
      <c r="FR24" s="330">
        <v>0</v>
      </c>
      <c r="FS24" s="330">
        <v>0</v>
      </c>
      <c r="FT24" s="333">
        <v>0</v>
      </c>
      <c r="FU24" s="334">
        <v>0</v>
      </c>
      <c r="FV24" s="329">
        <v>0</v>
      </c>
      <c r="FW24" s="330">
        <v>0</v>
      </c>
      <c r="FX24" s="331">
        <v>0</v>
      </c>
      <c r="FY24" s="332">
        <v>0</v>
      </c>
      <c r="FZ24" s="330">
        <v>15669</v>
      </c>
      <c r="GA24" s="330">
        <v>55538</v>
      </c>
      <c r="GB24" s="330">
        <v>329376</v>
      </c>
      <c r="GC24" s="330">
        <v>208096</v>
      </c>
      <c r="GD24" s="330">
        <v>70922</v>
      </c>
      <c r="GE24" s="333">
        <v>679601</v>
      </c>
      <c r="GF24" s="334">
        <v>679601</v>
      </c>
      <c r="GG24" s="329">
        <v>0</v>
      </c>
      <c r="GH24" s="330">
        <v>0</v>
      </c>
      <c r="GI24" s="331">
        <v>0</v>
      </c>
      <c r="GJ24" s="332">
        <v>0</v>
      </c>
      <c r="GK24" s="330">
        <v>0</v>
      </c>
      <c r="GL24" s="330">
        <v>0</v>
      </c>
      <c r="GM24" s="330">
        <v>35</v>
      </c>
      <c r="GN24" s="330">
        <v>0</v>
      </c>
      <c r="GO24" s="330">
        <v>0</v>
      </c>
      <c r="GP24" s="333">
        <v>35</v>
      </c>
      <c r="GQ24" s="334">
        <v>35</v>
      </c>
      <c r="GR24" s="329">
        <v>0</v>
      </c>
      <c r="GS24" s="330">
        <v>0</v>
      </c>
      <c r="GT24" s="331">
        <v>0</v>
      </c>
      <c r="GU24" s="332">
        <v>0</v>
      </c>
      <c r="GV24" s="330">
        <v>0</v>
      </c>
      <c r="GW24" s="330">
        <v>0</v>
      </c>
      <c r="GX24" s="330">
        <v>0</v>
      </c>
      <c r="GY24" s="330">
        <v>0</v>
      </c>
      <c r="GZ24" s="330">
        <v>0</v>
      </c>
      <c r="HA24" s="333">
        <v>0</v>
      </c>
      <c r="HB24" s="334">
        <v>0</v>
      </c>
      <c r="HC24" s="329">
        <v>0</v>
      </c>
      <c r="HD24" s="330">
        <v>0</v>
      </c>
      <c r="HE24" s="331">
        <v>0</v>
      </c>
      <c r="HF24" s="335"/>
      <c r="HG24" s="330">
        <v>0</v>
      </c>
      <c r="HH24" s="330">
        <v>0</v>
      </c>
      <c r="HI24" s="330">
        <v>0</v>
      </c>
      <c r="HJ24" s="330">
        <v>0</v>
      </c>
      <c r="HK24" s="330">
        <v>0</v>
      </c>
      <c r="HL24" s="333">
        <v>0</v>
      </c>
      <c r="HM24" s="334">
        <v>0</v>
      </c>
      <c r="HN24" s="329">
        <v>0</v>
      </c>
      <c r="HO24" s="330">
        <v>0</v>
      </c>
      <c r="HP24" s="331">
        <v>0</v>
      </c>
      <c r="HQ24" s="332">
        <v>0</v>
      </c>
      <c r="HR24" s="330">
        <v>188613</v>
      </c>
      <c r="HS24" s="330">
        <v>772790</v>
      </c>
      <c r="HT24" s="330">
        <v>3736527</v>
      </c>
      <c r="HU24" s="330">
        <v>3764004</v>
      </c>
      <c r="HV24" s="330">
        <v>2350650</v>
      </c>
      <c r="HW24" s="333">
        <v>10812584</v>
      </c>
      <c r="HX24" s="334">
        <v>10812584</v>
      </c>
    </row>
    <row r="25" spans="1:232" ht="16.5" customHeight="1" x14ac:dyDescent="0.2">
      <c r="A25" s="327" t="s">
        <v>22</v>
      </c>
      <c r="B25" s="329">
        <v>0</v>
      </c>
      <c r="C25" s="330">
        <v>0</v>
      </c>
      <c r="D25" s="331">
        <v>0</v>
      </c>
      <c r="E25" s="332">
        <v>0</v>
      </c>
      <c r="F25" s="330">
        <v>56795</v>
      </c>
      <c r="G25" s="330">
        <v>348200</v>
      </c>
      <c r="H25" s="330">
        <v>771740</v>
      </c>
      <c r="I25" s="330">
        <v>851780</v>
      </c>
      <c r="J25" s="330">
        <v>546660</v>
      </c>
      <c r="K25" s="333">
        <v>2575175</v>
      </c>
      <c r="L25" s="334">
        <v>2575175</v>
      </c>
      <c r="M25" s="329">
        <v>0</v>
      </c>
      <c r="N25" s="330">
        <v>0</v>
      </c>
      <c r="O25" s="331">
        <v>0</v>
      </c>
      <c r="P25" s="335"/>
      <c r="Q25" s="330">
        <v>0</v>
      </c>
      <c r="R25" s="330">
        <v>63840</v>
      </c>
      <c r="S25" s="330">
        <v>466180</v>
      </c>
      <c r="T25" s="330">
        <v>491280</v>
      </c>
      <c r="U25" s="330">
        <v>260820</v>
      </c>
      <c r="V25" s="333">
        <v>1282120</v>
      </c>
      <c r="W25" s="334">
        <v>1282120</v>
      </c>
      <c r="X25" s="329">
        <v>0</v>
      </c>
      <c r="Y25" s="330">
        <v>0</v>
      </c>
      <c r="Z25" s="331">
        <v>0</v>
      </c>
      <c r="AA25" s="335"/>
      <c r="AB25" s="330">
        <v>49275</v>
      </c>
      <c r="AC25" s="330">
        <v>250975</v>
      </c>
      <c r="AD25" s="330">
        <v>95620</v>
      </c>
      <c r="AE25" s="330">
        <v>238560</v>
      </c>
      <c r="AF25" s="330">
        <v>233600</v>
      </c>
      <c r="AG25" s="333">
        <v>868030</v>
      </c>
      <c r="AH25" s="334">
        <v>868030</v>
      </c>
      <c r="AI25" s="329">
        <v>0</v>
      </c>
      <c r="AJ25" s="330">
        <v>0</v>
      </c>
      <c r="AK25" s="331">
        <v>0</v>
      </c>
      <c r="AL25" s="335"/>
      <c r="AM25" s="330">
        <v>0</v>
      </c>
      <c r="AN25" s="330">
        <v>0</v>
      </c>
      <c r="AO25" s="330">
        <v>0</v>
      </c>
      <c r="AP25" s="330">
        <v>0</v>
      </c>
      <c r="AQ25" s="330">
        <v>27020</v>
      </c>
      <c r="AR25" s="333">
        <v>27020</v>
      </c>
      <c r="AS25" s="334">
        <v>27020</v>
      </c>
      <c r="AT25" s="329">
        <v>0</v>
      </c>
      <c r="AU25" s="330">
        <v>0</v>
      </c>
      <c r="AV25" s="331">
        <v>0</v>
      </c>
      <c r="AW25" s="335"/>
      <c r="AX25" s="330">
        <v>0</v>
      </c>
      <c r="AY25" s="330">
        <v>0</v>
      </c>
      <c r="AZ25" s="330">
        <v>32060</v>
      </c>
      <c r="BA25" s="330">
        <v>2380</v>
      </c>
      <c r="BB25" s="330">
        <v>22260</v>
      </c>
      <c r="BC25" s="333">
        <v>56700</v>
      </c>
      <c r="BD25" s="334">
        <v>56700</v>
      </c>
      <c r="BE25" s="329">
        <v>0</v>
      </c>
      <c r="BF25" s="330">
        <v>0</v>
      </c>
      <c r="BG25" s="331">
        <v>0</v>
      </c>
      <c r="BH25" s="335"/>
      <c r="BI25" s="330">
        <v>0</v>
      </c>
      <c r="BJ25" s="330">
        <v>0</v>
      </c>
      <c r="BK25" s="330">
        <v>91550</v>
      </c>
      <c r="BL25" s="330">
        <v>115500</v>
      </c>
      <c r="BM25" s="330">
        <v>2380</v>
      </c>
      <c r="BN25" s="333">
        <v>209430</v>
      </c>
      <c r="BO25" s="334">
        <v>209430</v>
      </c>
      <c r="BP25" s="329">
        <v>0</v>
      </c>
      <c r="BQ25" s="330">
        <v>0</v>
      </c>
      <c r="BR25" s="331">
        <v>0</v>
      </c>
      <c r="BS25" s="332">
        <v>0</v>
      </c>
      <c r="BT25" s="330">
        <v>1780</v>
      </c>
      <c r="BU25" s="330">
        <v>33385</v>
      </c>
      <c r="BV25" s="330">
        <v>86330</v>
      </c>
      <c r="BW25" s="330">
        <v>4060</v>
      </c>
      <c r="BX25" s="330">
        <v>580</v>
      </c>
      <c r="BY25" s="333">
        <v>126135</v>
      </c>
      <c r="BZ25" s="334">
        <v>126135</v>
      </c>
      <c r="CA25" s="329">
        <v>0</v>
      </c>
      <c r="CB25" s="330">
        <v>0</v>
      </c>
      <c r="CC25" s="331">
        <v>0</v>
      </c>
      <c r="CD25" s="332">
        <v>0</v>
      </c>
      <c r="CE25" s="330">
        <v>5740</v>
      </c>
      <c r="CF25" s="330">
        <v>0</v>
      </c>
      <c r="CG25" s="330">
        <v>0</v>
      </c>
      <c r="CH25" s="330">
        <v>0</v>
      </c>
      <c r="CI25" s="330">
        <v>0</v>
      </c>
      <c r="CJ25" s="333">
        <v>5740</v>
      </c>
      <c r="CK25" s="334">
        <v>5740</v>
      </c>
      <c r="CL25" s="329">
        <v>0</v>
      </c>
      <c r="CM25" s="330">
        <v>0</v>
      </c>
      <c r="CN25" s="331">
        <v>0</v>
      </c>
      <c r="CO25" s="332">
        <v>0</v>
      </c>
      <c r="CP25" s="330">
        <v>0</v>
      </c>
      <c r="CQ25" s="330">
        <v>0</v>
      </c>
      <c r="CR25" s="330">
        <v>0</v>
      </c>
      <c r="CS25" s="330">
        <v>0</v>
      </c>
      <c r="CT25" s="330">
        <v>0</v>
      </c>
      <c r="CU25" s="333">
        <v>0</v>
      </c>
      <c r="CV25" s="334">
        <v>0</v>
      </c>
      <c r="CW25" s="329">
        <v>0</v>
      </c>
      <c r="CX25" s="330">
        <v>0</v>
      </c>
      <c r="CY25" s="331">
        <v>0</v>
      </c>
      <c r="CZ25" s="335"/>
      <c r="DA25" s="330">
        <v>0</v>
      </c>
      <c r="DB25" s="330">
        <v>0</v>
      </c>
      <c r="DC25" s="330">
        <v>0</v>
      </c>
      <c r="DD25" s="330">
        <v>0</v>
      </c>
      <c r="DE25" s="330">
        <v>0</v>
      </c>
      <c r="DF25" s="333">
        <v>0</v>
      </c>
      <c r="DG25" s="334">
        <v>0</v>
      </c>
      <c r="DH25" s="329">
        <v>0</v>
      </c>
      <c r="DI25" s="330">
        <v>0</v>
      </c>
      <c r="DJ25" s="331">
        <v>0</v>
      </c>
      <c r="DK25" s="332">
        <v>0</v>
      </c>
      <c r="DL25" s="330">
        <v>3065</v>
      </c>
      <c r="DM25" s="330">
        <v>100021</v>
      </c>
      <c r="DN25" s="330">
        <v>700018</v>
      </c>
      <c r="DO25" s="330">
        <v>834559</v>
      </c>
      <c r="DP25" s="330">
        <v>387164</v>
      </c>
      <c r="DQ25" s="333">
        <v>2024827</v>
      </c>
      <c r="DR25" s="336">
        <v>2024827</v>
      </c>
      <c r="DS25" s="329">
        <v>0</v>
      </c>
      <c r="DT25" s="330">
        <v>0</v>
      </c>
      <c r="DU25" s="331">
        <v>0</v>
      </c>
      <c r="DV25" s="335"/>
      <c r="DW25" s="330">
        <v>0</v>
      </c>
      <c r="DX25" s="330">
        <v>46816</v>
      </c>
      <c r="DY25" s="330">
        <v>471936</v>
      </c>
      <c r="DZ25" s="330">
        <v>608582</v>
      </c>
      <c r="EA25" s="330">
        <v>291116</v>
      </c>
      <c r="EB25" s="333">
        <v>1418450</v>
      </c>
      <c r="EC25" s="334">
        <v>1418450</v>
      </c>
      <c r="ED25" s="329">
        <v>0</v>
      </c>
      <c r="EE25" s="330">
        <v>0</v>
      </c>
      <c r="EF25" s="331">
        <v>0</v>
      </c>
      <c r="EG25" s="335"/>
      <c r="EH25" s="330">
        <v>868</v>
      </c>
      <c r="EI25" s="330">
        <v>18339</v>
      </c>
      <c r="EJ25" s="330">
        <v>11592</v>
      </c>
      <c r="EK25" s="330">
        <v>13104</v>
      </c>
      <c r="EL25" s="330">
        <v>44884</v>
      </c>
      <c r="EM25" s="333">
        <v>88787</v>
      </c>
      <c r="EN25" s="334">
        <v>88787</v>
      </c>
      <c r="EO25" s="329">
        <v>0</v>
      </c>
      <c r="EP25" s="330">
        <v>0</v>
      </c>
      <c r="EQ25" s="331">
        <v>0</v>
      </c>
      <c r="ER25" s="335"/>
      <c r="ES25" s="330">
        <v>0</v>
      </c>
      <c r="ET25" s="330">
        <v>0</v>
      </c>
      <c r="EU25" s="330">
        <v>0</v>
      </c>
      <c r="EV25" s="330">
        <v>0</v>
      </c>
      <c r="EW25" s="330">
        <v>19880</v>
      </c>
      <c r="EX25" s="333">
        <v>19880</v>
      </c>
      <c r="EY25" s="334">
        <v>19880</v>
      </c>
      <c r="EZ25" s="329">
        <v>0</v>
      </c>
      <c r="FA25" s="330">
        <v>0</v>
      </c>
      <c r="FB25" s="331">
        <v>0</v>
      </c>
      <c r="FC25" s="335"/>
      <c r="FD25" s="330">
        <v>0</v>
      </c>
      <c r="FE25" s="330">
        <v>0</v>
      </c>
      <c r="FF25" s="330">
        <v>10556</v>
      </c>
      <c r="FG25" s="330">
        <v>196</v>
      </c>
      <c r="FH25" s="330">
        <v>10024</v>
      </c>
      <c r="FI25" s="333">
        <v>20776</v>
      </c>
      <c r="FJ25" s="334">
        <v>20776</v>
      </c>
      <c r="FK25" s="329">
        <v>0</v>
      </c>
      <c r="FL25" s="330">
        <v>0</v>
      </c>
      <c r="FM25" s="331">
        <v>0</v>
      </c>
      <c r="FN25" s="335"/>
      <c r="FO25" s="330">
        <v>0</v>
      </c>
      <c r="FP25" s="330">
        <v>0</v>
      </c>
      <c r="FQ25" s="330">
        <v>86860</v>
      </c>
      <c r="FR25" s="330">
        <v>201320</v>
      </c>
      <c r="FS25" s="330">
        <v>19320</v>
      </c>
      <c r="FT25" s="333">
        <v>307500</v>
      </c>
      <c r="FU25" s="334">
        <v>307500</v>
      </c>
      <c r="FV25" s="329">
        <v>0</v>
      </c>
      <c r="FW25" s="330">
        <v>0</v>
      </c>
      <c r="FX25" s="331">
        <v>0</v>
      </c>
      <c r="FY25" s="332">
        <v>0</v>
      </c>
      <c r="FZ25" s="330">
        <v>2106</v>
      </c>
      <c r="GA25" s="330">
        <v>34866</v>
      </c>
      <c r="GB25" s="330">
        <v>119074</v>
      </c>
      <c r="GC25" s="330">
        <v>11357</v>
      </c>
      <c r="GD25" s="330">
        <v>1940</v>
      </c>
      <c r="GE25" s="333">
        <v>169343</v>
      </c>
      <c r="GF25" s="334">
        <v>169343</v>
      </c>
      <c r="GG25" s="329">
        <v>0</v>
      </c>
      <c r="GH25" s="330">
        <v>0</v>
      </c>
      <c r="GI25" s="331">
        <v>0</v>
      </c>
      <c r="GJ25" s="332">
        <v>0</v>
      </c>
      <c r="GK25" s="330">
        <v>91</v>
      </c>
      <c r="GL25" s="330">
        <v>0</v>
      </c>
      <c r="GM25" s="330">
        <v>0</v>
      </c>
      <c r="GN25" s="330">
        <v>0</v>
      </c>
      <c r="GO25" s="330">
        <v>0</v>
      </c>
      <c r="GP25" s="333">
        <v>91</v>
      </c>
      <c r="GQ25" s="334">
        <v>91</v>
      </c>
      <c r="GR25" s="329">
        <v>0</v>
      </c>
      <c r="GS25" s="330">
        <v>0</v>
      </c>
      <c r="GT25" s="331">
        <v>0</v>
      </c>
      <c r="GU25" s="332">
        <v>0</v>
      </c>
      <c r="GV25" s="330">
        <v>0</v>
      </c>
      <c r="GW25" s="330">
        <v>0</v>
      </c>
      <c r="GX25" s="330">
        <v>0</v>
      </c>
      <c r="GY25" s="330">
        <v>0</v>
      </c>
      <c r="GZ25" s="330">
        <v>0</v>
      </c>
      <c r="HA25" s="333">
        <v>0</v>
      </c>
      <c r="HB25" s="334">
        <v>0</v>
      </c>
      <c r="HC25" s="329">
        <v>0</v>
      </c>
      <c r="HD25" s="330">
        <v>0</v>
      </c>
      <c r="HE25" s="331">
        <v>0</v>
      </c>
      <c r="HF25" s="335"/>
      <c r="HG25" s="330">
        <v>0</v>
      </c>
      <c r="HH25" s="330">
        <v>0</v>
      </c>
      <c r="HI25" s="330">
        <v>0</v>
      </c>
      <c r="HJ25" s="330">
        <v>0</v>
      </c>
      <c r="HK25" s="330">
        <v>0</v>
      </c>
      <c r="HL25" s="333">
        <v>0</v>
      </c>
      <c r="HM25" s="334">
        <v>0</v>
      </c>
      <c r="HN25" s="329">
        <v>0</v>
      </c>
      <c r="HO25" s="330">
        <v>0</v>
      </c>
      <c r="HP25" s="331">
        <v>0</v>
      </c>
      <c r="HQ25" s="332">
        <v>0</v>
      </c>
      <c r="HR25" s="330">
        <v>59860</v>
      </c>
      <c r="HS25" s="330">
        <v>448221</v>
      </c>
      <c r="HT25" s="330">
        <v>1471758</v>
      </c>
      <c r="HU25" s="330">
        <v>1686339</v>
      </c>
      <c r="HV25" s="330">
        <v>933824</v>
      </c>
      <c r="HW25" s="333">
        <v>4600002</v>
      </c>
      <c r="HX25" s="334">
        <v>4600002</v>
      </c>
    </row>
    <row r="26" spans="1:232" ht="16.5" customHeight="1" x14ac:dyDescent="0.2">
      <c r="A26" s="327" t="s">
        <v>23</v>
      </c>
      <c r="B26" s="329">
        <v>290</v>
      </c>
      <c r="C26" s="330">
        <v>0</v>
      </c>
      <c r="D26" s="331">
        <v>290</v>
      </c>
      <c r="E26" s="332">
        <v>0</v>
      </c>
      <c r="F26" s="330">
        <v>132761</v>
      </c>
      <c r="G26" s="330">
        <v>390981</v>
      </c>
      <c r="H26" s="330">
        <v>796540</v>
      </c>
      <c r="I26" s="330">
        <v>1210323</v>
      </c>
      <c r="J26" s="330">
        <v>801155</v>
      </c>
      <c r="K26" s="333">
        <v>3331760</v>
      </c>
      <c r="L26" s="334">
        <v>3332050</v>
      </c>
      <c r="M26" s="329">
        <v>0</v>
      </c>
      <c r="N26" s="330">
        <v>0</v>
      </c>
      <c r="O26" s="331">
        <v>0</v>
      </c>
      <c r="P26" s="335"/>
      <c r="Q26" s="330">
        <v>31920</v>
      </c>
      <c r="R26" s="330">
        <v>159740</v>
      </c>
      <c r="S26" s="330">
        <v>510775</v>
      </c>
      <c r="T26" s="330">
        <v>925575</v>
      </c>
      <c r="U26" s="330">
        <v>602020</v>
      </c>
      <c r="V26" s="333">
        <v>2230030</v>
      </c>
      <c r="W26" s="334">
        <v>2230030</v>
      </c>
      <c r="X26" s="329">
        <v>0</v>
      </c>
      <c r="Y26" s="330">
        <v>0</v>
      </c>
      <c r="Z26" s="331">
        <v>0</v>
      </c>
      <c r="AA26" s="335"/>
      <c r="AB26" s="330">
        <v>67520</v>
      </c>
      <c r="AC26" s="330">
        <v>176905</v>
      </c>
      <c r="AD26" s="330">
        <v>251295</v>
      </c>
      <c r="AE26" s="330">
        <v>173480</v>
      </c>
      <c r="AF26" s="330">
        <v>143445</v>
      </c>
      <c r="AG26" s="333">
        <v>812645</v>
      </c>
      <c r="AH26" s="334">
        <v>812645</v>
      </c>
      <c r="AI26" s="329">
        <v>0</v>
      </c>
      <c r="AJ26" s="330">
        <v>0</v>
      </c>
      <c r="AK26" s="331">
        <v>0</v>
      </c>
      <c r="AL26" s="335"/>
      <c r="AM26" s="330">
        <v>0</v>
      </c>
      <c r="AN26" s="330">
        <v>0</v>
      </c>
      <c r="AO26" s="330">
        <v>0</v>
      </c>
      <c r="AP26" s="330">
        <v>31920</v>
      </c>
      <c r="AQ26" s="330">
        <v>0</v>
      </c>
      <c r="AR26" s="333">
        <v>31920</v>
      </c>
      <c r="AS26" s="334">
        <v>31920</v>
      </c>
      <c r="AT26" s="329">
        <v>0</v>
      </c>
      <c r="AU26" s="330">
        <v>0</v>
      </c>
      <c r="AV26" s="331">
        <v>0</v>
      </c>
      <c r="AW26" s="335"/>
      <c r="AX26" s="330">
        <v>0</v>
      </c>
      <c r="AY26" s="330">
        <v>0</v>
      </c>
      <c r="AZ26" s="330">
        <v>0</v>
      </c>
      <c r="BA26" s="330">
        <v>22260</v>
      </c>
      <c r="BB26" s="330">
        <v>23620</v>
      </c>
      <c r="BC26" s="333">
        <v>45880</v>
      </c>
      <c r="BD26" s="334">
        <v>45880</v>
      </c>
      <c r="BE26" s="329">
        <v>0</v>
      </c>
      <c r="BF26" s="330">
        <v>0</v>
      </c>
      <c r="BG26" s="331">
        <v>0</v>
      </c>
      <c r="BH26" s="335"/>
      <c r="BI26" s="330">
        <v>0</v>
      </c>
      <c r="BJ26" s="330">
        <v>0</v>
      </c>
      <c r="BK26" s="330">
        <v>0</v>
      </c>
      <c r="BL26" s="330">
        <v>0</v>
      </c>
      <c r="BM26" s="330">
        <v>0</v>
      </c>
      <c r="BN26" s="333">
        <v>0</v>
      </c>
      <c r="BO26" s="334">
        <v>0</v>
      </c>
      <c r="BP26" s="329">
        <v>290</v>
      </c>
      <c r="BQ26" s="330">
        <v>0</v>
      </c>
      <c r="BR26" s="331">
        <v>290</v>
      </c>
      <c r="BS26" s="332">
        <v>0</v>
      </c>
      <c r="BT26" s="330">
        <v>33321</v>
      </c>
      <c r="BU26" s="330">
        <v>52870</v>
      </c>
      <c r="BV26" s="330">
        <v>34470</v>
      </c>
      <c r="BW26" s="330">
        <v>57088</v>
      </c>
      <c r="BX26" s="330">
        <v>32070</v>
      </c>
      <c r="BY26" s="333">
        <v>209819</v>
      </c>
      <c r="BZ26" s="334">
        <v>210109</v>
      </c>
      <c r="CA26" s="329">
        <v>0</v>
      </c>
      <c r="CB26" s="330">
        <v>0</v>
      </c>
      <c r="CC26" s="331">
        <v>0</v>
      </c>
      <c r="CD26" s="332">
        <v>0</v>
      </c>
      <c r="CE26" s="330">
        <v>0</v>
      </c>
      <c r="CF26" s="330">
        <v>1466</v>
      </c>
      <c r="CG26" s="330">
        <v>0</v>
      </c>
      <c r="CH26" s="330">
        <v>0</v>
      </c>
      <c r="CI26" s="330">
        <v>0</v>
      </c>
      <c r="CJ26" s="333">
        <v>1466</v>
      </c>
      <c r="CK26" s="334">
        <v>1466</v>
      </c>
      <c r="CL26" s="329">
        <v>0</v>
      </c>
      <c r="CM26" s="330">
        <v>0</v>
      </c>
      <c r="CN26" s="331">
        <v>0</v>
      </c>
      <c r="CO26" s="332">
        <v>0</v>
      </c>
      <c r="CP26" s="330">
        <v>0</v>
      </c>
      <c r="CQ26" s="330">
        <v>0</v>
      </c>
      <c r="CR26" s="330">
        <v>0</v>
      </c>
      <c r="CS26" s="330">
        <v>0</v>
      </c>
      <c r="CT26" s="330">
        <v>0</v>
      </c>
      <c r="CU26" s="333">
        <v>0</v>
      </c>
      <c r="CV26" s="334">
        <v>0</v>
      </c>
      <c r="CW26" s="329">
        <v>0</v>
      </c>
      <c r="CX26" s="330">
        <v>0</v>
      </c>
      <c r="CY26" s="331">
        <v>0</v>
      </c>
      <c r="CZ26" s="335"/>
      <c r="DA26" s="330">
        <v>0</v>
      </c>
      <c r="DB26" s="330">
        <v>0</v>
      </c>
      <c r="DC26" s="330">
        <v>0</v>
      </c>
      <c r="DD26" s="330">
        <v>0</v>
      </c>
      <c r="DE26" s="330">
        <v>0</v>
      </c>
      <c r="DF26" s="333">
        <v>0</v>
      </c>
      <c r="DG26" s="334">
        <v>0</v>
      </c>
      <c r="DH26" s="329">
        <v>4176</v>
      </c>
      <c r="DI26" s="330">
        <v>0</v>
      </c>
      <c r="DJ26" s="331">
        <v>4176</v>
      </c>
      <c r="DK26" s="332">
        <v>0</v>
      </c>
      <c r="DL26" s="330">
        <v>100042</v>
      </c>
      <c r="DM26" s="330">
        <v>230977</v>
      </c>
      <c r="DN26" s="330">
        <v>663814</v>
      </c>
      <c r="DO26" s="330">
        <v>1193511</v>
      </c>
      <c r="DP26" s="330">
        <v>699628</v>
      </c>
      <c r="DQ26" s="333">
        <v>2887972</v>
      </c>
      <c r="DR26" s="336">
        <v>2892148</v>
      </c>
      <c r="DS26" s="329">
        <v>0</v>
      </c>
      <c r="DT26" s="330">
        <v>0</v>
      </c>
      <c r="DU26" s="331">
        <v>0</v>
      </c>
      <c r="DV26" s="335"/>
      <c r="DW26" s="330">
        <v>29848</v>
      </c>
      <c r="DX26" s="330">
        <v>168028</v>
      </c>
      <c r="DY26" s="330">
        <v>610481</v>
      </c>
      <c r="DZ26" s="330">
        <v>1070991</v>
      </c>
      <c r="EA26" s="330">
        <v>694863</v>
      </c>
      <c r="EB26" s="333">
        <v>2574211</v>
      </c>
      <c r="EC26" s="334">
        <v>2574211</v>
      </c>
      <c r="ED26" s="329">
        <v>0</v>
      </c>
      <c r="EE26" s="330">
        <v>0</v>
      </c>
      <c r="EF26" s="331">
        <v>0</v>
      </c>
      <c r="EG26" s="335"/>
      <c r="EH26" s="330">
        <v>21028</v>
      </c>
      <c r="EI26" s="330">
        <v>2947</v>
      </c>
      <c r="EJ26" s="330">
        <v>2954</v>
      </c>
      <c r="EK26" s="330">
        <v>13146</v>
      </c>
      <c r="EL26" s="330">
        <v>1589</v>
      </c>
      <c r="EM26" s="333">
        <v>41664</v>
      </c>
      <c r="EN26" s="334">
        <v>41664</v>
      </c>
      <c r="EO26" s="329">
        <v>0</v>
      </c>
      <c r="EP26" s="330">
        <v>0</v>
      </c>
      <c r="EQ26" s="331">
        <v>0</v>
      </c>
      <c r="ER26" s="335"/>
      <c r="ES26" s="330">
        <v>0</v>
      </c>
      <c r="ET26" s="330">
        <v>0</v>
      </c>
      <c r="EU26" s="330">
        <v>0</v>
      </c>
      <c r="EV26" s="330">
        <v>392</v>
      </c>
      <c r="EW26" s="330">
        <v>0</v>
      </c>
      <c r="EX26" s="333">
        <v>392</v>
      </c>
      <c r="EY26" s="334">
        <v>392</v>
      </c>
      <c r="EZ26" s="329">
        <v>0</v>
      </c>
      <c r="FA26" s="330">
        <v>0</v>
      </c>
      <c r="FB26" s="331">
        <v>0</v>
      </c>
      <c r="FC26" s="335"/>
      <c r="FD26" s="330">
        <v>0</v>
      </c>
      <c r="FE26" s="330">
        <v>0</v>
      </c>
      <c r="FF26" s="330">
        <v>0</v>
      </c>
      <c r="FG26" s="330">
        <v>196</v>
      </c>
      <c r="FH26" s="330">
        <v>392</v>
      </c>
      <c r="FI26" s="333">
        <v>588</v>
      </c>
      <c r="FJ26" s="334">
        <v>588</v>
      </c>
      <c r="FK26" s="329">
        <v>0</v>
      </c>
      <c r="FL26" s="330">
        <v>0</v>
      </c>
      <c r="FM26" s="331">
        <v>0</v>
      </c>
      <c r="FN26" s="335"/>
      <c r="FO26" s="330">
        <v>0</v>
      </c>
      <c r="FP26" s="330">
        <v>0</v>
      </c>
      <c r="FQ26" s="330">
        <v>0</v>
      </c>
      <c r="FR26" s="330">
        <v>0</v>
      </c>
      <c r="FS26" s="330">
        <v>0</v>
      </c>
      <c r="FT26" s="333">
        <v>0</v>
      </c>
      <c r="FU26" s="334">
        <v>0</v>
      </c>
      <c r="FV26" s="329">
        <v>4176</v>
      </c>
      <c r="FW26" s="330">
        <v>0</v>
      </c>
      <c r="FX26" s="331">
        <v>4176</v>
      </c>
      <c r="FY26" s="332">
        <v>0</v>
      </c>
      <c r="FZ26" s="330">
        <v>49166</v>
      </c>
      <c r="GA26" s="330">
        <v>59974</v>
      </c>
      <c r="GB26" s="330">
        <v>50379</v>
      </c>
      <c r="GC26" s="330">
        <v>108786</v>
      </c>
      <c r="GD26" s="330">
        <v>2784</v>
      </c>
      <c r="GE26" s="333">
        <v>271089</v>
      </c>
      <c r="GF26" s="334">
        <v>275265</v>
      </c>
      <c r="GG26" s="329">
        <v>0</v>
      </c>
      <c r="GH26" s="330">
        <v>0</v>
      </c>
      <c r="GI26" s="331">
        <v>0</v>
      </c>
      <c r="GJ26" s="332">
        <v>0</v>
      </c>
      <c r="GK26" s="330">
        <v>0</v>
      </c>
      <c r="GL26" s="330">
        <v>28</v>
      </c>
      <c r="GM26" s="330">
        <v>0</v>
      </c>
      <c r="GN26" s="330">
        <v>0</v>
      </c>
      <c r="GO26" s="330">
        <v>0</v>
      </c>
      <c r="GP26" s="333">
        <v>28</v>
      </c>
      <c r="GQ26" s="334">
        <v>28</v>
      </c>
      <c r="GR26" s="329">
        <v>0</v>
      </c>
      <c r="GS26" s="330">
        <v>0</v>
      </c>
      <c r="GT26" s="331">
        <v>0</v>
      </c>
      <c r="GU26" s="332">
        <v>0</v>
      </c>
      <c r="GV26" s="330">
        <v>0</v>
      </c>
      <c r="GW26" s="330">
        <v>0</v>
      </c>
      <c r="GX26" s="330">
        <v>0</v>
      </c>
      <c r="GY26" s="330">
        <v>0</v>
      </c>
      <c r="GZ26" s="330">
        <v>0</v>
      </c>
      <c r="HA26" s="333">
        <v>0</v>
      </c>
      <c r="HB26" s="334">
        <v>0</v>
      </c>
      <c r="HC26" s="329">
        <v>0</v>
      </c>
      <c r="HD26" s="330">
        <v>0</v>
      </c>
      <c r="HE26" s="331">
        <v>0</v>
      </c>
      <c r="HF26" s="335"/>
      <c r="HG26" s="330">
        <v>0</v>
      </c>
      <c r="HH26" s="330">
        <v>0</v>
      </c>
      <c r="HI26" s="330">
        <v>0</v>
      </c>
      <c r="HJ26" s="330">
        <v>0</v>
      </c>
      <c r="HK26" s="330">
        <v>0</v>
      </c>
      <c r="HL26" s="333">
        <v>0</v>
      </c>
      <c r="HM26" s="334">
        <v>0</v>
      </c>
      <c r="HN26" s="329">
        <v>4466</v>
      </c>
      <c r="HO26" s="330">
        <v>0</v>
      </c>
      <c r="HP26" s="331">
        <v>4466</v>
      </c>
      <c r="HQ26" s="332">
        <v>0</v>
      </c>
      <c r="HR26" s="330">
        <v>232803</v>
      </c>
      <c r="HS26" s="330">
        <v>621958</v>
      </c>
      <c r="HT26" s="330">
        <v>1460354</v>
      </c>
      <c r="HU26" s="330">
        <v>2403834</v>
      </c>
      <c r="HV26" s="330">
        <v>1500783</v>
      </c>
      <c r="HW26" s="333">
        <v>6219732</v>
      </c>
      <c r="HX26" s="334">
        <v>6224198</v>
      </c>
    </row>
    <row r="27" spans="1:232" ht="16.5" customHeight="1" x14ac:dyDescent="0.2">
      <c r="A27" s="327" t="s">
        <v>24</v>
      </c>
      <c r="B27" s="329">
        <v>0</v>
      </c>
      <c r="C27" s="330">
        <v>0</v>
      </c>
      <c r="D27" s="331">
        <v>0</v>
      </c>
      <c r="E27" s="332">
        <v>0</v>
      </c>
      <c r="F27" s="330">
        <v>51800</v>
      </c>
      <c r="G27" s="330">
        <v>68266</v>
      </c>
      <c r="H27" s="330">
        <v>361636</v>
      </c>
      <c r="I27" s="330">
        <v>442350</v>
      </c>
      <c r="J27" s="330">
        <v>293585</v>
      </c>
      <c r="K27" s="333">
        <v>1217637</v>
      </c>
      <c r="L27" s="334">
        <v>1217637</v>
      </c>
      <c r="M27" s="329">
        <v>0</v>
      </c>
      <c r="N27" s="330">
        <v>0</v>
      </c>
      <c r="O27" s="331">
        <v>0</v>
      </c>
      <c r="P27" s="335"/>
      <c r="Q27" s="330">
        <v>0</v>
      </c>
      <c r="R27" s="330">
        <v>0</v>
      </c>
      <c r="S27" s="330">
        <v>223300</v>
      </c>
      <c r="T27" s="330">
        <v>301460</v>
      </c>
      <c r="U27" s="330">
        <v>252515</v>
      </c>
      <c r="V27" s="333">
        <v>777275</v>
      </c>
      <c r="W27" s="334">
        <v>777275</v>
      </c>
      <c r="X27" s="329">
        <v>0</v>
      </c>
      <c r="Y27" s="330">
        <v>0</v>
      </c>
      <c r="Z27" s="331">
        <v>0</v>
      </c>
      <c r="AA27" s="335"/>
      <c r="AB27" s="330">
        <v>51800</v>
      </c>
      <c r="AC27" s="330">
        <v>11900</v>
      </c>
      <c r="AD27" s="330">
        <v>133650</v>
      </c>
      <c r="AE27" s="330">
        <v>100625</v>
      </c>
      <c r="AF27" s="330">
        <v>2380</v>
      </c>
      <c r="AG27" s="333">
        <v>300355</v>
      </c>
      <c r="AH27" s="334">
        <v>300355</v>
      </c>
      <c r="AI27" s="329">
        <v>0</v>
      </c>
      <c r="AJ27" s="330">
        <v>0</v>
      </c>
      <c r="AK27" s="331">
        <v>0</v>
      </c>
      <c r="AL27" s="335"/>
      <c r="AM27" s="330">
        <v>0</v>
      </c>
      <c r="AN27" s="330">
        <v>0</v>
      </c>
      <c r="AO27" s="330">
        <v>0</v>
      </c>
      <c r="AP27" s="330">
        <v>0</v>
      </c>
      <c r="AQ27" s="330">
        <v>23210</v>
      </c>
      <c r="AR27" s="333">
        <v>23210</v>
      </c>
      <c r="AS27" s="334">
        <v>23210</v>
      </c>
      <c r="AT27" s="329">
        <v>0</v>
      </c>
      <c r="AU27" s="330">
        <v>0</v>
      </c>
      <c r="AV27" s="331">
        <v>0</v>
      </c>
      <c r="AW27" s="335"/>
      <c r="AX27" s="330">
        <v>0</v>
      </c>
      <c r="AY27" s="330">
        <v>0</v>
      </c>
      <c r="AZ27" s="330">
        <v>0</v>
      </c>
      <c r="BA27" s="330">
        <v>0</v>
      </c>
      <c r="BB27" s="330">
        <v>0</v>
      </c>
      <c r="BC27" s="333">
        <v>0</v>
      </c>
      <c r="BD27" s="334">
        <v>0</v>
      </c>
      <c r="BE27" s="329">
        <v>0</v>
      </c>
      <c r="BF27" s="330">
        <v>0</v>
      </c>
      <c r="BG27" s="331">
        <v>0</v>
      </c>
      <c r="BH27" s="335"/>
      <c r="BI27" s="330">
        <v>0</v>
      </c>
      <c r="BJ27" s="330">
        <v>0</v>
      </c>
      <c r="BK27" s="330">
        <v>0</v>
      </c>
      <c r="BL27" s="330">
        <v>0</v>
      </c>
      <c r="BM27" s="330">
        <v>0</v>
      </c>
      <c r="BN27" s="333">
        <v>0</v>
      </c>
      <c r="BO27" s="334">
        <v>0</v>
      </c>
      <c r="BP27" s="329">
        <v>0</v>
      </c>
      <c r="BQ27" s="330">
        <v>0</v>
      </c>
      <c r="BR27" s="331">
        <v>0</v>
      </c>
      <c r="BS27" s="332">
        <v>0</v>
      </c>
      <c r="BT27" s="330">
        <v>0</v>
      </c>
      <c r="BU27" s="330">
        <v>56366</v>
      </c>
      <c r="BV27" s="330">
        <v>4686</v>
      </c>
      <c r="BW27" s="330">
        <v>40265</v>
      </c>
      <c r="BX27" s="330">
        <v>4785</v>
      </c>
      <c r="BY27" s="333">
        <v>106102</v>
      </c>
      <c r="BZ27" s="334">
        <v>106102</v>
      </c>
      <c r="CA27" s="329">
        <v>0</v>
      </c>
      <c r="CB27" s="330">
        <v>0</v>
      </c>
      <c r="CC27" s="331">
        <v>0</v>
      </c>
      <c r="CD27" s="332">
        <v>0</v>
      </c>
      <c r="CE27" s="330">
        <v>0</v>
      </c>
      <c r="CF27" s="330">
        <v>0</v>
      </c>
      <c r="CG27" s="330">
        <v>0</v>
      </c>
      <c r="CH27" s="330">
        <v>0</v>
      </c>
      <c r="CI27" s="330">
        <v>10695</v>
      </c>
      <c r="CJ27" s="333">
        <v>10695</v>
      </c>
      <c r="CK27" s="334">
        <v>10695</v>
      </c>
      <c r="CL27" s="329">
        <v>0</v>
      </c>
      <c r="CM27" s="330">
        <v>0</v>
      </c>
      <c r="CN27" s="331">
        <v>0</v>
      </c>
      <c r="CO27" s="332">
        <v>0</v>
      </c>
      <c r="CP27" s="330">
        <v>0</v>
      </c>
      <c r="CQ27" s="330">
        <v>0</v>
      </c>
      <c r="CR27" s="330">
        <v>0</v>
      </c>
      <c r="CS27" s="330">
        <v>0</v>
      </c>
      <c r="CT27" s="330">
        <v>0</v>
      </c>
      <c r="CU27" s="333">
        <v>0</v>
      </c>
      <c r="CV27" s="334">
        <v>0</v>
      </c>
      <c r="CW27" s="329">
        <v>0</v>
      </c>
      <c r="CX27" s="330">
        <v>0</v>
      </c>
      <c r="CY27" s="331">
        <v>0</v>
      </c>
      <c r="CZ27" s="335"/>
      <c r="DA27" s="330">
        <v>0</v>
      </c>
      <c r="DB27" s="330">
        <v>0</v>
      </c>
      <c r="DC27" s="330">
        <v>0</v>
      </c>
      <c r="DD27" s="330">
        <v>0</v>
      </c>
      <c r="DE27" s="330">
        <v>0</v>
      </c>
      <c r="DF27" s="333">
        <v>0</v>
      </c>
      <c r="DG27" s="334">
        <v>0</v>
      </c>
      <c r="DH27" s="329">
        <v>0</v>
      </c>
      <c r="DI27" s="330">
        <v>0</v>
      </c>
      <c r="DJ27" s="331">
        <v>0</v>
      </c>
      <c r="DK27" s="332">
        <v>0</v>
      </c>
      <c r="DL27" s="330">
        <v>392</v>
      </c>
      <c r="DM27" s="330">
        <v>88402</v>
      </c>
      <c r="DN27" s="330">
        <v>355564</v>
      </c>
      <c r="DO27" s="330">
        <v>561120</v>
      </c>
      <c r="DP27" s="330">
        <v>479205</v>
      </c>
      <c r="DQ27" s="333">
        <v>1484683</v>
      </c>
      <c r="DR27" s="336">
        <v>1484683</v>
      </c>
      <c r="DS27" s="329">
        <v>0</v>
      </c>
      <c r="DT27" s="330">
        <v>0</v>
      </c>
      <c r="DU27" s="331">
        <v>0</v>
      </c>
      <c r="DV27" s="335"/>
      <c r="DW27" s="330">
        <v>0</v>
      </c>
      <c r="DX27" s="330">
        <v>0</v>
      </c>
      <c r="DY27" s="330">
        <v>313208</v>
      </c>
      <c r="DZ27" s="330">
        <v>522658</v>
      </c>
      <c r="EA27" s="330">
        <v>459448</v>
      </c>
      <c r="EB27" s="333">
        <v>1295314</v>
      </c>
      <c r="EC27" s="334">
        <v>1295314</v>
      </c>
      <c r="ED27" s="329">
        <v>0</v>
      </c>
      <c r="EE27" s="330">
        <v>0</v>
      </c>
      <c r="EF27" s="331">
        <v>0</v>
      </c>
      <c r="EG27" s="335"/>
      <c r="EH27" s="330">
        <v>392</v>
      </c>
      <c r="EI27" s="330">
        <v>39564</v>
      </c>
      <c r="EJ27" s="330">
        <v>31535</v>
      </c>
      <c r="EK27" s="330">
        <v>1617</v>
      </c>
      <c r="EL27" s="330">
        <v>196</v>
      </c>
      <c r="EM27" s="333">
        <v>73304</v>
      </c>
      <c r="EN27" s="334">
        <v>73304</v>
      </c>
      <c r="EO27" s="329">
        <v>0</v>
      </c>
      <c r="EP27" s="330">
        <v>0</v>
      </c>
      <c r="EQ27" s="331">
        <v>0</v>
      </c>
      <c r="ER27" s="335"/>
      <c r="ES27" s="330">
        <v>0</v>
      </c>
      <c r="ET27" s="330">
        <v>0</v>
      </c>
      <c r="EU27" s="330">
        <v>0</v>
      </c>
      <c r="EV27" s="330">
        <v>0</v>
      </c>
      <c r="EW27" s="330">
        <v>168</v>
      </c>
      <c r="EX27" s="333">
        <v>168</v>
      </c>
      <c r="EY27" s="334">
        <v>168</v>
      </c>
      <c r="EZ27" s="329">
        <v>0</v>
      </c>
      <c r="FA27" s="330">
        <v>0</v>
      </c>
      <c r="FB27" s="331">
        <v>0</v>
      </c>
      <c r="FC27" s="335"/>
      <c r="FD27" s="330">
        <v>0</v>
      </c>
      <c r="FE27" s="330">
        <v>0</v>
      </c>
      <c r="FF27" s="330">
        <v>0</v>
      </c>
      <c r="FG27" s="330">
        <v>0</v>
      </c>
      <c r="FH27" s="330">
        <v>0</v>
      </c>
      <c r="FI27" s="333">
        <v>0</v>
      </c>
      <c r="FJ27" s="334">
        <v>0</v>
      </c>
      <c r="FK27" s="329">
        <v>0</v>
      </c>
      <c r="FL27" s="330">
        <v>0</v>
      </c>
      <c r="FM27" s="331">
        <v>0</v>
      </c>
      <c r="FN27" s="335"/>
      <c r="FO27" s="330">
        <v>0</v>
      </c>
      <c r="FP27" s="330">
        <v>0</v>
      </c>
      <c r="FQ27" s="330">
        <v>0</v>
      </c>
      <c r="FR27" s="330">
        <v>0</v>
      </c>
      <c r="FS27" s="330">
        <v>0</v>
      </c>
      <c r="FT27" s="333">
        <v>0</v>
      </c>
      <c r="FU27" s="334">
        <v>0</v>
      </c>
      <c r="FV27" s="329">
        <v>0</v>
      </c>
      <c r="FW27" s="330">
        <v>0</v>
      </c>
      <c r="FX27" s="331">
        <v>0</v>
      </c>
      <c r="FY27" s="332">
        <v>0</v>
      </c>
      <c r="FZ27" s="330">
        <v>0</v>
      </c>
      <c r="GA27" s="330">
        <v>48838</v>
      </c>
      <c r="GB27" s="330">
        <v>10821</v>
      </c>
      <c r="GC27" s="330">
        <v>36845</v>
      </c>
      <c r="GD27" s="330">
        <v>19302</v>
      </c>
      <c r="GE27" s="333">
        <v>115806</v>
      </c>
      <c r="GF27" s="334">
        <v>115806</v>
      </c>
      <c r="GG27" s="329">
        <v>0</v>
      </c>
      <c r="GH27" s="330">
        <v>0</v>
      </c>
      <c r="GI27" s="331">
        <v>0</v>
      </c>
      <c r="GJ27" s="332">
        <v>0</v>
      </c>
      <c r="GK27" s="330">
        <v>0</v>
      </c>
      <c r="GL27" s="330">
        <v>0</v>
      </c>
      <c r="GM27" s="330">
        <v>0</v>
      </c>
      <c r="GN27" s="330">
        <v>0</v>
      </c>
      <c r="GO27" s="330">
        <v>91</v>
      </c>
      <c r="GP27" s="333">
        <v>91</v>
      </c>
      <c r="GQ27" s="334">
        <v>91</v>
      </c>
      <c r="GR27" s="329">
        <v>0</v>
      </c>
      <c r="GS27" s="330">
        <v>0</v>
      </c>
      <c r="GT27" s="331">
        <v>0</v>
      </c>
      <c r="GU27" s="332">
        <v>0</v>
      </c>
      <c r="GV27" s="330">
        <v>0</v>
      </c>
      <c r="GW27" s="330">
        <v>0</v>
      </c>
      <c r="GX27" s="330">
        <v>0</v>
      </c>
      <c r="GY27" s="330">
        <v>0</v>
      </c>
      <c r="GZ27" s="330">
        <v>0</v>
      </c>
      <c r="HA27" s="333">
        <v>0</v>
      </c>
      <c r="HB27" s="334">
        <v>0</v>
      </c>
      <c r="HC27" s="329">
        <v>0</v>
      </c>
      <c r="HD27" s="330">
        <v>0</v>
      </c>
      <c r="HE27" s="331">
        <v>0</v>
      </c>
      <c r="HF27" s="335"/>
      <c r="HG27" s="330">
        <v>0</v>
      </c>
      <c r="HH27" s="330">
        <v>0</v>
      </c>
      <c r="HI27" s="330">
        <v>0</v>
      </c>
      <c r="HJ27" s="330">
        <v>0</v>
      </c>
      <c r="HK27" s="330">
        <v>0</v>
      </c>
      <c r="HL27" s="333">
        <v>0</v>
      </c>
      <c r="HM27" s="334">
        <v>0</v>
      </c>
      <c r="HN27" s="329">
        <v>0</v>
      </c>
      <c r="HO27" s="330">
        <v>0</v>
      </c>
      <c r="HP27" s="331">
        <v>0</v>
      </c>
      <c r="HQ27" s="332">
        <v>0</v>
      </c>
      <c r="HR27" s="330">
        <v>52192</v>
      </c>
      <c r="HS27" s="330">
        <v>156668</v>
      </c>
      <c r="HT27" s="330">
        <v>717200</v>
      </c>
      <c r="HU27" s="330">
        <v>1003470</v>
      </c>
      <c r="HV27" s="330">
        <v>772790</v>
      </c>
      <c r="HW27" s="333">
        <v>2702320</v>
      </c>
      <c r="HX27" s="334">
        <v>2702320</v>
      </c>
    </row>
    <row r="28" spans="1:232" ht="16.5" customHeight="1" x14ac:dyDescent="0.2">
      <c r="A28" s="327" t="s">
        <v>25</v>
      </c>
      <c r="B28" s="329">
        <v>0</v>
      </c>
      <c r="C28" s="330">
        <v>0</v>
      </c>
      <c r="D28" s="331">
        <v>0</v>
      </c>
      <c r="E28" s="332">
        <v>0</v>
      </c>
      <c r="F28" s="330">
        <v>79690</v>
      </c>
      <c r="G28" s="330">
        <v>194493</v>
      </c>
      <c r="H28" s="330">
        <v>517651</v>
      </c>
      <c r="I28" s="330">
        <v>799354</v>
      </c>
      <c r="J28" s="330">
        <v>514080</v>
      </c>
      <c r="K28" s="333">
        <v>2105268</v>
      </c>
      <c r="L28" s="334">
        <v>2105268</v>
      </c>
      <c r="M28" s="329">
        <v>0</v>
      </c>
      <c r="N28" s="330">
        <v>0</v>
      </c>
      <c r="O28" s="331">
        <v>0</v>
      </c>
      <c r="P28" s="335"/>
      <c r="Q28" s="330">
        <v>27020</v>
      </c>
      <c r="R28" s="330">
        <v>41440</v>
      </c>
      <c r="S28" s="330">
        <v>457796</v>
      </c>
      <c r="T28" s="330">
        <v>542175</v>
      </c>
      <c r="U28" s="330">
        <v>382810</v>
      </c>
      <c r="V28" s="333">
        <v>1451241</v>
      </c>
      <c r="W28" s="334">
        <v>1451241</v>
      </c>
      <c r="X28" s="329">
        <v>0</v>
      </c>
      <c r="Y28" s="330">
        <v>0</v>
      </c>
      <c r="Z28" s="331">
        <v>0</v>
      </c>
      <c r="AA28" s="335"/>
      <c r="AB28" s="330">
        <v>51800</v>
      </c>
      <c r="AC28" s="330">
        <v>118435</v>
      </c>
      <c r="AD28" s="330">
        <v>58940</v>
      </c>
      <c r="AE28" s="330">
        <v>237245</v>
      </c>
      <c r="AF28" s="330">
        <v>112465</v>
      </c>
      <c r="AG28" s="333">
        <v>578885</v>
      </c>
      <c r="AH28" s="334">
        <v>578885</v>
      </c>
      <c r="AI28" s="329">
        <v>0</v>
      </c>
      <c r="AJ28" s="330">
        <v>0</v>
      </c>
      <c r="AK28" s="331">
        <v>0</v>
      </c>
      <c r="AL28" s="335"/>
      <c r="AM28" s="330">
        <v>0</v>
      </c>
      <c r="AN28" s="330">
        <v>0</v>
      </c>
      <c r="AO28" s="330">
        <v>0</v>
      </c>
      <c r="AP28" s="330">
        <v>0</v>
      </c>
      <c r="AQ28" s="330">
        <v>0</v>
      </c>
      <c r="AR28" s="333">
        <v>0</v>
      </c>
      <c r="AS28" s="334">
        <v>0</v>
      </c>
      <c r="AT28" s="329">
        <v>0</v>
      </c>
      <c r="AU28" s="330">
        <v>0</v>
      </c>
      <c r="AV28" s="331">
        <v>0</v>
      </c>
      <c r="AW28" s="335"/>
      <c r="AX28" s="330">
        <v>0</v>
      </c>
      <c r="AY28" s="330">
        <v>0</v>
      </c>
      <c r="AZ28" s="330">
        <v>0</v>
      </c>
      <c r="BA28" s="330">
        <v>0</v>
      </c>
      <c r="BB28" s="330">
        <v>0</v>
      </c>
      <c r="BC28" s="333">
        <v>0</v>
      </c>
      <c r="BD28" s="334">
        <v>0</v>
      </c>
      <c r="BE28" s="329">
        <v>0</v>
      </c>
      <c r="BF28" s="330">
        <v>0</v>
      </c>
      <c r="BG28" s="331">
        <v>0</v>
      </c>
      <c r="BH28" s="335"/>
      <c r="BI28" s="330">
        <v>0</v>
      </c>
      <c r="BJ28" s="330">
        <v>0</v>
      </c>
      <c r="BK28" s="330">
        <v>0</v>
      </c>
      <c r="BL28" s="330">
        <v>0</v>
      </c>
      <c r="BM28" s="330">
        <v>0</v>
      </c>
      <c r="BN28" s="333">
        <v>0</v>
      </c>
      <c r="BO28" s="334">
        <v>0</v>
      </c>
      <c r="BP28" s="329">
        <v>0</v>
      </c>
      <c r="BQ28" s="330">
        <v>0</v>
      </c>
      <c r="BR28" s="331">
        <v>0</v>
      </c>
      <c r="BS28" s="332">
        <v>0</v>
      </c>
      <c r="BT28" s="330">
        <v>870</v>
      </c>
      <c r="BU28" s="330">
        <v>17283</v>
      </c>
      <c r="BV28" s="330">
        <v>470</v>
      </c>
      <c r="BW28" s="330">
        <v>8139</v>
      </c>
      <c r="BX28" s="330">
        <v>18805</v>
      </c>
      <c r="BY28" s="333">
        <v>45567</v>
      </c>
      <c r="BZ28" s="334">
        <v>45567</v>
      </c>
      <c r="CA28" s="329">
        <v>0</v>
      </c>
      <c r="CB28" s="330">
        <v>0</v>
      </c>
      <c r="CC28" s="331">
        <v>0</v>
      </c>
      <c r="CD28" s="332">
        <v>0</v>
      </c>
      <c r="CE28" s="330">
        <v>0</v>
      </c>
      <c r="CF28" s="330">
        <v>17335</v>
      </c>
      <c r="CG28" s="330">
        <v>445</v>
      </c>
      <c r="CH28" s="330">
        <v>11795</v>
      </c>
      <c r="CI28" s="330">
        <v>0</v>
      </c>
      <c r="CJ28" s="333">
        <v>29575</v>
      </c>
      <c r="CK28" s="334">
        <v>29575</v>
      </c>
      <c r="CL28" s="329">
        <v>0</v>
      </c>
      <c r="CM28" s="330">
        <v>0</v>
      </c>
      <c r="CN28" s="331">
        <v>0</v>
      </c>
      <c r="CO28" s="332">
        <v>0</v>
      </c>
      <c r="CP28" s="330">
        <v>0</v>
      </c>
      <c r="CQ28" s="330">
        <v>0</v>
      </c>
      <c r="CR28" s="330">
        <v>0</v>
      </c>
      <c r="CS28" s="330">
        <v>0</v>
      </c>
      <c r="CT28" s="330">
        <v>0</v>
      </c>
      <c r="CU28" s="333">
        <v>0</v>
      </c>
      <c r="CV28" s="334">
        <v>0</v>
      </c>
      <c r="CW28" s="329">
        <v>0</v>
      </c>
      <c r="CX28" s="330">
        <v>0</v>
      </c>
      <c r="CY28" s="331">
        <v>0</v>
      </c>
      <c r="CZ28" s="335"/>
      <c r="DA28" s="330">
        <v>0</v>
      </c>
      <c r="DB28" s="330">
        <v>0</v>
      </c>
      <c r="DC28" s="330">
        <v>0</v>
      </c>
      <c r="DD28" s="330">
        <v>0</v>
      </c>
      <c r="DE28" s="330">
        <v>0</v>
      </c>
      <c r="DF28" s="333">
        <v>0</v>
      </c>
      <c r="DG28" s="334">
        <v>0</v>
      </c>
      <c r="DH28" s="329">
        <v>0</v>
      </c>
      <c r="DI28" s="330">
        <v>0</v>
      </c>
      <c r="DJ28" s="331">
        <v>0</v>
      </c>
      <c r="DK28" s="332">
        <v>0</v>
      </c>
      <c r="DL28" s="330">
        <v>64228</v>
      </c>
      <c r="DM28" s="330">
        <v>147892</v>
      </c>
      <c r="DN28" s="330">
        <v>615537</v>
      </c>
      <c r="DO28" s="330">
        <v>621495</v>
      </c>
      <c r="DP28" s="330">
        <v>316644</v>
      </c>
      <c r="DQ28" s="333">
        <v>1765796</v>
      </c>
      <c r="DR28" s="336">
        <v>1765796</v>
      </c>
      <c r="DS28" s="329">
        <v>0</v>
      </c>
      <c r="DT28" s="330">
        <v>0</v>
      </c>
      <c r="DU28" s="331">
        <v>0</v>
      </c>
      <c r="DV28" s="335"/>
      <c r="DW28" s="330">
        <v>58464</v>
      </c>
      <c r="DX28" s="330">
        <v>106652</v>
      </c>
      <c r="DY28" s="330">
        <v>612988</v>
      </c>
      <c r="DZ28" s="330">
        <v>567443</v>
      </c>
      <c r="EA28" s="330">
        <v>287430</v>
      </c>
      <c r="EB28" s="333">
        <v>1632977</v>
      </c>
      <c r="EC28" s="334">
        <v>1632977</v>
      </c>
      <c r="ED28" s="329">
        <v>0</v>
      </c>
      <c r="EE28" s="330">
        <v>0</v>
      </c>
      <c r="EF28" s="331">
        <v>0</v>
      </c>
      <c r="EG28" s="335"/>
      <c r="EH28" s="330">
        <v>196</v>
      </c>
      <c r="EI28" s="330">
        <v>4854</v>
      </c>
      <c r="EJ28" s="330">
        <v>588</v>
      </c>
      <c r="EK28" s="330">
        <v>32648</v>
      </c>
      <c r="EL28" s="330">
        <v>11340</v>
      </c>
      <c r="EM28" s="333">
        <v>49626</v>
      </c>
      <c r="EN28" s="334">
        <v>49626</v>
      </c>
      <c r="EO28" s="329">
        <v>0</v>
      </c>
      <c r="EP28" s="330">
        <v>0</v>
      </c>
      <c r="EQ28" s="331">
        <v>0</v>
      </c>
      <c r="ER28" s="335"/>
      <c r="ES28" s="330">
        <v>0</v>
      </c>
      <c r="ET28" s="330">
        <v>0</v>
      </c>
      <c r="EU28" s="330">
        <v>0</v>
      </c>
      <c r="EV28" s="330">
        <v>0</v>
      </c>
      <c r="EW28" s="330">
        <v>0</v>
      </c>
      <c r="EX28" s="333">
        <v>0</v>
      </c>
      <c r="EY28" s="334">
        <v>0</v>
      </c>
      <c r="EZ28" s="329">
        <v>0</v>
      </c>
      <c r="FA28" s="330">
        <v>0</v>
      </c>
      <c r="FB28" s="331">
        <v>0</v>
      </c>
      <c r="FC28" s="335"/>
      <c r="FD28" s="330">
        <v>0</v>
      </c>
      <c r="FE28" s="330">
        <v>0</v>
      </c>
      <c r="FF28" s="330">
        <v>0</v>
      </c>
      <c r="FG28" s="330">
        <v>0</v>
      </c>
      <c r="FH28" s="330">
        <v>0</v>
      </c>
      <c r="FI28" s="333">
        <v>0</v>
      </c>
      <c r="FJ28" s="334">
        <v>0</v>
      </c>
      <c r="FK28" s="329">
        <v>0</v>
      </c>
      <c r="FL28" s="330">
        <v>0</v>
      </c>
      <c r="FM28" s="331">
        <v>0</v>
      </c>
      <c r="FN28" s="335"/>
      <c r="FO28" s="330">
        <v>0</v>
      </c>
      <c r="FP28" s="330">
        <v>0</v>
      </c>
      <c r="FQ28" s="330">
        <v>0</v>
      </c>
      <c r="FR28" s="330">
        <v>0</v>
      </c>
      <c r="FS28" s="330">
        <v>0</v>
      </c>
      <c r="FT28" s="333">
        <v>0</v>
      </c>
      <c r="FU28" s="334">
        <v>0</v>
      </c>
      <c r="FV28" s="329">
        <v>0</v>
      </c>
      <c r="FW28" s="330">
        <v>0</v>
      </c>
      <c r="FX28" s="331">
        <v>0</v>
      </c>
      <c r="FY28" s="332">
        <v>0</v>
      </c>
      <c r="FZ28" s="330">
        <v>5568</v>
      </c>
      <c r="GA28" s="330">
        <v>30466</v>
      </c>
      <c r="GB28" s="330">
        <v>1940</v>
      </c>
      <c r="GC28" s="330">
        <v>21404</v>
      </c>
      <c r="GD28" s="330">
        <v>17874</v>
      </c>
      <c r="GE28" s="333">
        <v>77252</v>
      </c>
      <c r="GF28" s="334">
        <v>77252</v>
      </c>
      <c r="GG28" s="329">
        <v>0</v>
      </c>
      <c r="GH28" s="330">
        <v>0</v>
      </c>
      <c r="GI28" s="331">
        <v>0</v>
      </c>
      <c r="GJ28" s="332">
        <v>0</v>
      </c>
      <c r="GK28" s="330">
        <v>0</v>
      </c>
      <c r="GL28" s="330">
        <v>5920</v>
      </c>
      <c r="GM28" s="330">
        <v>21</v>
      </c>
      <c r="GN28" s="330">
        <v>0</v>
      </c>
      <c r="GO28" s="330">
        <v>0</v>
      </c>
      <c r="GP28" s="333">
        <v>5941</v>
      </c>
      <c r="GQ28" s="334">
        <v>5941</v>
      </c>
      <c r="GR28" s="329">
        <v>0</v>
      </c>
      <c r="GS28" s="330">
        <v>0</v>
      </c>
      <c r="GT28" s="331">
        <v>0</v>
      </c>
      <c r="GU28" s="332">
        <v>0</v>
      </c>
      <c r="GV28" s="330">
        <v>0</v>
      </c>
      <c r="GW28" s="330">
        <v>0</v>
      </c>
      <c r="GX28" s="330">
        <v>0</v>
      </c>
      <c r="GY28" s="330">
        <v>0</v>
      </c>
      <c r="GZ28" s="330">
        <v>0</v>
      </c>
      <c r="HA28" s="333">
        <v>0</v>
      </c>
      <c r="HB28" s="334">
        <v>0</v>
      </c>
      <c r="HC28" s="329">
        <v>0</v>
      </c>
      <c r="HD28" s="330">
        <v>0</v>
      </c>
      <c r="HE28" s="331">
        <v>0</v>
      </c>
      <c r="HF28" s="335"/>
      <c r="HG28" s="330">
        <v>0</v>
      </c>
      <c r="HH28" s="330">
        <v>0</v>
      </c>
      <c r="HI28" s="330">
        <v>0</v>
      </c>
      <c r="HJ28" s="330">
        <v>0</v>
      </c>
      <c r="HK28" s="330">
        <v>0</v>
      </c>
      <c r="HL28" s="333">
        <v>0</v>
      </c>
      <c r="HM28" s="334">
        <v>0</v>
      </c>
      <c r="HN28" s="329">
        <v>0</v>
      </c>
      <c r="HO28" s="330">
        <v>0</v>
      </c>
      <c r="HP28" s="331">
        <v>0</v>
      </c>
      <c r="HQ28" s="332">
        <v>0</v>
      </c>
      <c r="HR28" s="330">
        <v>143918</v>
      </c>
      <c r="HS28" s="330">
        <v>342385</v>
      </c>
      <c r="HT28" s="330">
        <v>1133188</v>
      </c>
      <c r="HU28" s="330">
        <v>1420849</v>
      </c>
      <c r="HV28" s="330">
        <v>830724</v>
      </c>
      <c r="HW28" s="333">
        <v>3871064</v>
      </c>
      <c r="HX28" s="334">
        <v>3871064</v>
      </c>
    </row>
    <row r="29" spans="1:232" ht="16.5" customHeight="1" x14ac:dyDescent="0.2">
      <c r="A29" s="327" t="s">
        <v>26</v>
      </c>
      <c r="B29" s="329">
        <v>0</v>
      </c>
      <c r="C29" s="330">
        <v>2030</v>
      </c>
      <c r="D29" s="331">
        <v>2030</v>
      </c>
      <c r="E29" s="332">
        <v>0</v>
      </c>
      <c r="F29" s="330">
        <v>67264</v>
      </c>
      <c r="G29" s="330">
        <v>197859</v>
      </c>
      <c r="H29" s="330">
        <v>515410</v>
      </c>
      <c r="I29" s="330">
        <v>753410</v>
      </c>
      <c r="J29" s="330">
        <v>149980</v>
      </c>
      <c r="K29" s="333">
        <v>1683923</v>
      </c>
      <c r="L29" s="334">
        <v>1685953</v>
      </c>
      <c r="M29" s="329">
        <v>0</v>
      </c>
      <c r="N29" s="330">
        <v>0</v>
      </c>
      <c r="O29" s="331">
        <v>0</v>
      </c>
      <c r="P29" s="335"/>
      <c r="Q29" s="330">
        <v>0</v>
      </c>
      <c r="R29" s="330">
        <v>30660</v>
      </c>
      <c r="S29" s="330">
        <v>366735</v>
      </c>
      <c r="T29" s="330">
        <v>650975</v>
      </c>
      <c r="U29" s="330">
        <v>350005</v>
      </c>
      <c r="V29" s="333">
        <v>1398375</v>
      </c>
      <c r="W29" s="334">
        <v>1398375</v>
      </c>
      <c r="X29" s="329">
        <v>0</v>
      </c>
      <c r="Y29" s="330">
        <v>0</v>
      </c>
      <c r="Z29" s="331">
        <v>0</v>
      </c>
      <c r="AA29" s="335"/>
      <c r="AB29" s="330">
        <v>61460</v>
      </c>
      <c r="AC29" s="330">
        <v>159680</v>
      </c>
      <c r="AD29" s="330">
        <v>122920</v>
      </c>
      <c r="AE29" s="330">
        <v>95900</v>
      </c>
      <c r="AF29" s="330">
        <v>0</v>
      </c>
      <c r="AG29" s="333">
        <v>439960</v>
      </c>
      <c r="AH29" s="334">
        <v>439960</v>
      </c>
      <c r="AI29" s="329">
        <v>0</v>
      </c>
      <c r="AJ29" s="330">
        <v>0</v>
      </c>
      <c r="AK29" s="331">
        <v>0</v>
      </c>
      <c r="AL29" s="335"/>
      <c r="AM29" s="330">
        <v>0</v>
      </c>
      <c r="AN29" s="330">
        <v>0</v>
      </c>
      <c r="AO29" s="330">
        <v>0</v>
      </c>
      <c r="AP29" s="330">
        <v>2380</v>
      </c>
      <c r="AQ29" s="330">
        <v>0</v>
      </c>
      <c r="AR29" s="333">
        <v>2380</v>
      </c>
      <c r="AS29" s="334">
        <v>2380</v>
      </c>
      <c r="AT29" s="329">
        <v>0</v>
      </c>
      <c r="AU29" s="330">
        <v>0</v>
      </c>
      <c r="AV29" s="331">
        <v>0</v>
      </c>
      <c r="AW29" s="335"/>
      <c r="AX29" s="330">
        <v>0</v>
      </c>
      <c r="AY29" s="330">
        <v>0</v>
      </c>
      <c r="AZ29" s="330">
        <v>0</v>
      </c>
      <c r="BA29" s="330">
        <v>0</v>
      </c>
      <c r="BB29" s="330">
        <v>-227254</v>
      </c>
      <c r="BC29" s="333">
        <v>-227254</v>
      </c>
      <c r="BD29" s="334">
        <v>-227254</v>
      </c>
      <c r="BE29" s="329">
        <v>0</v>
      </c>
      <c r="BF29" s="330">
        <v>0</v>
      </c>
      <c r="BG29" s="331">
        <v>0</v>
      </c>
      <c r="BH29" s="335"/>
      <c r="BI29" s="330">
        <v>0</v>
      </c>
      <c r="BJ29" s="330">
        <v>2380</v>
      </c>
      <c r="BK29" s="330">
        <v>0</v>
      </c>
      <c r="BL29" s="330">
        <v>0</v>
      </c>
      <c r="BM29" s="330">
        <v>0</v>
      </c>
      <c r="BN29" s="333">
        <v>2380</v>
      </c>
      <c r="BO29" s="334">
        <v>2380</v>
      </c>
      <c r="BP29" s="329">
        <v>0</v>
      </c>
      <c r="BQ29" s="330">
        <v>2030</v>
      </c>
      <c r="BR29" s="331">
        <v>2030</v>
      </c>
      <c r="BS29" s="332">
        <v>0</v>
      </c>
      <c r="BT29" s="330">
        <v>5804</v>
      </c>
      <c r="BU29" s="330">
        <v>5139</v>
      </c>
      <c r="BV29" s="330">
        <v>25510</v>
      </c>
      <c r="BW29" s="330">
        <v>2685</v>
      </c>
      <c r="BX29" s="330">
        <v>27179</v>
      </c>
      <c r="BY29" s="333">
        <v>66317</v>
      </c>
      <c r="BZ29" s="334">
        <v>68347</v>
      </c>
      <c r="CA29" s="329">
        <v>0</v>
      </c>
      <c r="CB29" s="330">
        <v>0</v>
      </c>
      <c r="CC29" s="331">
        <v>0</v>
      </c>
      <c r="CD29" s="332">
        <v>0</v>
      </c>
      <c r="CE29" s="330">
        <v>0</v>
      </c>
      <c r="CF29" s="330">
        <v>0</v>
      </c>
      <c r="CG29" s="330">
        <v>245</v>
      </c>
      <c r="CH29" s="330">
        <v>1470</v>
      </c>
      <c r="CI29" s="330">
        <v>50</v>
      </c>
      <c r="CJ29" s="333">
        <v>1765</v>
      </c>
      <c r="CK29" s="334">
        <v>1765</v>
      </c>
      <c r="CL29" s="329">
        <v>0</v>
      </c>
      <c r="CM29" s="330">
        <v>0</v>
      </c>
      <c r="CN29" s="331">
        <v>0</v>
      </c>
      <c r="CO29" s="332">
        <v>0</v>
      </c>
      <c r="CP29" s="330">
        <v>0</v>
      </c>
      <c r="CQ29" s="330">
        <v>0</v>
      </c>
      <c r="CR29" s="330">
        <v>0</v>
      </c>
      <c r="CS29" s="330">
        <v>0</v>
      </c>
      <c r="CT29" s="330">
        <v>0</v>
      </c>
      <c r="CU29" s="333">
        <v>0</v>
      </c>
      <c r="CV29" s="334">
        <v>0</v>
      </c>
      <c r="CW29" s="329">
        <v>0</v>
      </c>
      <c r="CX29" s="330">
        <v>0</v>
      </c>
      <c r="CY29" s="331">
        <v>0</v>
      </c>
      <c r="CZ29" s="335"/>
      <c r="DA29" s="330">
        <v>0</v>
      </c>
      <c r="DB29" s="330">
        <v>0</v>
      </c>
      <c r="DC29" s="330">
        <v>0</v>
      </c>
      <c r="DD29" s="330">
        <v>0</v>
      </c>
      <c r="DE29" s="330">
        <v>0</v>
      </c>
      <c r="DF29" s="333">
        <v>0</v>
      </c>
      <c r="DG29" s="334">
        <v>0</v>
      </c>
      <c r="DH29" s="329">
        <v>0</v>
      </c>
      <c r="DI29" s="330">
        <v>9744</v>
      </c>
      <c r="DJ29" s="331">
        <v>9744</v>
      </c>
      <c r="DK29" s="332">
        <v>0</v>
      </c>
      <c r="DL29" s="330">
        <v>5553</v>
      </c>
      <c r="DM29" s="330">
        <v>127804</v>
      </c>
      <c r="DN29" s="330">
        <v>556242</v>
      </c>
      <c r="DO29" s="330">
        <v>791137</v>
      </c>
      <c r="DP29" s="330">
        <v>558465</v>
      </c>
      <c r="DQ29" s="333">
        <v>2039201</v>
      </c>
      <c r="DR29" s="336">
        <v>2048945</v>
      </c>
      <c r="DS29" s="329">
        <v>0</v>
      </c>
      <c r="DT29" s="330">
        <v>0</v>
      </c>
      <c r="DU29" s="331">
        <v>0</v>
      </c>
      <c r="DV29" s="335"/>
      <c r="DW29" s="330">
        <v>0</v>
      </c>
      <c r="DX29" s="330">
        <v>70168</v>
      </c>
      <c r="DY29" s="330">
        <v>453056</v>
      </c>
      <c r="DZ29" s="330">
        <v>766252</v>
      </c>
      <c r="EA29" s="330">
        <v>510633</v>
      </c>
      <c r="EB29" s="333">
        <v>1800109</v>
      </c>
      <c r="EC29" s="334">
        <v>1800109</v>
      </c>
      <c r="ED29" s="329">
        <v>0</v>
      </c>
      <c r="EE29" s="330">
        <v>0</v>
      </c>
      <c r="EF29" s="331">
        <v>0</v>
      </c>
      <c r="EG29" s="335"/>
      <c r="EH29" s="330">
        <v>588</v>
      </c>
      <c r="EI29" s="330">
        <v>32144</v>
      </c>
      <c r="EJ29" s="330">
        <v>38935</v>
      </c>
      <c r="EK29" s="330">
        <v>21168</v>
      </c>
      <c r="EL29" s="330">
        <v>0</v>
      </c>
      <c r="EM29" s="333">
        <v>92835</v>
      </c>
      <c r="EN29" s="334">
        <v>92835</v>
      </c>
      <c r="EO29" s="329">
        <v>0</v>
      </c>
      <c r="EP29" s="330">
        <v>0</v>
      </c>
      <c r="EQ29" s="331">
        <v>0</v>
      </c>
      <c r="ER29" s="335"/>
      <c r="ES29" s="330">
        <v>0</v>
      </c>
      <c r="ET29" s="330">
        <v>0</v>
      </c>
      <c r="EU29" s="330">
        <v>0</v>
      </c>
      <c r="EV29" s="330">
        <v>196</v>
      </c>
      <c r="EW29" s="330">
        <v>0</v>
      </c>
      <c r="EX29" s="333">
        <v>196</v>
      </c>
      <c r="EY29" s="334">
        <v>196</v>
      </c>
      <c r="EZ29" s="329">
        <v>0</v>
      </c>
      <c r="FA29" s="330">
        <v>0</v>
      </c>
      <c r="FB29" s="331">
        <v>0</v>
      </c>
      <c r="FC29" s="335"/>
      <c r="FD29" s="330">
        <v>0</v>
      </c>
      <c r="FE29" s="330">
        <v>0</v>
      </c>
      <c r="FF29" s="330">
        <v>0</v>
      </c>
      <c r="FG29" s="330">
        <v>0</v>
      </c>
      <c r="FH29" s="330">
        <v>-2779</v>
      </c>
      <c r="FI29" s="333">
        <v>-2779</v>
      </c>
      <c r="FJ29" s="334">
        <v>-2779</v>
      </c>
      <c r="FK29" s="329">
        <v>0</v>
      </c>
      <c r="FL29" s="330">
        <v>0</v>
      </c>
      <c r="FM29" s="331">
        <v>0</v>
      </c>
      <c r="FN29" s="335"/>
      <c r="FO29" s="330">
        <v>0</v>
      </c>
      <c r="FP29" s="330">
        <v>19488</v>
      </c>
      <c r="FQ29" s="330">
        <v>0</v>
      </c>
      <c r="FR29" s="330">
        <v>0</v>
      </c>
      <c r="FS29" s="330">
        <v>0</v>
      </c>
      <c r="FT29" s="333">
        <v>19488</v>
      </c>
      <c r="FU29" s="334">
        <v>19488</v>
      </c>
      <c r="FV29" s="329">
        <v>0</v>
      </c>
      <c r="FW29" s="330">
        <v>9744</v>
      </c>
      <c r="FX29" s="331">
        <v>9744</v>
      </c>
      <c r="FY29" s="332">
        <v>0</v>
      </c>
      <c r="FZ29" s="330">
        <v>4965</v>
      </c>
      <c r="GA29" s="330">
        <v>6004</v>
      </c>
      <c r="GB29" s="330">
        <v>63177</v>
      </c>
      <c r="GC29" s="330">
        <v>3395</v>
      </c>
      <c r="GD29" s="330">
        <v>48255</v>
      </c>
      <c r="GE29" s="333">
        <v>125796</v>
      </c>
      <c r="GF29" s="334">
        <v>135540</v>
      </c>
      <c r="GG29" s="329">
        <v>0</v>
      </c>
      <c r="GH29" s="330">
        <v>0</v>
      </c>
      <c r="GI29" s="331">
        <v>0</v>
      </c>
      <c r="GJ29" s="332">
        <v>0</v>
      </c>
      <c r="GK29" s="330">
        <v>0</v>
      </c>
      <c r="GL29" s="330">
        <v>0</v>
      </c>
      <c r="GM29" s="330">
        <v>1074</v>
      </c>
      <c r="GN29" s="330">
        <v>126</v>
      </c>
      <c r="GO29" s="330">
        <v>2356</v>
      </c>
      <c r="GP29" s="333">
        <v>3556</v>
      </c>
      <c r="GQ29" s="334">
        <v>3556</v>
      </c>
      <c r="GR29" s="329">
        <v>0</v>
      </c>
      <c r="GS29" s="330">
        <v>0</v>
      </c>
      <c r="GT29" s="331">
        <v>0</v>
      </c>
      <c r="GU29" s="332">
        <v>0</v>
      </c>
      <c r="GV29" s="330">
        <v>0</v>
      </c>
      <c r="GW29" s="330">
        <v>0</v>
      </c>
      <c r="GX29" s="330">
        <v>0</v>
      </c>
      <c r="GY29" s="330">
        <v>0</v>
      </c>
      <c r="GZ29" s="330">
        <v>0</v>
      </c>
      <c r="HA29" s="333">
        <v>0</v>
      </c>
      <c r="HB29" s="334">
        <v>0</v>
      </c>
      <c r="HC29" s="329">
        <v>0</v>
      </c>
      <c r="HD29" s="330">
        <v>0</v>
      </c>
      <c r="HE29" s="331">
        <v>0</v>
      </c>
      <c r="HF29" s="335"/>
      <c r="HG29" s="330">
        <v>0</v>
      </c>
      <c r="HH29" s="330">
        <v>0</v>
      </c>
      <c r="HI29" s="330">
        <v>0</v>
      </c>
      <c r="HJ29" s="330">
        <v>0</v>
      </c>
      <c r="HK29" s="330">
        <v>0</v>
      </c>
      <c r="HL29" s="333">
        <v>0</v>
      </c>
      <c r="HM29" s="334">
        <v>0</v>
      </c>
      <c r="HN29" s="329">
        <v>0</v>
      </c>
      <c r="HO29" s="330">
        <v>11774</v>
      </c>
      <c r="HP29" s="331">
        <v>11774</v>
      </c>
      <c r="HQ29" s="332">
        <v>0</v>
      </c>
      <c r="HR29" s="330">
        <v>72817</v>
      </c>
      <c r="HS29" s="330">
        <v>325663</v>
      </c>
      <c r="HT29" s="330">
        <v>1071652</v>
      </c>
      <c r="HU29" s="330">
        <v>1544547</v>
      </c>
      <c r="HV29" s="330">
        <v>708445</v>
      </c>
      <c r="HW29" s="333">
        <v>3723124</v>
      </c>
      <c r="HX29" s="334">
        <v>3734898</v>
      </c>
    </row>
    <row r="30" spans="1:232" ht="16.5" customHeight="1" x14ac:dyDescent="0.2">
      <c r="A30" s="327" t="s">
        <v>27</v>
      </c>
      <c r="B30" s="329">
        <v>0</v>
      </c>
      <c r="C30" s="330">
        <v>0</v>
      </c>
      <c r="D30" s="331">
        <v>0</v>
      </c>
      <c r="E30" s="332">
        <v>0</v>
      </c>
      <c r="F30" s="330">
        <v>61235</v>
      </c>
      <c r="G30" s="330">
        <v>146295</v>
      </c>
      <c r="H30" s="330">
        <v>625325</v>
      </c>
      <c r="I30" s="330">
        <v>567020</v>
      </c>
      <c r="J30" s="330">
        <v>328732</v>
      </c>
      <c r="K30" s="333">
        <v>1728607</v>
      </c>
      <c r="L30" s="334">
        <v>1728607</v>
      </c>
      <c r="M30" s="329">
        <v>0</v>
      </c>
      <c r="N30" s="330">
        <v>0</v>
      </c>
      <c r="O30" s="331">
        <v>0</v>
      </c>
      <c r="P30" s="335"/>
      <c r="Q30" s="330">
        <v>31920</v>
      </c>
      <c r="R30" s="330">
        <v>29540</v>
      </c>
      <c r="S30" s="330">
        <v>400540</v>
      </c>
      <c r="T30" s="330">
        <v>436505</v>
      </c>
      <c r="U30" s="330">
        <v>235780</v>
      </c>
      <c r="V30" s="333">
        <v>1134285</v>
      </c>
      <c r="W30" s="334">
        <v>1134285</v>
      </c>
      <c r="X30" s="329">
        <v>0</v>
      </c>
      <c r="Y30" s="330">
        <v>0</v>
      </c>
      <c r="Z30" s="331">
        <v>0</v>
      </c>
      <c r="AA30" s="335"/>
      <c r="AB30" s="330">
        <v>24640</v>
      </c>
      <c r="AC30" s="330">
        <v>115640</v>
      </c>
      <c r="AD30" s="330">
        <v>101680</v>
      </c>
      <c r="AE30" s="330">
        <v>98145</v>
      </c>
      <c r="AF30" s="330">
        <v>51642</v>
      </c>
      <c r="AG30" s="333">
        <v>391747</v>
      </c>
      <c r="AH30" s="334">
        <v>391747</v>
      </c>
      <c r="AI30" s="329">
        <v>0</v>
      </c>
      <c r="AJ30" s="330">
        <v>0</v>
      </c>
      <c r="AK30" s="331">
        <v>0</v>
      </c>
      <c r="AL30" s="335"/>
      <c r="AM30" s="330">
        <v>0</v>
      </c>
      <c r="AN30" s="330">
        <v>0</v>
      </c>
      <c r="AO30" s="330">
        <v>0</v>
      </c>
      <c r="AP30" s="330">
        <v>0</v>
      </c>
      <c r="AQ30" s="330">
        <v>0</v>
      </c>
      <c r="AR30" s="333">
        <v>0</v>
      </c>
      <c r="AS30" s="334">
        <v>0</v>
      </c>
      <c r="AT30" s="329">
        <v>0</v>
      </c>
      <c r="AU30" s="330">
        <v>0</v>
      </c>
      <c r="AV30" s="331">
        <v>0</v>
      </c>
      <c r="AW30" s="335"/>
      <c r="AX30" s="330">
        <v>0</v>
      </c>
      <c r="AY30" s="330">
        <v>0</v>
      </c>
      <c r="AZ30" s="330">
        <v>22260</v>
      </c>
      <c r="BA30" s="330">
        <v>0</v>
      </c>
      <c r="BB30" s="330">
        <v>0</v>
      </c>
      <c r="BC30" s="333">
        <v>22260</v>
      </c>
      <c r="BD30" s="334">
        <v>22260</v>
      </c>
      <c r="BE30" s="329">
        <v>0</v>
      </c>
      <c r="BF30" s="330">
        <v>0</v>
      </c>
      <c r="BG30" s="331">
        <v>0</v>
      </c>
      <c r="BH30" s="335"/>
      <c r="BI30" s="330">
        <v>0</v>
      </c>
      <c r="BJ30" s="330">
        <v>0</v>
      </c>
      <c r="BK30" s="330">
        <v>76435</v>
      </c>
      <c r="BL30" s="330">
        <v>4760</v>
      </c>
      <c r="BM30" s="330">
        <v>29965</v>
      </c>
      <c r="BN30" s="333">
        <v>111160</v>
      </c>
      <c r="BO30" s="334">
        <v>111160</v>
      </c>
      <c r="BP30" s="329">
        <v>0</v>
      </c>
      <c r="BQ30" s="330">
        <v>0</v>
      </c>
      <c r="BR30" s="331">
        <v>0</v>
      </c>
      <c r="BS30" s="332">
        <v>0</v>
      </c>
      <c r="BT30" s="330">
        <v>4675</v>
      </c>
      <c r="BU30" s="330">
        <v>1115</v>
      </c>
      <c r="BV30" s="330">
        <v>24410</v>
      </c>
      <c r="BW30" s="330">
        <v>27175</v>
      </c>
      <c r="BX30" s="330">
        <v>2045</v>
      </c>
      <c r="BY30" s="333">
        <v>59420</v>
      </c>
      <c r="BZ30" s="334">
        <v>59420</v>
      </c>
      <c r="CA30" s="329">
        <v>0</v>
      </c>
      <c r="CB30" s="330">
        <v>0</v>
      </c>
      <c r="CC30" s="331">
        <v>0</v>
      </c>
      <c r="CD30" s="332">
        <v>0</v>
      </c>
      <c r="CE30" s="330">
        <v>0</v>
      </c>
      <c r="CF30" s="330">
        <v>0</v>
      </c>
      <c r="CG30" s="330">
        <v>0</v>
      </c>
      <c r="CH30" s="330">
        <v>435</v>
      </c>
      <c r="CI30" s="330">
        <v>9300</v>
      </c>
      <c r="CJ30" s="333">
        <v>9735</v>
      </c>
      <c r="CK30" s="334">
        <v>9735</v>
      </c>
      <c r="CL30" s="329">
        <v>0</v>
      </c>
      <c r="CM30" s="330">
        <v>0</v>
      </c>
      <c r="CN30" s="331">
        <v>0</v>
      </c>
      <c r="CO30" s="332">
        <v>0</v>
      </c>
      <c r="CP30" s="330">
        <v>0</v>
      </c>
      <c r="CQ30" s="330">
        <v>0</v>
      </c>
      <c r="CR30" s="330">
        <v>0</v>
      </c>
      <c r="CS30" s="330">
        <v>0</v>
      </c>
      <c r="CT30" s="330">
        <v>0</v>
      </c>
      <c r="CU30" s="333">
        <v>0</v>
      </c>
      <c r="CV30" s="334">
        <v>0</v>
      </c>
      <c r="CW30" s="329">
        <v>0</v>
      </c>
      <c r="CX30" s="330">
        <v>0</v>
      </c>
      <c r="CY30" s="331">
        <v>0</v>
      </c>
      <c r="CZ30" s="335"/>
      <c r="DA30" s="330">
        <v>0</v>
      </c>
      <c r="DB30" s="330">
        <v>0</v>
      </c>
      <c r="DC30" s="330">
        <v>0</v>
      </c>
      <c r="DD30" s="330">
        <v>0</v>
      </c>
      <c r="DE30" s="330">
        <v>0</v>
      </c>
      <c r="DF30" s="333">
        <v>0</v>
      </c>
      <c r="DG30" s="334">
        <v>0</v>
      </c>
      <c r="DH30" s="329">
        <v>0</v>
      </c>
      <c r="DI30" s="330">
        <v>0</v>
      </c>
      <c r="DJ30" s="331">
        <v>0</v>
      </c>
      <c r="DK30" s="332">
        <v>0</v>
      </c>
      <c r="DL30" s="330">
        <v>53634</v>
      </c>
      <c r="DM30" s="330">
        <v>93894</v>
      </c>
      <c r="DN30" s="330">
        <v>597428</v>
      </c>
      <c r="DO30" s="330">
        <v>579825</v>
      </c>
      <c r="DP30" s="330">
        <v>321225</v>
      </c>
      <c r="DQ30" s="333">
        <v>1646006</v>
      </c>
      <c r="DR30" s="336">
        <v>1646006</v>
      </c>
      <c r="DS30" s="329">
        <v>0</v>
      </c>
      <c r="DT30" s="330">
        <v>0</v>
      </c>
      <c r="DU30" s="331">
        <v>0</v>
      </c>
      <c r="DV30" s="335"/>
      <c r="DW30" s="330">
        <v>27160</v>
      </c>
      <c r="DX30" s="330">
        <v>13580</v>
      </c>
      <c r="DY30" s="330">
        <v>347816</v>
      </c>
      <c r="DZ30" s="330">
        <v>445105</v>
      </c>
      <c r="EA30" s="330">
        <v>273104</v>
      </c>
      <c r="EB30" s="333">
        <v>1106765</v>
      </c>
      <c r="EC30" s="334">
        <v>1106765</v>
      </c>
      <c r="ED30" s="329">
        <v>0</v>
      </c>
      <c r="EE30" s="330">
        <v>0</v>
      </c>
      <c r="EF30" s="331">
        <v>0</v>
      </c>
      <c r="EG30" s="335"/>
      <c r="EH30" s="330">
        <v>19684</v>
      </c>
      <c r="EI30" s="330">
        <v>76804</v>
      </c>
      <c r="EJ30" s="330">
        <v>106204</v>
      </c>
      <c r="EK30" s="330">
        <v>62652</v>
      </c>
      <c r="EL30" s="330">
        <v>9647</v>
      </c>
      <c r="EM30" s="333">
        <v>274991</v>
      </c>
      <c r="EN30" s="334">
        <v>274991</v>
      </c>
      <c r="EO30" s="329">
        <v>0</v>
      </c>
      <c r="EP30" s="330">
        <v>0</v>
      </c>
      <c r="EQ30" s="331">
        <v>0</v>
      </c>
      <c r="ER30" s="335"/>
      <c r="ES30" s="330">
        <v>0</v>
      </c>
      <c r="ET30" s="330">
        <v>0</v>
      </c>
      <c r="EU30" s="330">
        <v>0</v>
      </c>
      <c r="EV30" s="330">
        <v>0</v>
      </c>
      <c r="EW30" s="330">
        <v>0</v>
      </c>
      <c r="EX30" s="333">
        <v>0</v>
      </c>
      <c r="EY30" s="334">
        <v>0</v>
      </c>
      <c r="EZ30" s="329">
        <v>0</v>
      </c>
      <c r="FA30" s="330">
        <v>0</v>
      </c>
      <c r="FB30" s="331">
        <v>0</v>
      </c>
      <c r="FC30" s="335"/>
      <c r="FD30" s="330">
        <v>0</v>
      </c>
      <c r="FE30" s="330">
        <v>0</v>
      </c>
      <c r="FF30" s="330">
        <v>196</v>
      </c>
      <c r="FG30" s="330">
        <v>0</v>
      </c>
      <c r="FH30" s="330">
        <v>0</v>
      </c>
      <c r="FI30" s="333">
        <v>196</v>
      </c>
      <c r="FJ30" s="334">
        <v>196</v>
      </c>
      <c r="FK30" s="329">
        <v>0</v>
      </c>
      <c r="FL30" s="330">
        <v>0</v>
      </c>
      <c r="FM30" s="331">
        <v>0</v>
      </c>
      <c r="FN30" s="335"/>
      <c r="FO30" s="330">
        <v>0</v>
      </c>
      <c r="FP30" s="330">
        <v>0</v>
      </c>
      <c r="FQ30" s="330">
        <v>113248</v>
      </c>
      <c r="FR30" s="330">
        <v>38976</v>
      </c>
      <c r="FS30" s="330">
        <v>36688</v>
      </c>
      <c r="FT30" s="333">
        <v>188912</v>
      </c>
      <c r="FU30" s="334">
        <v>188912</v>
      </c>
      <c r="FV30" s="329">
        <v>0</v>
      </c>
      <c r="FW30" s="330">
        <v>0</v>
      </c>
      <c r="FX30" s="331">
        <v>0</v>
      </c>
      <c r="FY30" s="332">
        <v>0</v>
      </c>
      <c r="FZ30" s="330">
        <v>6790</v>
      </c>
      <c r="GA30" s="330">
        <v>3510</v>
      </c>
      <c r="GB30" s="330">
        <v>29964</v>
      </c>
      <c r="GC30" s="330">
        <v>31660</v>
      </c>
      <c r="GD30" s="330">
        <v>1702</v>
      </c>
      <c r="GE30" s="333">
        <v>73626</v>
      </c>
      <c r="GF30" s="334">
        <v>73626</v>
      </c>
      <c r="GG30" s="329">
        <v>0</v>
      </c>
      <c r="GH30" s="330">
        <v>0</v>
      </c>
      <c r="GI30" s="331">
        <v>0</v>
      </c>
      <c r="GJ30" s="332">
        <v>0</v>
      </c>
      <c r="GK30" s="330">
        <v>0</v>
      </c>
      <c r="GL30" s="330">
        <v>0</v>
      </c>
      <c r="GM30" s="330">
        <v>0</v>
      </c>
      <c r="GN30" s="330">
        <v>1432</v>
      </c>
      <c r="GO30" s="330">
        <v>84</v>
      </c>
      <c r="GP30" s="333">
        <v>1516</v>
      </c>
      <c r="GQ30" s="334">
        <v>1516</v>
      </c>
      <c r="GR30" s="329">
        <v>0</v>
      </c>
      <c r="GS30" s="330">
        <v>0</v>
      </c>
      <c r="GT30" s="331">
        <v>0</v>
      </c>
      <c r="GU30" s="332">
        <v>0</v>
      </c>
      <c r="GV30" s="330">
        <v>0</v>
      </c>
      <c r="GW30" s="330">
        <v>0</v>
      </c>
      <c r="GX30" s="330">
        <v>0</v>
      </c>
      <c r="GY30" s="330">
        <v>0</v>
      </c>
      <c r="GZ30" s="330">
        <v>0</v>
      </c>
      <c r="HA30" s="333">
        <v>0</v>
      </c>
      <c r="HB30" s="334">
        <v>0</v>
      </c>
      <c r="HC30" s="329">
        <v>0</v>
      </c>
      <c r="HD30" s="330">
        <v>0</v>
      </c>
      <c r="HE30" s="331">
        <v>0</v>
      </c>
      <c r="HF30" s="335"/>
      <c r="HG30" s="330">
        <v>0</v>
      </c>
      <c r="HH30" s="330">
        <v>0</v>
      </c>
      <c r="HI30" s="330">
        <v>0</v>
      </c>
      <c r="HJ30" s="330">
        <v>0</v>
      </c>
      <c r="HK30" s="330">
        <v>0</v>
      </c>
      <c r="HL30" s="333">
        <v>0</v>
      </c>
      <c r="HM30" s="334">
        <v>0</v>
      </c>
      <c r="HN30" s="329">
        <v>0</v>
      </c>
      <c r="HO30" s="330">
        <v>0</v>
      </c>
      <c r="HP30" s="331">
        <v>0</v>
      </c>
      <c r="HQ30" s="332">
        <v>0</v>
      </c>
      <c r="HR30" s="330">
        <v>114869</v>
      </c>
      <c r="HS30" s="330">
        <v>240189</v>
      </c>
      <c r="HT30" s="330">
        <v>1222753</v>
      </c>
      <c r="HU30" s="330">
        <v>1146845</v>
      </c>
      <c r="HV30" s="330">
        <v>649957</v>
      </c>
      <c r="HW30" s="333">
        <v>3374613</v>
      </c>
      <c r="HX30" s="334">
        <v>3374613</v>
      </c>
    </row>
    <row r="31" spans="1:232" ht="16.5" customHeight="1" x14ac:dyDescent="0.2">
      <c r="A31" s="327" t="s">
        <v>28</v>
      </c>
      <c r="B31" s="329">
        <v>0</v>
      </c>
      <c r="C31" s="330">
        <v>0</v>
      </c>
      <c r="D31" s="331">
        <v>0</v>
      </c>
      <c r="E31" s="332">
        <v>0</v>
      </c>
      <c r="F31" s="330">
        <v>0</v>
      </c>
      <c r="G31" s="330">
        <v>32310</v>
      </c>
      <c r="H31" s="330">
        <v>244700</v>
      </c>
      <c r="I31" s="330">
        <v>188880</v>
      </c>
      <c r="J31" s="330">
        <v>127380</v>
      </c>
      <c r="K31" s="333">
        <v>593270</v>
      </c>
      <c r="L31" s="334">
        <v>593270</v>
      </c>
      <c r="M31" s="329">
        <v>0</v>
      </c>
      <c r="N31" s="330">
        <v>0</v>
      </c>
      <c r="O31" s="331">
        <v>0</v>
      </c>
      <c r="P31" s="335"/>
      <c r="Q31" s="330">
        <v>0</v>
      </c>
      <c r="R31" s="330">
        <v>27720</v>
      </c>
      <c r="S31" s="330">
        <v>163360</v>
      </c>
      <c r="T31" s="330">
        <v>104580</v>
      </c>
      <c r="U31" s="330">
        <v>85120</v>
      </c>
      <c r="V31" s="333">
        <v>380780</v>
      </c>
      <c r="W31" s="334">
        <v>380780</v>
      </c>
      <c r="X31" s="329">
        <v>0</v>
      </c>
      <c r="Y31" s="330">
        <v>0</v>
      </c>
      <c r="Z31" s="331">
        <v>0</v>
      </c>
      <c r="AA31" s="335"/>
      <c r="AB31" s="330">
        <v>0</v>
      </c>
      <c r="AC31" s="330">
        <v>4590</v>
      </c>
      <c r="AD31" s="330">
        <v>51800</v>
      </c>
      <c r="AE31" s="330">
        <v>83720</v>
      </c>
      <c r="AF31" s="330">
        <v>42260</v>
      </c>
      <c r="AG31" s="333">
        <v>182370</v>
      </c>
      <c r="AH31" s="334">
        <v>182370</v>
      </c>
      <c r="AI31" s="329">
        <v>0</v>
      </c>
      <c r="AJ31" s="330">
        <v>0</v>
      </c>
      <c r="AK31" s="331">
        <v>0</v>
      </c>
      <c r="AL31" s="335"/>
      <c r="AM31" s="330">
        <v>0</v>
      </c>
      <c r="AN31" s="330">
        <v>0</v>
      </c>
      <c r="AO31" s="330">
        <v>0</v>
      </c>
      <c r="AP31" s="330">
        <v>0</v>
      </c>
      <c r="AQ31" s="330">
        <v>0</v>
      </c>
      <c r="AR31" s="333">
        <v>0</v>
      </c>
      <c r="AS31" s="334">
        <v>0</v>
      </c>
      <c r="AT31" s="329">
        <v>0</v>
      </c>
      <c r="AU31" s="330">
        <v>0</v>
      </c>
      <c r="AV31" s="331">
        <v>0</v>
      </c>
      <c r="AW31" s="335"/>
      <c r="AX31" s="330">
        <v>0</v>
      </c>
      <c r="AY31" s="330">
        <v>0</v>
      </c>
      <c r="AZ31" s="330">
        <v>0</v>
      </c>
      <c r="BA31" s="330">
        <v>0</v>
      </c>
      <c r="BB31" s="330">
        <v>0</v>
      </c>
      <c r="BC31" s="333">
        <v>0</v>
      </c>
      <c r="BD31" s="334">
        <v>0</v>
      </c>
      <c r="BE31" s="329">
        <v>0</v>
      </c>
      <c r="BF31" s="330">
        <v>0</v>
      </c>
      <c r="BG31" s="331">
        <v>0</v>
      </c>
      <c r="BH31" s="335"/>
      <c r="BI31" s="330">
        <v>0</v>
      </c>
      <c r="BJ31" s="330">
        <v>0</v>
      </c>
      <c r="BK31" s="330">
        <v>29540</v>
      </c>
      <c r="BL31" s="330">
        <v>0</v>
      </c>
      <c r="BM31" s="330">
        <v>0</v>
      </c>
      <c r="BN31" s="333">
        <v>29540</v>
      </c>
      <c r="BO31" s="334">
        <v>29540</v>
      </c>
      <c r="BP31" s="329">
        <v>0</v>
      </c>
      <c r="BQ31" s="330">
        <v>0</v>
      </c>
      <c r="BR31" s="331">
        <v>0</v>
      </c>
      <c r="BS31" s="332">
        <v>0</v>
      </c>
      <c r="BT31" s="330">
        <v>0</v>
      </c>
      <c r="BU31" s="330">
        <v>0</v>
      </c>
      <c r="BV31" s="330">
        <v>0</v>
      </c>
      <c r="BW31" s="330">
        <v>580</v>
      </c>
      <c r="BX31" s="330">
        <v>0</v>
      </c>
      <c r="BY31" s="333">
        <v>580</v>
      </c>
      <c r="BZ31" s="334">
        <v>580</v>
      </c>
      <c r="CA31" s="329">
        <v>0</v>
      </c>
      <c r="CB31" s="330">
        <v>0</v>
      </c>
      <c r="CC31" s="331">
        <v>0</v>
      </c>
      <c r="CD31" s="332">
        <v>0</v>
      </c>
      <c r="CE31" s="330">
        <v>0</v>
      </c>
      <c r="CF31" s="330">
        <v>0</v>
      </c>
      <c r="CG31" s="330">
        <v>0</v>
      </c>
      <c r="CH31" s="330">
        <v>0</v>
      </c>
      <c r="CI31" s="330">
        <v>0</v>
      </c>
      <c r="CJ31" s="333">
        <v>0</v>
      </c>
      <c r="CK31" s="334">
        <v>0</v>
      </c>
      <c r="CL31" s="329">
        <v>0</v>
      </c>
      <c r="CM31" s="330">
        <v>0</v>
      </c>
      <c r="CN31" s="331">
        <v>0</v>
      </c>
      <c r="CO31" s="332">
        <v>0</v>
      </c>
      <c r="CP31" s="330">
        <v>0</v>
      </c>
      <c r="CQ31" s="330">
        <v>0</v>
      </c>
      <c r="CR31" s="330">
        <v>0</v>
      </c>
      <c r="CS31" s="330">
        <v>0</v>
      </c>
      <c r="CT31" s="330">
        <v>0</v>
      </c>
      <c r="CU31" s="333">
        <v>0</v>
      </c>
      <c r="CV31" s="334">
        <v>0</v>
      </c>
      <c r="CW31" s="329">
        <v>0</v>
      </c>
      <c r="CX31" s="330">
        <v>0</v>
      </c>
      <c r="CY31" s="331">
        <v>0</v>
      </c>
      <c r="CZ31" s="335"/>
      <c r="DA31" s="330">
        <v>0</v>
      </c>
      <c r="DB31" s="330">
        <v>0</v>
      </c>
      <c r="DC31" s="330">
        <v>0</v>
      </c>
      <c r="DD31" s="330">
        <v>0</v>
      </c>
      <c r="DE31" s="330">
        <v>0</v>
      </c>
      <c r="DF31" s="333">
        <v>0</v>
      </c>
      <c r="DG31" s="334">
        <v>0</v>
      </c>
      <c r="DH31" s="329">
        <v>0</v>
      </c>
      <c r="DI31" s="330">
        <v>0</v>
      </c>
      <c r="DJ31" s="331">
        <v>0</v>
      </c>
      <c r="DK31" s="332">
        <v>0</v>
      </c>
      <c r="DL31" s="330">
        <v>0</v>
      </c>
      <c r="DM31" s="330">
        <v>41280</v>
      </c>
      <c r="DN31" s="330">
        <v>142353</v>
      </c>
      <c r="DO31" s="330">
        <v>145980</v>
      </c>
      <c r="DP31" s="330">
        <v>74508</v>
      </c>
      <c r="DQ31" s="333">
        <v>404121</v>
      </c>
      <c r="DR31" s="336">
        <v>404121</v>
      </c>
      <c r="DS31" s="329">
        <v>0</v>
      </c>
      <c r="DT31" s="330">
        <v>0</v>
      </c>
      <c r="DU31" s="331">
        <v>0</v>
      </c>
      <c r="DV31" s="335"/>
      <c r="DW31" s="330">
        <v>0</v>
      </c>
      <c r="DX31" s="330">
        <v>13160</v>
      </c>
      <c r="DY31" s="330">
        <v>108753</v>
      </c>
      <c r="DZ31" s="330">
        <v>120820</v>
      </c>
      <c r="EA31" s="330">
        <v>74200</v>
      </c>
      <c r="EB31" s="333">
        <v>316933</v>
      </c>
      <c r="EC31" s="334">
        <v>316933</v>
      </c>
      <c r="ED31" s="329">
        <v>0</v>
      </c>
      <c r="EE31" s="330">
        <v>0</v>
      </c>
      <c r="EF31" s="331">
        <v>0</v>
      </c>
      <c r="EG31" s="335"/>
      <c r="EH31" s="330">
        <v>0</v>
      </c>
      <c r="EI31" s="330">
        <v>28120</v>
      </c>
      <c r="EJ31" s="330">
        <v>392</v>
      </c>
      <c r="EK31" s="330">
        <v>20440</v>
      </c>
      <c r="EL31" s="330">
        <v>308</v>
      </c>
      <c r="EM31" s="333">
        <v>49260</v>
      </c>
      <c r="EN31" s="334">
        <v>49260</v>
      </c>
      <c r="EO31" s="329">
        <v>0</v>
      </c>
      <c r="EP31" s="330">
        <v>0</v>
      </c>
      <c r="EQ31" s="331">
        <v>0</v>
      </c>
      <c r="ER31" s="335"/>
      <c r="ES31" s="330">
        <v>0</v>
      </c>
      <c r="ET31" s="330">
        <v>0</v>
      </c>
      <c r="EU31" s="330">
        <v>0</v>
      </c>
      <c r="EV31" s="330">
        <v>0</v>
      </c>
      <c r="EW31" s="330">
        <v>0</v>
      </c>
      <c r="EX31" s="333">
        <v>0</v>
      </c>
      <c r="EY31" s="334">
        <v>0</v>
      </c>
      <c r="EZ31" s="329">
        <v>0</v>
      </c>
      <c r="FA31" s="330">
        <v>0</v>
      </c>
      <c r="FB31" s="331">
        <v>0</v>
      </c>
      <c r="FC31" s="335"/>
      <c r="FD31" s="330">
        <v>0</v>
      </c>
      <c r="FE31" s="330">
        <v>0</v>
      </c>
      <c r="FF31" s="330">
        <v>0</v>
      </c>
      <c r="FG31" s="330">
        <v>0</v>
      </c>
      <c r="FH31" s="330">
        <v>0</v>
      </c>
      <c r="FI31" s="333">
        <v>0</v>
      </c>
      <c r="FJ31" s="334">
        <v>0</v>
      </c>
      <c r="FK31" s="329">
        <v>0</v>
      </c>
      <c r="FL31" s="330">
        <v>0</v>
      </c>
      <c r="FM31" s="331">
        <v>0</v>
      </c>
      <c r="FN31" s="335"/>
      <c r="FO31" s="330">
        <v>0</v>
      </c>
      <c r="FP31" s="330">
        <v>0</v>
      </c>
      <c r="FQ31" s="330">
        <v>33208</v>
      </c>
      <c r="FR31" s="330">
        <v>0</v>
      </c>
      <c r="FS31" s="330">
        <v>0</v>
      </c>
      <c r="FT31" s="333">
        <v>33208</v>
      </c>
      <c r="FU31" s="334">
        <v>33208</v>
      </c>
      <c r="FV31" s="329">
        <v>0</v>
      </c>
      <c r="FW31" s="330">
        <v>0</v>
      </c>
      <c r="FX31" s="331">
        <v>0</v>
      </c>
      <c r="FY31" s="332">
        <v>0</v>
      </c>
      <c r="FZ31" s="330">
        <v>0</v>
      </c>
      <c r="GA31" s="330">
        <v>0</v>
      </c>
      <c r="GB31" s="330">
        <v>0</v>
      </c>
      <c r="GC31" s="330">
        <v>4720</v>
      </c>
      <c r="GD31" s="330">
        <v>0</v>
      </c>
      <c r="GE31" s="333">
        <v>4720</v>
      </c>
      <c r="GF31" s="334">
        <v>4720</v>
      </c>
      <c r="GG31" s="329">
        <v>0</v>
      </c>
      <c r="GH31" s="330">
        <v>0</v>
      </c>
      <c r="GI31" s="331">
        <v>0</v>
      </c>
      <c r="GJ31" s="332">
        <v>0</v>
      </c>
      <c r="GK31" s="330">
        <v>0</v>
      </c>
      <c r="GL31" s="330">
        <v>0</v>
      </c>
      <c r="GM31" s="330">
        <v>0</v>
      </c>
      <c r="GN31" s="330">
        <v>0</v>
      </c>
      <c r="GO31" s="330">
        <v>0</v>
      </c>
      <c r="GP31" s="333">
        <v>0</v>
      </c>
      <c r="GQ31" s="334">
        <v>0</v>
      </c>
      <c r="GR31" s="329">
        <v>0</v>
      </c>
      <c r="GS31" s="330">
        <v>0</v>
      </c>
      <c r="GT31" s="331">
        <v>0</v>
      </c>
      <c r="GU31" s="332">
        <v>0</v>
      </c>
      <c r="GV31" s="330">
        <v>0</v>
      </c>
      <c r="GW31" s="330">
        <v>0</v>
      </c>
      <c r="GX31" s="330">
        <v>0</v>
      </c>
      <c r="GY31" s="330">
        <v>0</v>
      </c>
      <c r="GZ31" s="330">
        <v>0</v>
      </c>
      <c r="HA31" s="333">
        <v>0</v>
      </c>
      <c r="HB31" s="334">
        <v>0</v>
      </c>
      <c r="HC31" s="329">
        <v>0</v>
      </c>
      <c r="HD31" s="330">
        <v>0</v>
      </c>
      <c r="HE31" s="331">
        <v>0</v>
      </c>
      <c r="HF31" s="335"/>
      <c r="HG31" s="330">
        <v>0</v>
      </c>
      <c r="HH31" s="330">
        <v>0</v>
      </c>
      <c r="HI31" s="330">
        <v>0</v>
      </c>
      <c r="HJ31" s="330">
        <v>0</v>
      </c>
      <c r="HK31" s="330">
        <v>0</v>
      </c>
      <c r="HL31" s="333">
        <v>0</v>
      </c>
      <c r="HM31" s="334">
        <v>0</v>
      </c>
      <c r="HN31" s="329">
        <v>0</v>
      </c>
      <c r="HO31" s="330">
        <v>0</v>
      </c>
      <c r="HP31" s="331">
        <v>0</v>
      </c>
      <c r="HQ31" s="332">
        <v>0</v>
      </c>
      <c r="HR31" s="330">
        <v>0</v>
      </c>
      <c r="HS31" s="330">
        <v>73590</v>
      </c>
      <c r="HT31" s="330">
        <v>387053</v>
      </c>
      <c r="HU31" s="330">
        <v>334860</v>
      </c>
      <c r="HV31" s="330">
        <v>201888</v>
      </c>
      <c r="HW31" s="333">
        <v>997391</v>
      </c>
      <c r="HX31" s="334">
        <v>997391</v>
      </c>
    </row>
    <row r="32" spans="1:232" ht="16.5" customHeight="1" x14ac:dyDescent="0.2">
      <c r="A32" s="327" t="s">
        <v>29</v>
      </c>
      <c r="B32" s="329">
        <v>0</v>
      </c>
      <c r="C32" s="330">
        <v>0</v>
      </c>
      <c r="D32" s="331">
        <v>0</v>
      </c>
      <c r="E32" s="332">
        <v>0</v>
      </c>
      <c r="F32" s="330">
        <v>2380</v>
      </c>
      <c r="G32" s="330">
        <v>120275</v>
      </c>
      <c r="H32" s="330">
        <v>223587</v>
      </c>
      <c r="I32" s="330">
        <v>388675</v>
      </c>
      <c r="J32" s="330">
        <v>178750</v>
      </c>
      <c r="K32" s="333">
        <v>913667</v>
      </c>
      <c r="L32" s="334">
        <v>913667</v>
      </c>
      <c r="M32" s="329">
        <v>0</v>
      </c>
      <c r="N32" s="330">
        <v>0</v>
      </c>
      <c r="O32" s="331">
        <v>0</v>
      </c>
      <c r="P32" s="335"/>
      <c r="Q32" s="330">
        <v>0</v>
      </c>
      <c r="R32" s="330">
        <v>0</v>
      </c>
      <c r="S32" s="330">
        <v>152140</v>
      </c>
      <c r="T32" s="330">
        <v>253540</v>
      </c>
      <c r="U32" s="330">
        <v>145235</v>
      </c>
      <c r="V32" s="333">
        <v>550915</v>
      </c>
      <c r="W32" s="334">
        <v>550915</v>
      </c>
      <c r="X32" s="329">
        <v>0</v>
      </c>
      <c r="Y32" s="330">
        <v>0</v>
      </c>
      <c r="Z32" s="331">
        <v>0</v>
      </c>
      <c r="AA32" s="335"/>
      <c r="AB32" s="330">
        <v>2380</v>
      </c>
      <c r="AC32" s="330">
        <v>104535</v>
      </c>
      <c r="AD32" s="330">
        <v>22260</v>
      </c>
      <c r="AE32" s="330">
        <v>1585</v>
      </c>
      <c r="AF32" s="330">
        <v>2380</v>
      </c>
      <c r="AG32" s="333">
        <v>133140</v>
      </c>
      <c r="AH32" s="334">
        <v>133140</v>
      </c>
      <c r="AI32" s="329">
        <v>0</v>
      </c>
      <c r="AJ32" s="330">
        <v>0</v>
      </c>
      <c r="AK32" s="331">
        <v>0</v>
      </c>
      <c r="AL32" s="335"/>
      <c r="AM32" s="330">
        <v>0</v>
      </c>
      <c r="AN32" s="330">
        <v>0</v>
      </c>
      <c r="AO32" s="330">
        <v>0</v>
      </c>
      <c r="AP32" s="330">
        <v>0</v>
      </c>
      <c r="AQ32" s="330">
        <v>0</v>
      </c>
      <c r="AR32" s="333">
        <v>0</v>
      </c>
      <c r="AS32" s="334">
        <v>0</v>
      </c>
      <c r="AT32" s="329">
        <v>0</v>
      </c>
      <c r="AU32" s="330">
        <v>0</v>
      </c>
      <c r="AV32" s="331">
        <v>0</v>
      </c>
      <c r="AW32" s="335"/>
      <c r="AX32" s="330">
        <v>0</v>
      </c>
      <c r="AY32" s="330">
        <v>0</v>
      </c>
      <c r="AZ32" s="330">
        <v>0</v>
      </c>
      <c r="BA32" s="330">
        <v>0</v>
      </c>
      <c r="BB32" s="330">
        <v>0</v>
      </c>
      <c r="BC32" s="333">
        <v>0</v>
      </c>
      <c r="BD32" s="334">
        <v>0</v>
      </c>
      <c r="BE32" s="329">
        <v>0</v>
      </c>
      <c r="BF32" s="330">
        <v>0</v>
      </c>
      <c r="BG32" s="331">
        <v>0</v>
      </c>
      <c r="BH32" s="335"/>
      <c r="BI32" s="330">
        <v>0</v>
      </c>
      <c r="BJ32" s="330">
        <v>0</v>
      </c>
      <c r="BK32" s="330">
        <v>4760</v>
      </c>
      <c r="BL32" s="330">
        <v>116050</v>
      </c>
      <c r="BM32" s="330">
        <v>29540</v>
      </c>
      <c r="BN32" s="333">
        <v>150350</v>
      </c>
      <c r="BO32" s="334">
        <v>150350</v>
      </c>
      <c r="BP32" s="329">
        <v>0</v>
      </c>
      <c r="BQ32" s="330">
        <v>0</v>
      </c>
      <c r="BR32" s="331">
        <v>0</v>
      </c>
      <c r="BS32" s="332">
        <v>0</v>
      </c>
      <c r="BT32" s="330">
        <v>0</v>
      </c>
      <c r="BU32" s="330">
        <v>14145</v>
      </c>
      <c r="BV32" s="330">
        <v>44137</v>
      </c>
      <c r="BW32" s="330">
        <v>17500</v>
      </c>
      <c r="BX32" s="330">
        <v>1595</v>
      </c>
      <c r="BY32" s="333">
        <v>77377</v>
      </c>
      <c r="BZ32" s="334">
        <v>77377</v>
      </c>
      <c r="CA32" s="329">
        <v>0</v>
      </c>
      <c r="CB32" s="330">
        <v>0</v>
      </c>
      <c r="CC32" s="331">
        <v>0</v>
      </c>
      <c r="CD32" s="332">
        <v>0</v>
      </c>
      <c r="CE32" s="330">
        <v>0</v>
      </c>
      <c r="CF32" s="330">
        <v>1595</v>
      </c>
      <c r="CG32" s="330">
        <v>290</v>
      </c>
      <c r="CH32" s="330">
        <v>0</v>
      </c>
      <c r="CI32" s="330">
        <v>0</v>
      </c>
      <c r="CJ32" s="333">
        <v>1885</v>
      </c>
      <c r="CK32" s="334">
        <v>1885</v>
      </c>
      <c r="CL32" s="329">
        <v>0</v>
      </c>
      <c r="CM32" s="330">
        <v>0</v>
      </c>
      <c r="CN32" s="331">
        <v>0</v>
      </c>
      <c r="CO32" s="332">
        <v>0</v>
      </c>
      <c r="CP32" s="330">
        <v>0</v>
      </c>
      <c r="CQ32" s="330">
        <v>0</v>
      </c>
      <c r="CR32" s="330">
        <v>0</v>
      </c>
      <c r="CS32" s="330">
        <v>0</v>
      </c>
      <c r="CT32" s="330">
        <v>0</v>
      </c>
      <c r="CU32" s="333">
        <v>0</v>
      </c>
      <c r="CV32" s="334">
        <v>0</v>
      </c>
      <c r="CW32" s="329">
        <v>0</v>
      </c>
      <c r="CX32" s="330">
        <v>0</v>
      </c>
      <c r="CY32" s="331">
        <v>0</v>
      </c>
      <c r="CZ32" s="335"/>
      <c r="DA32" s="330">
        <v>0</v>
      </c>
      <c r="DB32" s="330">
        <v>0</v>
      </c>
      <c r="DC32" s="330">
        <v>0</v>
      </c>
      <c r="DD32" s="330">
        <v>0</v>
      </c>
      <c r="DE32" s="330">
        <v>0</v>
      </c>
      <c r="DF32" s="333">
        <v>0</v>
      </c>
      <c r="DG32" s="334">
        <v>0</v>
      </c>
      <c r="DH32" s="329">
        <v>0</v>
      </c>
      <c r="DI32" s="330">
        <v>0</v>
      </c>
      <c r="DJ32" s="331">
        <v>0</v>
      </c>
      <c r="DK32" s="332">
        <v>0</v>
      </c>
      <c r="DL32" s="330">
        <v>196</v>
      </c>
      <c r="DM32" s="330">
        <v>56033</v>
      </c>
      <c r="DN32" s="330">
        <v>226126</v>
      </c>
      <c r="DO32" s="330">
        <v>401883</v>
      </c>
      <c r="DP32" s="330">
        <v>149435</v>
      </c>
      <c r="DQ32" s="333">
        <v>833673</v>
      </c>
      <c r="DR32" s="336">
        <v>833673</v>
      </c>
      <c r="DS32" s="329">
        <v>0</v>
      </c>
      <c r="DT32" s="330">
        <v>0</v>
      </c>
      <c r="DU32" s="331">
        <v>0</v>
      </c>
      <c r="DV32" s="335"/>
      <c r="DW32" s="330">
        <v>0</v>
      </c>
      <c r="DX32" s="330">
        <v>0</v>
      </c>
      <c r="DY32" s="330">
        <v>153284</v>
      </c>
      <c r="DZ32" s="330">
        <v>256312</v>
      </c>
      <c r="EA32" s="330">
        <v>111468</v>
      </c>
      <c r="EB32" s="333">
        <v>521064</v>
      </c>
      <c r="EC32" s="334">
        <v>521064</v>
      </c>
      <c r="ED32" s="329">
        <v>0</v>
      </c>
      <c r="EE32" s="330">
        <v>0</v>
      </c>
      <c r="EF32" s="331">
        <v>0</v>
      </c>
      <c r="EG32" s="335"/>
      <c r="EH32" s="330">
        <v>196</v>
      </c>
      <c r="EI32" s="330">
        <v>43477</v>
      </c>
      <c r="EJ32" s="330">
        <v>168</v>
      </c>
      <c r="EK32" s="330">
        <v>182</v>
      </c>
      <c r="EL32" s="330">
        <v>196</v>
      </c>
      <c r="EM32" s="333">
        <v>44219</v>
      </c>
      <c r="EN32" s="334">
        <v>44219</v>
      </c>
      <c r="EO32" s="329">
        <v>0</v>
      </c>
      <c r="EP32" s="330">
        <v>0</v>
      </c>
      <c r="EQ32" s="331">
        <v>0</v>
      </c>
      <c r="ER32" s="335"/>
      <c r="ES32" s="330">
        <v>0</v>
      </c>
      <c r="ET32" s="330">
        <v>0</v>
      </c>
      <c r="EU32" s="330">
        <v>0</v>
      </c>
      <c r="EV32" s="330">
        <v>0</v>
      </c>
      <c r="EW32" s="330">
        <v>0</v>
      </c>
      <c r="EX32" s="333">
        <v>0</v>
      </c>
      <c r="EY32" s="334">
        <v>0</v>
      </c>
      <c r="EZ32" s="329">
        <v>0</v>
      </c>
      <c r="FA32" s="330">
        <v>0</v>
      </c>
      <c r="FB32" s="331">
        <v>0</v>
      </c>
      <c r="FC32" s="335"/>
      <c r="FD32" s="330">
        <v>0</v>
      </c>
      <c r="FE32" s="330">
        <v>0</v>
      </c>
      <c r="FF32" s="330">
        <v>0</v>
      </c>
      <c r="FG32" s="330">
        <v>0</v>
      </c>
      <c r="FH32" s="330">
        <v>0</v>
      </c>
      <c r="FI32" s="333">
        <v>0</v>
      </c>
      <c r="FJ32" s="334">
        <v>0</v>
      </c>
      <c r="FK32" s="329">
        <v>0</v>
      </c>
      <c r="FL32" s="330">
        <v>0</v>
      </c>
      <c r="FM32" s="331">
        <v>0</v>
      </c>
      <c r="FN32" s="335"/>
      <c r="FO32" s="330">
        <v>0</v>
      </c>
      <c r="FP32" s="330">
        <v>0</v>
      </c>
      <c r="FQ32" s="330">
        <v>38976</v>
      </c>
      <c r="FR32" s="330">
        <v>135204</v>
      </c>
      <c r="FS32" s="330">
        <v>33208</v>
      </c>
      <c r="FT32" s="333">
        <v>207388</v>
      </c>
      <c r="FU32" s="334">
        <v>207388</v>
      </c>
      <c r="FV32" s="329">
        <v>0</v>
      </c>
      <c r="FW32" s="330">
        <v>0</v>
      </c>
      <c r="FX32" s="331">
        <v>0</v>
      </c>
      <c r="FY32" s="332">
        <v>0</v>
      </c>
      <c r="FZ32" s="330">
        <v>0</v>
      </c>
      <c r="GA32" s="330">
        <v>11075</v>
      </c>
      <c r="GB32" s="330">
        <v>33677</v>
      </c>
      <c r="GC32" s="330">
        <v>10185</v>
      </c>
      <c r="GD32" s="330">
        <v>4563</v>
      </c>
      <c r="GE32" s="333">
        <v>59500</v>
      </c>
      <c r="GF32" s="334">
        <v>59500</v>
      </c>
      <c r="GG32" s="329">
        <v>0</v>
      </c>
      <c r="GH32" s="330">
        <v>0</v>
      </c>
      <c r="GI32" s="331">
        <v>0</v>
      </c>
      <c r="GJ32" s="332">
        <v>0</v>
      </c>
      <c r="GK32" s="330">
        <v>0</v>
      </c>
      <c r="GL32" s="330">
        <v>1481</v>
      </c>
      <c r="GM32" s="330">
        <v>21</v>
      </c>
      <c r="GN32" s="330">
        <v>0</v>
      </c>
      <c r="GO32" s="330">
        <v>0</v>
      </c>
      <c r="GP32" s="333">
        <v>1502</v>
      </c>
      <c r="GQ32" s="334">
        <v>1502</v>
      </c>
      <c r="GR32" s="329">
        <v>0</v>
      </c>
      <c r="GS32" s="330">
        <v>0</v>
      </c>
      <c r="GT32" s="331">
        <v>0</v>
      </c>
      <c r="GU32" s="332">
        <v>0</v>
      </c>
      <c r="GV32" s="330">
        <v>0</v>
      </c>
      <c r="GW32" s="330">
        <v>0</v>
      </c>
      <c r="GX32" s="330">
        <v>0</v>
      </c>
      <c r="GY32" s="330">
        <v>0</v>
      </c>
      <c r="GZ32" s="330">
        <v>0</v>
      </c>
      <c r="HA32" s="333">
        <v>0</v>
      </c>
      <c r="HB32" s="334">
        <v>0</v>
      </c>
      <c r="HC32" s="329">
        <v>0</v>
      </c>
      <c r="HD32" s="330">
        <v>0</v>
      </c>
      <c r="HE32" s="331">
        <v>0</v>
      </c>
      <c r="HF32" s="335"/>
      <c r="HG32" s="330">
        <v>0</v>
      </c>
      <c r="HH32" s="330">
        <v>0</v>
      </c>
      <c r="HI32" s="330">
        <v>0</v>
      </c>
      <c r="HJ32" s="330">
        <v>0</v>
      </c>
      <c r="HK32" s="330">
        <v>0</v>
      </c>
      <c r="HL32" s="333">
        <v>0</v>
      </c>
      <c r="HM32" s="334">
        <v>0</v>
      </c>
      <c r="HN32" s="329">
        <v>0</v>
      </c>
      <c r="HO32" s="330">
        <v>0</v>
      </c>
      <c r="HP32" s="331">
        <v>0</v>
      </c>
      <c r="HQ32" s="332">
        <v>0</v>
      </c>
      <c r="HR32" s="330">
        <v>2576</v>
      </c>
      <c r="HS32" s="330">
        <v>176308</v>
      </c>
      <c r="HT32" s="330">
        <v>449713</v>
      </c>
      <c r="HU32" s="330">
        <v>790558</v>
      </c>
      <c r="HV32" s="330">
        <v>328185</v>
      </c>
      <c r="HW32" s="333">
        <v>1747340</v>
      </c>
      <c r="HX32" s="334">
        <v>1747340</v>
      </c>
    </row>
    <row r="33" spans="1:232" ht="16.5" customHeight="1" x14ac:dyDescent="0.2">
      <c r="A33" s="327" t="s">
        <v>30</v>
      </c>
      <c r="B33" s="329">
        <v>0</v>
      </c>
      <c r="C33" s="330">
        <v>0</v>
      </c>
      <c r="D33" s="331">
        <v>0</v>
      </c>
      <c r="E33" s="332">
        <v>0</v>
      </c>
      <c r="F33" s="330">
        <v>56995</v>
      </c>
      <c r="G33" s="330">
        <v>54540</v>
      </c>
      <c r="H33" s="330">
        <v>215988</v>
      </c>
      <c r="I33" s="330">
        <v>343030</v>
      </c>
      <c r="J33" s="330">
        <v>284935</v>
      </c>
      <c r="K33" s="333">
        <v>955488</v>
      </c>
      <c r="L33" s="334">
        <v>955488</v>
      </c>
      <c r="M33" s="329">
        <v>0</v>
      </c>
      <c r="N33" s="330">
        <v>0</v>
      </c>
      <c r="O33" s="331">
        <v>0</v>
      </c>
      <c r="P33" s="335"/>
      <c r="Q33" s="330">
        <v>2380</v>
      </c>
      <c r="R33" s="330">
        <v>24640</v>
      </c>
      <c r="S33" s="330">
        <v>176873</v>
      </c>
      <c r="T33" s="330">
        <v>168735</v>
      </c>
      <c r="U33" s="330">
        <v>237785</v>
      </c>
      <c r="V33" s="333">
        <v>610413</v>
      </c>
      <c r="W33" s="334">
        <v>610413</v>
      </c>
      <c r="X33" s="329">
        <v>0</v>
      </c>
      <c r="Y33" s="330">
        <v>0</v>
      </c>
      <c r="Z33" s="331">
        <v>0</v>
      </c>
      <c r="AA33" s="335"/>
      <c r="AB33" s="330">
        <v>54180</v>
      </c>
      <c r="AC33" s="330">
        <v>24640</v>
      </c>
      <c r="AD33" s="330">
        <v>31920</v>
      </c>
      <c r="AE33" s="330">
        <v>147420</v>
      </c>
      <c r="AF33" s="330">
        <v>4250</v>
      </c>
      <c r="AG33" s="333">
        <v>262410</v>
      </c>
      <c r="AH33" s="334">
        <v>262410</v>
      </c>
      <c r="AI33" s="329">
        <v>0</v>
      </c>
      <c r="AJ33" s="330">
        <v>0</v>
      </c>
      <c r="AK33" s="331">
        <v>0</v>
      </c>
      <c r="AL33" s="335"/>
      <c r="AM33" s="330">
        <v>0</v>
      </c>
      <c r="AN33" s="330">
        <v>0</v>
      </c>
      <c r="AO33" s="330">
        <v>0</v>
      </c>
      <c r="AP33" s="330">
        <v>0</v>
      </c>
      <c r="AQ33" s="330">
        <v>0</v>
      </c>
      <c r="AR33" s="333">
        <v>0</v>
      </c>
      <c r="AS33" s="334">
        <v>0</v>
      </c>
      <c r="AT33" s="329">
        <v>0</v>
      </c>
      <c r="AU33" s="330">
        <v>0</v>
      </c>
      <c r="AV33" s="331">
        <v>0</v>
      </c>
      <c r="AW33" s="335"/>
      <c r="AX33" s="330">
        <v>0</v>
      </c>
      <c r="AY33" s="330">
        <v>0</v>
      </c>
      <c r="AZ33" s="330">
        <v>0</v>
      </c>
      <c r="BA33" s="330">
        <v>0</v>
      </c>
      <c r="BB33" s="330">
        <v>0</v>
      </c>
      <c r="BC33" s="333">
        <v>0</v>
      </c>
      <c r="BD33" s="334">
        <v>0</v>
      </c>
      <c r="BE33" s="329">
        <v>0</v>
      </c>
      <c r="BF33" s="330">
        <v>0</v>
      </c>
      <c r="BG33" s="331">
        <v>0</v>
      </c>
      <c r="BH33" s="335"/>
      <c r="BI33" s="330">
        <v>0</v>
      </c>
      <c r="BJ33" s="330">
        <v>0</v>
      </c>
      <c r="BK33" s="330">
        <v>0</v>
      </c>
      <c r="BL33" s="330">
        <v>0</v>
      </c>
      <c r="BM33" s="330">
        <v>0</v>
      </c>
      <c r="BN33" s="333">
        <v>0</v>
      </c>
      <c r="BO33" s="334">
        <v>0</v>
      </c>
      <c r="BP33" s="329">
        <v>0</v>
      </c>
      <c r="BQ33" s="330">
        <v>0</v>
      </c>
      <c r="BR33" s="331">
        <v>0</v>
      </c>
      <c r="BS33" s="332">
        <v>0</v>
      </c>
      <c r="BT33" s="330">
        <v>435</v>
      </c>
      <c r="BU33" s="330">
        <v>5260</v>
      </c>
      <c r="BV33" s="330">
        <v>4060</v>
      </c>
      <c r="BW33" s="330">
        <v>26875</v>
      </c>
      <c r="BX33" s="330">
        <v>42900</v>
      </c>
      <c r="BY33" s="333">
        <v>79530</v>
      </c>
      <c r="BZ33" s="334">
        <v>79530</v>
      </c>
      <c r="CA33" s="329">
        <v>0</v>
      </c>
      <c r="CB33" s="330">
        <v>0</v>
      </c>
      <c r="CC33" s="331">
        <v>0</v>
      </c>
      <c r="CD33" s="332">
        <v>0</v>
      </c>
      <c r="CE33" s="330">
        <v>0</v>
      </c>
      <c r="CF33" s="330">
        <v>0</v>
      </c>
      <c r="CG33" s="330">
        <v>3135</v>
      </c>
      <c r="CH33" s="330">
        <v>0</v>
      </c>
      <c r="CI33" s="330">
        <v>0</v>
      </c>
      <c r="CJ33" s="333">
        <v>3135</v>
      </c>
      <c r="CK33" s="334">
        <v>3135</v>
      </c>
      <c r="CL33" s="329">
        <v>0</v>
      </c>
      <c r="CM33" s="330">
        <v>0</v>
      </c>
      <c r="CN33" s="331">
        <v>0</v>
      </c>
      <c r="CO33" s="332">
        <v>0</v>
      </c>
      <c r="CP33" s="330">
        <v>0</v>
      </c>
      <c r="CQ33" s="330">
        <v>0</v>
      </c>
      <c r="CR33" s="330">
        <v>0</v>
      </c>
      <c r="CS33" s="330">
        <v>0</v>
      </c>
      <c r="CT33" s="330">
        <v>0</v>
      </c>
      <c r="CU33" s="333">
        <v>0</v>
      </c>
      <c r="CV33" s="334">
        <v>0</v>
      </c>
      <c r="CW33" s="329">
        <v>0</v>
      </c>
      <c r="CX33" s="330">
        <v>0</v>
      </c>
      <c r="CY33" s="331">
        <v>0</v>
      </c>
      <c r="CZ33" s="335"/>
      <c r="DA33" s="330">
        <v>0</v>
      </c>
      <c r="DB33" s="330">
        <v>0</v>
      </c>
      <c r="DC33" s="330">
        <v>0</v>
      </c>
      <c r="DD33" s="330">
        <v>0</v>
      </c>
      <c r="DE33" s="330">
        <v>0</v>
      </c>
      <c r="DF33" s="333">
        <v>0</v>
      </c>
      <c r="DG33" s="334">
        <v>0</v>
      </c>
      <c r="DH33" s="329">
        <v>0</v>
      </c>
      <c r="DI33" s="330">
        <v>0</v>
      </c>
      <c r="DJ33" s="331">
        <v>0</v>
      </c>
      <c r="DK33" s="332">
        <v>0</v>
      </c>
      <c r="DL33" s="330">
        <v>54970</v>
      </c>
      <c r="DM33" s="330">
        <v>46676</v>
      </c>
      <c r="DN33" s="330">
        <v>299676</v>
      </c>
      <c r="DO33" s="330">
        <v>263241</v>
      </c>
      <c r="DP33" s="330">
        <v>296629</v>
      </c>
      <c r="DQ33" s="333">
        <v>961192</v>
      </c>
      <c r="DR33" s="336">
        <v>961192</v>
      </c>
      <c r="DS33" s="329">
        <v>0</v>
      </c>
      <c r="DT33" s="330">
        <v>0</v>
      </c>
      <c r="DU33" s="331">
        <v>0</v>
      </c>
      <c r="DV33" s="335"/>
      <c r="DW33" s="330">
        <v>19488</v>
      </c>
      <c r="DX33" s="330">
        <v>33068</v>
      </c>
      <c r="DY33" s="330">
        <v>273812</v>
      </c>
      <c r="DZ33" s="330">
        <v>228334</v>
      </c>
      <c r="EA33" s="330">
        <v>221895</v>
      </c>
      <c r="EB33" s="333">
        <v>776597</v>
      </c>
      <c r="EC33" s="334">
        <v>776597</v>
      </c>
      <c r="ED33" s="329">
        <v>0</v>
      </c>
      <c r="EE33" s="330">
        <v>0</v>
      </c>
      <c r="EF33" s="331">
        <v>0</v>
      </c>
      <c r="EG33" s="335"/>
      <c r="EH33" s="330">
        <v>33376</v>
      </c>
      <c r="EI33" s="330">
        <v>392</v>
      </c>
      <c r="EJ33" s="330">
        <v>10220</v>
      </c>
      <c r="EK33" s="330">
        <v>11984</v>
      </c>
      <c r="EL33" s="330">
        <v>9504</v>
      </c>
      <c r="EM33" s="333">
        <v>65476</v>
      </c>
      <c r="EN33" s="334">
        <v>65476</v>
      </c>
      <c r="EO33" s="329">
        <v>0</v>
      </c>
      <c r="EP33" s="330">
        <v>0</v>
      </c>
      <c r="EQ33" s="331">
        <v>0</v>
      </c>
      <c r="ER33" s="335"/>
      <c r="ES33" s="330">
        <v>0</v>
      </c>
      <c r="ET33" s="330">
        <v>0</v>
      </c>
      <c r="EU33" s="330">
        <v>0</v>
      </c>
      <c r="EV33" s="330">
        <v>0</v>
      </c>
      <c r="EW33" s="330">
        <v>0</v>
      </c>
      <c r="EX33" s="333">
        <v>0</v>
      </c>
      <c r="EY33" s="334">
        <v>0</v>
      </c>
      <c r="EZ33" s="329">
        <v>0</v>
      </c>
      <c r="FA33" s="330">
        <v>0</v>
      </c>
      <c r="FB33" s="331">
        <v>0</v>
      </c>
      <c r="FC33" s="335"/>
      <c r="FD33" s="330">
        <v>0</v>
      </c>
      <c r="FE33" s="330">
        <v>0</v>
      </c>
      <c r="FF33" s="330">
        <v>0</v>
      </c>
      <c r="FG33" s="330">
        <v>0</v>
      </c>
      <c r="FH33" s="330">
        <v>0</v>
      </c>
      <c r="FI33" s="333">
        <v>0</v>
      </c>
      <c r="FJ33" s="334">
        <v>0</v>
      </c>
      <c r="FK33" s="329">
        <v>0</v>
      </c>
      <c r="FL33" s="330">
        <v>0</v>
      </c>
      <c r="FM33" s="331">
        <v>0</v>
      </c>
      <c r="FN33" s="335"/>
      <c r="FO33" s="330">
        <v>0</v>
      </c>
      <c r="FP33" s="330">
        <v>0</v>
      </c>
      <c r="FQ33" s="330">
        <v>0</v>
      </c>
      <c r="FR33" s="330">
        <v>0</v>
      </c>
      <c r="FS33" s="330">
        <v>0</v>
      </c>
      <c r="FT33" s="333">
        <v>0</v>
      </c>
      <c r="FU33" s="334">
        <v>0</v>
      </c>
      <c r="FV33" s="329">
        <v>0</v>
      </c>
      <c r="FW33" s="330">
        <v>0</v>
      </c>
      <c r="FX33" s="331">
        <v>0</v>
      </c>
      <c r="FY33" s="332">
        <v>0</v>
      </c>
      <c r="FZ33" s="330">
        <v>2106</v>
      </c>
      <c r="GA33" s="330">
        <v>13216</v>
      </c>
      <c r="GB33" s="330">
        <v>10932</v>
      </c>
      <c r="GC33" s="330">
        <v>22923</v>
      </c>
      <c r="GD33" s="330">
        <v>65230</v>
      </c>
      <c r="GE33" s="333">
        <v>114407</v>
      </c>
      <c r="GF33" s="334">
        <v>114407</v>
      </c>
      <c r="GG33" s="329">
        <v>0</v>
      </c>
      <c r="GH33" s="330">
        <v>0</v>
      </c>
      <c r="GI33" s="331">
        <v>0</v>
      </c>
      <c r="GJ33" s="332">
        <v>0</v>
      </c>
      <c r="GK33" s="330">
        <v>0</v>
      </c>
      <c r="GL33" s="330">
        <v>0</v>
      </c>
      <c r="GM33" s="330">
        <v>4712</v>
      </c>
      <c r="GN33" s="330">
        <v>0</v>
      </c>
      <c r="GO33" s="330">
        <v>0</v>
      </c>
      <c r="GP33" s="333">
        <v>4712</v>
      </c>
      <c r="GQ33" s="334">
        <v>4712</v>
      </c>
      <c r="GR33" s="329">
        <v>0</v>
      </c>
      <c r="GS33" s="330">
        <v>0</v>
      </c>
      <c r="GT33" s="331">
        <v>0</v>
      </c>
      <c r="GU33" s="332">
        <v>0</v>
      </c>
      <c r="GV33" s="330">
        <v>0</v>
      </c>
      <c r="GW33" s="330">
        <v>0</v>
      </c>
      <c r="GX33" s="330">
        <v>0</v>
      </c>
      <c r="GY33" s="330">
        <v>0</v>
      </c>
      <c r="GZ33" s="330">
        <v>0</v>
      </c>
      <c r="HA33" s="333">
        <v>0</v>
      </c>
      <c r="HB33" s="334">
        <v>0</v>
      </c>
      <c r="HC33" s="329">
        <v>0</v>
      </c>
      <c r="HD33" s="330">
        <v>0</v>
      </c>
      <c r="HE33" s="331">
        <v>0</v>
      </c>
      <c r="HF33" s="335"/>
      <c r="HG33" s="330">
        <v>0</v>
      </c>
      <c r="HH33" s="330">
        <v>0</v>
      </c>
      <c r="HI33" s="330">
        <v>0</v>
      </c>
      <c r="HJ33" s="330">
        <v>0</v>
      </c>
      <c r="HK33" s="330">
        <v>0</v>
      </c>
      <c r="HL33" s="333">
        <v>0</v>
      </c>
      <c r="HM33" s="334">
        <v>0</v>
      </c>
      <c r="HN33" s="329">
        <v>0</v>
      </c>
      <c r="HO33" s="330">
        <v>0</v>
      </c>
      <c r="HP33" s="331">
        <v>0</v>
      </c>
      <c r="HQ33" s="332">
        <v>0</v>
      </c>
      <c r="HR33" s="330">
        <v>111965</v>
      </c>
      <c r="HS33" s="330">
        <v>101216</v>
      </c>
      <c r="HT33" s="330">
        <v>515664</v>
      </c>
      <c r="HU33" s="330">
        <v>606271</v>
      </c>
      <c r="HV33" s="330">
        <v>581564</v>
      </c>
      <c r="HW33" s="333">
        <v>1916680</v>
      </c>
      <c r="HX33" s="334">
        <v>1916680</v>
      </c>
    </row>
    <row r="34" spans="1:232" ht="16.5" customHeight="1" x14ac:dyDescent="0.2">
      <c r="A34" s="327" t="s">
        <v>31</v>
      </c>
      <c r="B34" s="329">
        <v>0</v>
      </c>
      <c r="C34" s="330">
        <v>0</v>
      </c>
      <c r="D34" s="331">
        <v>0</v>
      </c>
      <c r="E34" s="332">
        <v>0</v>
      </c>
      <c r="F34" s="330">
        <v>22550</v>
      </c>
      <c r="G34" s="330">
        <v>110501</v>
      </c>
      <c r="H34" s="330">
        <v>251580</v>
      </c>
      <c r="I34" s="330">
        <v>220820</v>
      </c>
      <c r="J34" s="330">
        <v>218740</v>
      </c>
      <c r="K34" s="333">
        <v>824191</v>
      </c>
      <c r="L34" s="334">
        <v>824191</v>
      </c>
      <c r="M34" s="329">
        <v>0</v>
      </c>
      <c r="N34" s="330">
        <v>0</v>
      </c>
      <c r="O34" s="331">
        <v>0</v>
      </c>
      <c r="P34" s="335"/>
      <c r="Q34" s="330">
        <v>0</v>
      </c>
      <c r="R34" s="330">
        <v>13715</v>
      </c>
      <c r="S34" s="330">
        <v>194270</v>
      </c>
      <c r="T34" s="330">
        <v>211300</v>
      </c>
      <c r="U34" s="330">
        <v>187180</v>
      </c>
      <c r="V34" s="333">
        <v>606465</v>
      </c>
      <c r="W34" s="334">
        <v>606465</v>
      </c>
      <c r="X34" s="329">
        <v>0</v>
      </c>
      <c r="Y34" s="330">
        <v>0</v>
      </c>
      <c r="Z34" s="331">
        <v>0</v>
      </c>
      <c r="AA34" s="335"/>
      <c r="AB34" s="330">
        <v>22260</v>
      </c>
      <c r="AC34" s="330">
        <v>84771</v>
      </c>
      <c r="AD34" s="330">
        <v>34300</v>
      </c>
      <c r="AE34" s="330">
        <v>9520</v>
      </c>
      <c r="AF34" s="330">
        <v>0</v>
      </c>
      <c r="AG34" s="333">
        <v>150851</v>
      </c>
      <c r="AH34" s="334">
        <v>150851</v>
      </c>
      <c r="AI34" s="329">
        <v>0</v>
      </c>
      <c r="AJ34" s="330">
        <v>0</v>
      </c>
      <c r="AK34" s="331">
        <v>0</v>
      </c>
      <c r="AL34" s="335"/>
      <c r="AM34" s="330">
        <v>0</v>
      </c>
      <c r="AN34" s="330">
        <v>0</v>
      </c>
      <c r="AO34" s="330">
        <v>0</v>
      </c>
      <c r="AP34" s="330">
        <v>0</v>
      </c>
      <c r="AQ34" s="330">
        <v>0</v>
      </c>
      <c r="AR34" s="333">
        <v>0</v>
      </c>
      <c r="AS34" s="334">
        <v>0</v>
      </c>
      <c r="AT34" s="329">
        <v>0</v>
      </c>
      <c r="AU34" s="330">
        <v>0</v>
      </c>
      <c r="AV34" s="331">
        <v>0</v>
      </c>
      <c r="AW34" s="335"/>
      <c r="AX34" s="330">
        <v>0</v>
      </c>
      <c r="AY34" s="330">
        <v>0</v>
      </c>
      <c r="AZ34" s="330">
        <v>0</v>
      </c>
      <c r="BA34" s="330">
        <v>0</v>
      </c>
      <c r="BB34" s="330">
        <v>29540</v>
      </c>
      <c r="BC34" s="333">
        <v>29540</v>
      </c>
      <c r="BD34" s="334">
        <v>29540</v>
      </c>
      <c r="BE34" s="329">
        <v>0</v>
      </c>
      <c r="BF34" s="330">
        <v>0</v>
      </c>
      <c r="BG34" s="331">
        <v>0</v>
      </c>
      <c r="BH34" s="335"/>
      <c r="BI34" s="330">
        <v>0</v>
      </c>
      <c r="BJ34" s="330">
        <v>0</v>
      </c>
      <c r="BK34" s="330">
        <v>0</v>
      </c>
      <c r="BL34" s="330">
        <v>0</v>
      </c>
      <c r="BM34" s="330">
        <v>0</v>
      </c>
      <c r="BN34" s="333">
        <v>0</v>
      </c>
      <c r="BO34" s="334">
        <v>0</v>
      </c>
      <c r="BP34" s="329">
        <v>0</v>
      </c>
      <c r="BQ34" s="330">
        <v>0</v>
      </c>
      <c r="BR34" s="331">
        <v>0</v>
      </c>
      <c r="BS34" s="332">
        <v>0</v>
      </c>
      <c r="BT34" s="330">
        <v>290</v>
      </c>
      <c r="BU34" s="330">
        <v>12015</v>
      </c>
      <c r="BV34" s="330">
        <v>23010</v>
      </c>
      <c r="BW34" s="330">
        <v>0</v>
      </c>
      <c r="BX34" s="330">
        <v>2020</v>
      </c>
      <c r="BY34" s="333">
        <v>37335</v>
      </c>
      <c r="BZ34" s="334">
        <v>37335</v>
      </c>
      <c r="CA34" s="329">
        <v>0</v>
      </c>
      <c r="CB34" s="330">
        <v>0</v>
      </c>
      <c r="CC34" s="331">
        <v>0</v>
      </c>
      <c r="CD34" s="332">
        <v>0</v>
      </c>
      <c r="CE34" s="330">
        <v>0</v>
      </c>
      <c r="CF34" s="330">
        <v>0</v>
      </c>
      <c r="CG34" s="330">
        <v>0</v>
      </c>
      <c r="CH34" s="330">
        <v>0</v>
      </c>
      <c r="CI34" s="330">
        <v>0</v>
      </c>
      <c r="CJ34" s="333">
        <v>0</v>
      </c>
      <c r="CK34" s="334">
        <v>0</v>
      </c>
      <c r="CL34" s="329">
        <v>0</v>
      </c>
      <c r="CM34" s="330">
        <v>0</v>
      </c>
      <c r="CN34" s="331">
        <v>0</v>
      </c>
      <c r="CO34" s="332">
        <v>0</v>
      </c>
      <c r="CP34" s="330">
        <v>0</v>
      </c>
      <c r="CQ34" s="330">
        <v>0</v>
      </c>
      <c r="CR34" s="330">
        <v>0</v>
      </c>
      <c r="CS34" s="330">
        <v>0</v>
      </c>
      <c r="CT34" s="330">
        <v>0</v>
      </c>
      <c r="CU34" s="333">
        <v>0</v>
      </c>
      <c r="CV34" s="334">
        <v>0</v>
      </c>
      <c r="CW34" s="329">
        <v>0</v>
      </c>
      <c r="CX34" s="330">
        <v>0</v>
      </c>
      <c r="CY34" s="331">
        <v>0</v>
      </c>
      <c r="CZ34" s="335"/>
      <c r="DA34" s="330">
        <v>0</v>
      </c>
      <c r="DB34" s="330">
        <v>0</v>
      </c>
      <c r="DC34" s="330">
        <v>0</v>
      </c>
      <c r="DD34" s="330">
        <v>0</v>
      </c>
      <c r="DE34" s="330">
        <v>0</v>
      </c>
      <c r="DF34" s="333">
        <v>0</v>
      </c>
      <c r="DG34" s="334">
        <v>0</v>
      </c>
      <c r="DH34" s="329">
        <v>0</v>
      </c>
      <c r="DI34" s="330">
        <v>0</v>
      </c>
      <c r="DJ34" s="331">
        <v>0</v>
      </c>
      <c r="DK34" s="332">
        <v>0</v>
      </c>
      <c r="DL34" s="330">
        <v>1249</v>
      </c>
      <c r="DM34" s="330">
        <v>20364</v>
      </c>
      <c r="DN34" s="330">
        <v>354506</v>
      </c>
      <c r="DO34" s="330">
        <v>314884</v>
      </c>
      <c r="DP34" s="330">
        <v>219442</v>
      </c>
      <c r="DQ34" s="333">
        <v>910445</v>
      </c>
      <c r="DR34" s="336">
        <v>910445</v>
      </c>
      <c r="DS34" s="329">
        <v>0</v>
      </c>
      <c r="DT34" s="330">
        <v>0</v>
      </c>
      <c r="DU34" s="331">
        <v>0</v>
      </c>
      <c r="DV34" s="335"/>
      <c r="DW34" s="330">
        <v>0</v>
      </c>
      <c r="DX34" s="330">
        <v>9763</v>
      </c>
      <c r="DY34" s="330">
        <v>311873</v>
      </c>
      <c r="DZ34" s="330">
        <v>314100</v>
      </c>
      <c r="EA34" s="330">
        <v>182980</v>
      </c>
      <c r="EB34" s="333">
        <v>818716</v>
      </c>
      <c r="EC34" s="334">
        <v>818716</v>
      </c>
      <c r="ED34" s="329">
        <v>0</v>
      </c>
      <c r="EE34" s="330">
        <v>0</v>
      </c>
      <c r="EF34" s="331">
        <v>0</v>
      </c>
      <c r="EG34" s="335"/>
      <c r="EH34" s="330">
        <v>196</v>
      </c>
      <c r="EI34" s="330">
        <v>1124</v>
      </c>
      <c r="EJ34" s="330">
        <v>560</v>
      </c>
      <c r="EK34" s="330">
        <v>784</v>
      </c>
      <c r="EL34" s="330">
        <v>0</v>
      </c>
      <c r="EM34" s="333">
        <v>2664</v>
      </c>
      <c r="EN34" s="334">
        <v>2664</v>
      </c>
      <c r="EO34" s="329">
        <v>0</v>
      </c>
      <c r="EP34" s="330">
        <v>0</v>
      </c>
      <c r="EQ34" s="331">
        <v>0</v>
      </c>
      <c r="ER34" s="335"/>
      <c r="ES34" s="330">
        <v>0</v>
      </c>
      <c r="ET34" s="330">
        <v>0</v>
      </c>
      <c r="EU34" s="330">
        <v>0</v>
      </c>
      <c r="EV34" s="330">
        <v>0</v>
      </c>
      <c r="EW34" s="330">
        <v>0</v>
      </c>
      <c r="EX34" s="333">
        <v>0</v>
      </c>
      <c r="EY34" s="334">
        <v>0</v>
      </c>
      <c r="EZ34" s="329">
        <v>0</v>
      </c>
      <c r="FA34" s="330">
        <v>0</v>
      </c>
      <c r="FB34" s="331">
        <v>0</v>
      </c>
      <c r="FC34" s="335"/>
      <c r="FD34" s="330">
        <v>0</v>
      </c>
      <c r="FE34" s="330">
        <v>0</v>
      </c>
      <c r="FF34" s="330">
        <v>0</v>
      </c>
      <c r="FG34" s="330">
        <v>0</v>
      </c>
      <c r="FH34" s="330">
        <v>32984</v>
      </c>
      <c r="FI34" s="333">
        <v>32984</v>
      </c>
      <c r="FJ34" s="334">
        <v>32984</v>
      </c>
      <c r="FK34" s="329">
        <v>0</v>
      </c>
      <c r="FL34" s="330">
        <v>0</v>
      </c>
      <c r="FM34" s="331">
        <v>0</v>
      </c>
      <c r="FN34" s="335"/>
      <c r="FO34" s="330">
        <v>0</v>
      </c>
      <c r="FP34" s="330">
        <v>0</v>
      </c>
      <c r="FQ34" s="330">
        <v>0</v>
      </c>
      <c r="FR34" s="330">
        <v>0</v>
      </c>
      <c r="FS34" s="330">
        <v>0</v>
      </c>
      <c r="FT34" s="333">
        <v>0</v>
      </c>
      <c r="FU34" s="334">
        <v>0</v>
      </c>
      <c r="FV34" s="329">
        <v>0</v>
      </c>
      <c r="FW34" s="330">
        <v>0</v>
      </c>
      <c r="FX34" s="331">
        <v>0</v>
      </c>
      <c r="FY34" s="332">
        <v>0</v>
      </c>
      <c r="FZ34" s="330">
        <v>1053</v>
      </c>
      <c r="GA34" s="330">
        <v>9477</v>
      </c>
      <c r="GB34" s="330">
        <v>42073</v>
      </c>
      <c r="GC34" s="330">
        <v>0</v>
      </c>
      <c r="GD34" s="330">
        <v>3478</v>
      </c>
      <c r="GE34" s="333">
        <v>56081</v>
      </c>
      <c r="GF34" s="334">
        <v>56081</v>
      </c>
      <c r="GG34" s="329">
        <v>0</v>
      </c>
      <c r="GH34" s="330">
        <v>0</v>
      </c>
      <c r="GI34" s="331">
        <v>0</v>
      </c>
      <c r="GJ34" s="332">
        <v>0</v>
      </c>
      <c r="GK34" s="330">
        <v>0</v>
      </c>
      <c r="GL34" s="330">
        <v>0</v>
      </c>
      <c r="GM34" s="330">
        <v>0</v>
      </c>
      <c r="GN34" s="330">
        <v>0</v>
      </c>
      <c r="GO34" s="330">
        <v>0</v>
      </c>
      <c r="GP34" s="333">
        <v>0</v>
      </c>
      <c r="GQ34" s="334">
        <v>0</v>
      </c>
      <c r="GR34" s="329">
        <v>0</v>
      </c>
      <c r="GS34" s="330">
        <v>0</v>
      </c>
      <c r="GT34" s="331">
        <v>0</v>
      </c>
      <c r="GU34" s="332">
        <v>0</v>
      </c>
      <c r="GV34" s="330">
        <v>0</v>
      </c>
      <c r="GW34" s="330">
        <v>0</v>
      </c>
      <c r="GX34" s="330">
        <v>0</v>
      </c>
      <c r="GY34" s="330">
        <v>0</v>
      </c>
      <c r="GZ34" s="330">
        <v>0</v>
      </c>
      <c r="HA34" s="333">
        <v>0</v>
      </c>
      <c r="HB34" s="334">
        <v>0</v>
      </c>
      <c r="HC34" s="329">
        <v>0</v>
      </c>
      <c r="HD34" s="330">
        <v>0</v>
      </c>
      <c r="HE34" s="331">
        <v>0</v>
      </c>
      <c r="HF34" s="335"/>
      <c r="HG34" s="330">
        <v>0</v>
      </c>
      <c r="HH34" s="330">
        <v>0</v>
      </c>
      <c r="HI34" s="330">
        <v>0</v>
      </c>
      <c r="HJ34" s="330">
        <v>0</v>
      </c>
      <c r="HK34" s="330">
        <v>0</v>
      </c>
      <c r="HL34" s="333">
        <v>0</v>
      </c>
      <c r="HM34" s="334">
        <v>0</v>
      </c>
      <c r="HN34" s="329">
        <v>0</v>
      </c>
      <c r="HO34" s="330">
        <v>0</v>
      </c>
      <c r="HP34" s="331">
        <v>0</v>
      </c>
      <c r="HQ34" s="332">
        <v>0</v>
      </c>
      <c r="HR34" s="330">
        <v>23799</v>
      </c>
      <c r="HS34" s="330">
        <v>130865</v>
      </c>
      <c r="HT34" s="330">
        <v>606086</v>
      </c>
      <c r="HU34" s="330">
        <v>535704</v>
      </c>
      <c r="HV34" s="330">
        <v>438182</v>
      </c>
      <c r="HW34" s="333">
        <v>1734636</v>
      </c>
      <c r="HX34" s="334">
        <v>1734636</v>
      </c>
    </row>
    <row r="35" spans="1:232" ht="16.5" customHeight="1" x14ac:dyDescent="0.2">
      <c r="A35" s="327" t="s">
        <v>32</v>
      </c>
      <c r="B35" s="329">
        <v>0</v>
      </c>
      <c r="C35" s="330">
        <v>0</v>
      </c>
      <c r="D35" s="331">
        <v>0</v>
      </c>
      <c r="E35" s="332">
        <v>0</v>
      </c>
      <c r="F35" s="330">
        <v>2380</v>
      </c>
      <c r="G35" s="330">
        <v>107014</v>
      </c>
      <c r="H35" s="330">
        <v>354030</v>
      </c>
      <c r="I35" s="330">
        <v>341172</v>
      </c>
      <c r="J35" s="330">
        <v>78960</v>
      </c>
      <c r="K35" s="333">
        <v>883556</v>
      </c>
      <c r="L35" s="334">
        <v>883556</v>
      </c>
      <c r="M35" s="329">
        <v>0</v>
      </c>
      <c r="N35" s="330">
        <v>0</v>
      </c>
      <c r="O35" s="331">
        <v>0</v>
      </c>
      <c r="P35" s="335"/>
      <c r="Q35" s="330">
        <v>0</v>
      </c>
      <c r="R35" s="330">
        <v>32060</v>
      </c>
      <c r="S35" s="330">
        <v>125440</v>
      </c>
      <c r="T35" s="330">
        <v>160715</v>
      </c>
      <c r="U35" s="330">
        <v>22260</v>
      </c>
      <c r="V35" s="333">
        <v>340475</v>
      </c>
      <c r="W35" s="334">
        <v>340475</v>
      </c>
      <c r="X35" s="329">
        <v>0</v>
      </c>
      <c r="Y35" s="330">
        <v>0</v>
      </c>
      <c r="Z35" s="331">
        <v>0</v>
      </c>
      <c r="AA35" s="335"/>
      <c r="AB35" s="330">
        <v>2380</v>
      </c>
      <c r="AC35" s="330">
        <v>66360</v>
      </c>
      <c r="AD35" s="330">
        <v>44345</v>
      </c>
      <c r="AE35" s="330">
        <v>133000</v>
      </c>
      <c r="AF35" s="330">
        <v>32060</v>
      </c>
      <c r="AG35" s="333">
        <v>278145</v>
      </c>
      <c r="AH35" s="334">
        <v>278145</v>
      </c>
      <c r="AI35" s="329">
        <v>0</v>
      </c>
      <c r="AJ35" s="330">
        <v>0</v>
      </c>
      <c r="AK35" s="331">
        <v>0</v>
      </c>
      <c r="AL35" s="335"/>
      <c r="AM35" s="330">
        <v>0</v>
      </c>
      <c r="AN35" s="330">
        <v>0</v>
      </c>
      <c r="AO35" s="330">
        <v>0</v>
      </c>
      <c r="AP35" s="330">
        <v>0</v>
      </c>
      <c r="AQ35" s="330">
        <v>0</v>
      </c>
      <c r="AR35" s="333">
        <v>0</v>
      </c>
      <c r="AS35" s="334">
        <v>0</v>
      </c>
      <c r="AT35" s="329">
        <v>0</v>
      </c>
      <c r="AU35" s="330">
        <v>0</v>
      </c>
      <c r="AV35" s="331">
        <v>0</v>
      </c>
      <c r="AW35" s="335"/>
      <c r="AX35" s="330">
        <v>0</v>
      </c>
      <c r="AY35" s="330">
        <v>0</v>
      </c>
      <c r="AZ35" s="330">
        <v>0</v>
      </c>
      <c r="BA35" s="330">
        <v>0</v>
      </c>
      <c r="BB35" s="330">
        <v>0</v>
      </c>
      <c r="BC35" s="333">
        <v>0</v>
      </c>
      <c r="BD35" s="334">
        <v>0</v>
      </c>
      <c r="BE35" s="329">
        <v>0</v>
      </c>
      <c r="BF35" s="330">
        <v>0</v>
      </c>
      <c r="BG35" s="331">
        <v>0</v>
      </c>
      <c r="BH35" s="335"/>
      <c r="BI35" s="330">
        <v>0</v>
      </c>
      <c r="BJ35" s="330">
        <v>0</v>
      </c>
      <c r="BK35" s="330">
        <v>181740</v>
      </c>
      <c r="BL35" s="330">
        <v>31780</v>
      </c>
      <c r="BM35" s="330">
        <v>24640</v>
      </c>
      <c r="BN35" s="333">
        <v>238160</v>
      </c>
      <c r="BO35" s="334">
        <v>238160</v>
      </c>
      <c r="BP35" s="329">
        <v>0</v>
      </c>
      <c r="BQ35" s="330">
        <v>0</v>
      </c>
      <c r="BR35" s="331">
        <v>0</v>
      </c>
      <c r="BS35" s="332">
        <v>0</v>
      </c>
      <c r="BT35" s="330">
        <v>0</v>
      </c>
      <c r="BU35" s="330">
        <v>4679</v>
      </c>
      <c r="BV35" s="330">
        <v>2505</v>
      </c>
      <c r="BW35" s="330">
        <v>15412</v>
      </c>
      <c r="BX35" s="330">
        <v>0</v>
      </c>
      <c r="BY35" s="333">
        <v>22596</v>
      </c>
      <c r="BZ35" s="334">
        <v>22596</v>
      </c>
      <c r="CA35" s="329">
        <v>0</v>
      </c>
      <c r="CB35" s="330">
        <v>0</v>
      </c>
      <c r="CC35" s="331">
        <v>0</v>
      </c>
      <c r="CD35" s="332">
        <v>0</v>
      </c>
      <c r="CE35" s="330">
        <v>0</v>
      </c>
      <c r="CF35" s="330">
        <v>3915</v>
      </c>
      <c r="CG35" s="330">
        <v>0</v>
      </c>
      <c r="CH35" s="330">
        <v>265</v>
      </c>
      <c r="CI35" s="330">
        <v>0</v>
      </c>
      <c r="CJ35" s="333">
        <v>4180</v>
      </c>
      <c r="CK35" s="334">
        <v>4180</v>
      </c>
      <c r="CL35" s="329">
        <v>0</v>
      </c>
      <c r="CM35" s="330">
        <v>0</v>
      </c>
      <c r="CN35" s="331">
        <v>0</v>
      </c>
      <c r="CO35" s="332">
        <v>0</v>
      </c>
      <c r="CP35" s="330">
        <v>0</v>
      </c>
      <c r="CQ35" s="330">
        <v>0</v>
      </c>
      <c r="CR35" s="330">
        <v>0</v>
      </c>
      <c r="CS35" s="330">
        <v>0</v>
      </c>
      <c r="CT35" s="330">
        <v>0</v>
      </c>
      <c r="CU35" s="333">
        <v>0</v>
      </c>
      <c r="CV35" s="334">
        <v>0</v>
      </c>
      <c r="CW35" s="329">
        <v>0</v>
      </c>
      <c r="CX35" s="330">
        <v>0</v>
      </c>
      <c r="CY35" s="331">
        <v>0</v>
      </c>
      <c r="CZ35" s="335"/>
      <c r="DA35" s="330">
        <v>0</v>
      </c>
      <c r="DB35" s="330">
        <v>0</v>
      </c>
      <c r="DC35" s="330">
        <v>0</v>
      </c>
      <c r="DD35" s="330">
        <v>0</v>
      </c>
      <c r="DE35" s="330">
        <v>0</v>
      </c>
      <c r="DF35" s="333">
        <v>0</v>
      </c>
      <c r="DG35" s="334">
        <v>0</v>
      </c>
      <c r="DH35" s="329">
        <v>0</v>
      </c>
      <c r="DI35" s="330">
        <v>0</v>
      </c>
      <c r="DJ35" s="331">
        <v>0</v>
      </c>
      <c r="DK35" s="332">
        <v>0</v>
      </c>
      <c r="DL35" s="330">
        <v>196</v>
      </c>
      <c r="DM35" s="330">
        <v>38528</v>
      </c>
      <c r="DN35" s="330">
        <v>306010</v>
      </c>
      <c r="DO35" s="330">
        <v>302367</v>
      </c>
      <c r="DP35" s="330">
        <v>49700</v>
      </c>
      <c r="DQ35" s="333">
        <v>696801</v>
      </c>
      <c r="DR35" s="336">
        <v>696801</v>
      </c>
      <c r="DS35" s="329">
        <v>0</v>
      </c>
      <c r="DT35" s="330">
        <v>0</v>
      </c>
      <c r="DU35" s="331">
        <v>0</v>
      </c>
      <c r="DV35" s="335"/>
      <c r="DW35" s="330">
        <v>0</v>
      </c>
      <c r="DX35" s="330">
        <v>23828</v>
      </c>
      <c r="DY35" s="330">
        <v>143444</v>
      </c>
      <c r="DZ35" s="330">
        <v>228113</v>
      </c>
      <c r="EA35" s="330">
        <v>19488</v>
      </c>
      <c r="EB35" s="333">
        <v>414873</v>
      </c>
      <c r="EC35" s="334">
        <v>414873</v>
      </c>
      <c r="ED35" s="329">
        <v>0</v>
      </c>
      <c r="EE35" s="330">
        <v>0</v>
      </c>
      <c r="EF35" s="331">
        <v>0</v>
      </c>
      <c r="EG35" s="335"/>
      <c r="EH35" s="330">
        <v>196</v>
      </c>
      <c r="EI35" s="330">
        <v>11116</v>
      </c>
      <c r="EJ35" s="330">
        <v>20678</v>
      </c>
      <c r="EK35" s="330">
        <v>11368</v>
      </c>
      <c r="EL35" s="330">
        <v>10556</v>
      </c>
      <c r="EM35" s="333">
        <v>53914</v>
      </c>
      <c r="EN35" s="334">
        <v>53914</v>
      </c>
      <c r="EO35" s="329">
        <v>0</v>
      </c>
      <c r="EP35" s="330">
        <v>0</v>
      </c>
      <c r="EQ35" s="331">
        <v>0</v>
      </c>
      <c r="ER35" s="335"/>
      <c r="ES35" s="330">
        <v>0</v>
      </c>
      <c r="ET35" s="330">
        <v>0</v>
      </c>
      <c r="EU35" s="330">
        <v>0</v>
      </c>
      <c r="EV35" s="330">
        <v>0</v>
      </c>
      <c r="EW35" s="330">
        <v>0</v>
      </c>
      <c r="EX35" s="333">
        <v>0</v>
      </c>
      <c r="EY35" s="334">
        <v>0</v>
      </c>
      <c r="EZ35" s="329">
        <v>0</v>
      </c>
      <c r="FA35" s="330">
        <v>0</v>
      </c>
      <c r="FB35" s="331">
        <v>0</v>
      </c>
      <c r="FC35" s="335"/>
      <c r="FD35" s="330">
        <v>0</v>
      </c>
      <c r="FE35" s="330">
        <v>0</v>
      </c>
      <c r="FF35" s="330">
        <v>0</v>
      </c>
      <c r="FG35" s="330">
        <v>0</v>
      </c>
      <c r="FH35" s="330">
        <v>0</v>
      </c>
      <c r="FI35" s="333">
        <v>0</v>
      </c>
      <c r="FJ35" s="334">
        <v>0</v>
      </c>
      <c r="FK35" s="329">
        <v>0</v>
      </c>
      <c r="FL35" s="330">
        <v>0</v>
      </c>
      <c r="FM35" s="331">
        <v>0</v>
      </c>
      <c r="FN35" s="335"/>
      <c r="FO35" s="330">
        <v>0</v>
      </c>
      <c r="FP35" s="330">
        <v>0</v>
      </c>
      <c r="FQ35" s="330">
        <v>138423</v>
      </c>
      <c r="FR35" s="330">
        <v>49140</v>
      </c>
      <c r="FS35" s="330">
        <v>19656</v>
      </c>
      <c r="FT35" s="333">
        <v>207219</v>
      </c>
      <c r="FU35" s="334">
        <v>207219</v>
      </c>
      <c r="FV35" s="329">
        <v>0</v>
      </c>
      <c r="FW35" s="330">
        <v>0</v>
      </c>
      <c r="FX35" s="331">
        <v>0</v>
      </c>
      <c r="FY35" s="332">
        <v>0</v>
      </c>
      <c r="FZ35" s="330">
        <v>0</v>
      </c>
      <c r="GA35" s="330">
        <v>3395</v>
      </c>
      <c r="GB35" s="330">
        <v>3465</v>
      </c>
      <c r="GC35" s="330">
        <v>12672</v>
      </c>
      <c r="GD35" s="330">
        <v>0</v>
      </c>
      <c r="GE35" s="333">
        <v>19532</v>
      </c>
      <c r="GF35" s="334">
        <v>19532</v>
      </c>
      <c r="GG35" s="329">
        <v>0</v>
      </c>
      <c r="GH35" s="330">
        <v>0</v>
      </c>
      <c r="GI35" s="331">
        <v>0</v>
      </c>
      <c r="GJ35" s="332">
        <v>0</v>
      </c>
      <c r="GK35" s="330">
        <v>0</v>
      </c>
      <c r="GL35" s="330">
        <v>189</v>
      </c>
      <c r="GM35" s="330">
        <v>0</v>
      </c>
      <c r="GN35" s="330">
        <v>1074</v>
      </c>
      <c r="GO35" s="330">
        <v>0</v>
      </c>
      <c r="GP35" s="333">
        <v>1263</v>
      </c>
      <c r="GQ35" s="334">
        <v>1263</v>
      </c>
      <c r="GR35" s="329">
        <v>0</v>
      </c>
      <c r="GS35" s="330">
        <v>0</v>
      </c>
      <c r="GT35" s="331">
        <v>0</v>
      </c>
      <c r="GU35" s="332">
        <v>0</v>
      </c>
      <c r="GV35" s="330">
        <v>0</v>
      </c>
      <c r="GW35" s="330">
        <v>0</v>
      </c>
      <c r="GX35" s="330">
        <v>0</v>
      </c>
      <c r="GY35" s="330">
        <v>0</v>
      </c>
      <c r="GZ35" s="330">
        <v>0</v>
      </c>
      <c r="HA35" s="333">
        <v>0</v>
      </c>
      <c r="HB35" s="334">
        <v>0</v>
      </c>
      <c r="HC35" s="329">
        <v>0</v>
      </c>
      <c r="HD35" s="330">
        <v>0</v>
      </c>
      <c r="HE35" s="331">
        <v>0</v>
      </c>
      <c r="HF35" s="335"/>
      <c r="HG35" s="330">
        <v>0</v>
      </c>
      <c r="HH35" s="330">
        <v>0</v>
      </c>
      <c r="HI35" s="330">
        <v>0</v>
      </c>
      <c r="HJ35" s="330">
        <v>0</v>
      </c>
      <c r="HK35" s="330">
        <v>0</v>
      </c>
      <c r="HL35" s="333">
        <v>0</v>
      </c>
      <c r="HM35" s="334">
        <v>0</v>
      </c>
      <c r="HN35" s="329">
        <v>0</v>
      </c>
      <c r="HO35" s="330">
        <v>0</v>
      </c>
      <c r="HP35" s="331">
        <v>0</v>
      </c>
      <c r="HQ35" s="332">
        <v>0</v>
      </c>
      <c r="HR35" s="330">
        <v>2576</v>
      </c>
      <c r="HS35" s="330">
        <v>145542</v>
      </c>
      <c r="HT35" s="330">
        <v>660040</v>
      </c>
      <c r="HU35" s="330">
        <v>643539</v>
      </c>
      <c r="HV35" s="330">
        <v>128660</v>
      </c>
      <c r="HW35" s="333">
        <v>1580357</v>
      </c>
      <c r="HX35" s="334">
        <v>1580357</v>
      </c>
    </row>
    <row r="36" spans="1:232" ht="16.5" customHeight="1" x14ac:dyDescent="0.2">
      <c r="A36" s="327" t="s">
        <v>33</v>
      </c>
      <c r="B36" s="329">
        <v>0</v>
      </c>
      <c r="C36" s="330">
        <v>0</v>
      </c>
      <c r="D36" s="331">
        <v>0</v>
      </c>
      <c r="E36" s="332">
        <v>0</v>
      </c>
      <c r="F36" s="330">
        <v>91150</v>
      </c>
      <c r="G36" s="330">
        <v>127850</v>
      </c>
      <c r="H36" s="330">
        <v>485980</v>
      </c>
      <c r="I36" s="330">
        <v>494285</v>
      </c>
      <c r="J36" s="330">
        <v>480750</v>
      </c>
      <c r="K36" s="333">
        <v>1680015</v>
      </c>
      <c r="L36" s="334">
        <v>1680015</v>
      </c>
      <c r="M36" s="329">
        <v>0</v>
      </c>
      <c r="N36" s="330">
        <v>0</v>
      </c>
      <c r="O36" s="331">
        <v>0</v>
      </c>
      <c r="P36" s="335"/>
      <c r="Q36" s="330">
        <v>0</v>
      </c>
      <c r="R36" s="330">
        <v>24640</v>
      </c>
      <c r="S36" s="330">
        <v>268520</v>
      </c>
      <c r="T36" s="330">
        <v>318970</v>
      </c>
      <c r="U36" s="330">
        <v>359800</v>
      </c>
      <c r="V36" s="333">
        <v>971930</v>
      </c>
      <c r="W36" s="334">
        <v>971930</v>
      </c>
      <c r="X36" s="329">
        <v>0</v>
      </c>
      <c r="Y36" s="330">
        <v>0</v>
      </c>
      <c r="Z36" s="331">
        <v>0</v>
      </c>
      <c r="AA36" s="335"/>
      <c r="AB36" s="330">
        <v>68600</v>
      </c>
      <c r="AC36" s="330">
        <v>66390</v>
      </c>
      <c r="AD36" s="330">
        <v>131195</v>
      </c>
      <c r="AE36" s="330">
        <v>100350</v>
      </c>
      <c r="AF36" s="330">
        <v>29810</v>
      </c>
      <c r="AG36" s="333">
        <v>396345</v>
      </c>
      <c r="AH36" s="334">
        <v>396345</v>
      </c>
      <c r="AI36" s="329">
        <v>0</v>
      </c>
      <c r="AJ36" s="330">
        <v>0</v>
      </c>
      <c r="AK36" s="331">
        <v>0</v>
      </c>
      <c r="AL36" s="335"/>
      <c r="AM36" s="330">
        <v>0</v>
      </c>
      <c r="AN36" s="330">
        <v>0</v>
      </c>
      <c r="AO36" s="330">
        <v>0</v>
      </c>
      <c r="AP36" s="330">
        <v>0</v>
      </c>
      <c r="AQ36" s="330">
        <v>0</v>
      </c>
      <c r="AR36" s="333">
        <v>0</v>
      </c>
      <c r="AS36" s="334">
        <v>0</v>
      </c>
      <c r="AT36" s="329">
        <v>0</v>
      </c>
      <c r="AU36" s="330">
        <v>0</v>
      </c>
      <c r="AV36" s="331">
        <v>0</v>
      </c>
      <c r="AW36" s="335"/>
      <c r="AX36" s="330">
        <v>22260</v>
      </c>
      <c r="AY36" s="330">
        <v>36820</v>
      </c>
      <c r="AZ36" s="330">
        <v>68880</v>
      </c>
      <c r="BA36" s="330">
        <v>64120</v>
      </c>
      <c r="BB36" s="330">
        <v>91140</v>
      </c>
      <c r="BC36" s="333">
        <v>283220</v>
      </c>
      <c r="BD36" s="334">
        <v>283220</v>
      </c>
      <c r="BE36" s="329">
        <v>0</v>
      </c>
      <c r="BF36" s="330">
        <v>0</v>
      </c>
      <c r="BG36" s="331">
        <v>0</v>
      </c>
      <c r="BH36" s="335"/>
      <c r="BI36" s="330">
        <v>0</v>
      </c>
      <c r="BJ36" s="330">
        <v>0</v>
      </c>
      <c r="BK36" s="330">
        <v>0</v>
      </c>
      <c r="BL36" s="330">
        <v>0</v>
      </c>
      <c r="BM36" s="330">
        <v>0</v>
      </c>
      <c r="BN36" s="333">
        <v>0</v>
      </c>
      <c r="BO36" s="334">
        <v>0</v>
      </c>
      <c r="BP36" s="329">
        <v>0</v>
      </c>
      <c r="BQ36" s="330">
        <v>0</v>
      </c>
      <c r="BR36" s="331">
        <v>0</v>
      </c>
      <c r="BS36" s="332">
        <v>0</v>
      </c>
      <c r="BT36" s="330">
        <v>290</v>
      </c>
      <c r="BU36" s="330">
        <v>0</v>
      </c>
      <c r="BV36" s="330">
        <v>16105</v>
      </c>
      <c r="BW36" s="330">
        <v>10845</v>
      </c>
      <c r="BX36" s="330">
        <v>0</v>
      </c>
      <c r="BY36" s="333">
        <v>27240</v>
      </c>
      <c r="BZ36" s="334">
        <v>27240</v>
      </c>
      <c r="CA36" s="329">
        <v>0</v>
      </c>
      <c r="CB36" s="330">
        <v>0</v>
      </c>
      <c r="CC36" s="331">
        <v>0</v>
      </c>
      <c r="CD36" s="332">
        <v>0</v>
      </c>
      <c r="CE36" s="330">
        <v>0</v>
      </c>
      <c r="CF36" s="330">
        <v>0</v>
      </c>
      <c r="CG36" s="330">
        <v>1280</v>
      </c>
      <c r="CH36" s="330">
        <v>0</v>
      </c>
      <c r="CI36" s="330">
        <v>0</v>
      </c>
      <c r="CJ36" s="333">
        <v>1280</v>
      </c>
      <c r="CK36" s="334">
        <v>1280</v>
      </c>
      <c r="CL36" s="329">
        <v>0</v>
      </c>
      <c r="CM36" s="330">
        <v>0</v>
      </c>
      <c r="CN36" s="331">
        <v>0</v>
      </c>
      <c r="CO36" s="332">
        <v>0</v>
      </c>
      <c r="CP36" s="330">
        <v>0</v>
      </c>
      <c r="CQ36" s="330">
        <v>0</v>
      </c>
      <c r="CR36" s="330">
        <v>0</v>
      </c>
      <c r="CS36" s="330">
        <v>0</v>
      </c>
      <c r="CT36" s="330">
        <v>0</v>
      </c>
      <c r="CU36" s="333">
        <v>0</v>
      </c>
      <c r="CV36" s="334">
        <v>0</v>
      </c>
      <c r="CW36" s="329">
        <v>0</v>
      </c>
      <c r="CX36" s="330">
        <v>0</v>
      </c>
      <c r="CY36" s="331">
        <v>0</v>
      </c>
      <c r="CZ36" s="335"/>
      <c r="DA36" s="330">
        <v>0</v>
      </c>
      <c r="DB36" s="330">
        <v>0</v>
      </c>
      <c r="DC36" s="330">
        <v>0</v>
      </c>
      <c r="DD36" s="330">
        <v>0</v>
      </c>
      <c r="DE36" s="330">
        <v>0</v>
      </c>
      <c r="DF36" s="333">
        <v>0</v>
      </c>
      <c r="DG36" s="334">
        <v>0</v>
      </c>
      <c r="DH36" s="329">
        <v>0</v>
      </c>
      <c r="DI36" s="330">
        <v>0</v>
      </c>
      <c r="DJ36" s="331">
        <v>0</v>
      </c>
      <c r="DK36" s="332">
        <v>0</v>
      </c>
      <c r="DL36" s="330">
        <v>2776</v>
      </c>
      <c r="DM36" s="330">
        <v>51390</v>
      </c>
      <c r="DN36" s="330">
        <v>373115</v>
      </c>
      <c r="DO36" s="330">
        <v>384601</v>
      </c>
      <c r="DP36" s="330">
        <v>274680</v>
      </c>
      <c r="DQ36" s="333">
        <v>1086562</v>
      </c>
      <c r="DR36" s="336">
        <v>1086562</v>
      </c>
      <c r="DS36" s="329">
        <v>0</v>
      </c>
      <c r="DT36" s="330">
        <v>0</v>
      </c>
      <c r="DU36" s="331">
        <v>0</v>
      </c>
      <c r="DV36" s="335"/>
      <c r="DW36" s="330">
        <v>0</v>
      </c>
      <c r="DX36" s="330">
        <v>33068</v>
      </c>
      <c r="DY36" s="330">
        <v>300440</v>
      </c>
      <c r="DZ36" s="330">
        <v>348656</v>
      </c>
      <c r="EA36" s="330">
        <v>263536</v>
      </c>
      <c r="EB36" s="333">
        <v>945700</v>
      </c>
      <c r="EC36" s="334">
        <v>945700</v>
      </c>
      <c r="ED36" s="329">
        <v>0</v>
      </c>
      <c r="EE36" s="330">
        <v>0</v>
      </c>
      <c r="EF36" s="331">
        <v>0</v>
      </c>
      <c r="EG36" s="335"/>
      <c r="EH36" s="330">
        <v>1176</v>
      </c>
      <c r="EI36" s="330">
        <v>7374</v>
      </c>
      <c r="EJ36" s="330">
        <v>34360</v>
      </c>
      <c r="EK36" s="330">
        <v>1568</v>
      </c>
      <c r="EL36" s="330">
        <v>196</v>
      </c>
      <c r="EM36" s="333">
        <v>44674</v>
      </c>
      <c r="EN36" s="334">
        <v>44674</v>
      </c>
      <c r="EO36" s="329">
        <v>0</v>
      </c>
      <c r="EP36" s="330">
        <v>0</v>
      </c>
      <c r="EQ36" s="331">
        <v>0</v>
      </c>
      <c r="ER36" s="335"/>
      <c r="ES36" s="330">
        <v>0</v>
      </c>
      <c r="ET36" s="330">
        <v>0</v>
      </c>
      <c r="EU36" s="330">
        <v>0</v>
      </c>
      <c r="EV36" s="330">
        <v>0</v>
      </c>
      <c r="EW36" s="330">
        <v>0</v>
      </c>
      <c r="EX36" s="333">
        <v>0</v>
      </c>
      <c r="EY36" s="334">
        <v>0</v>
      </c>
      <c r="EZ36" s="329">
        <v>0</v>
      </c>
      <c r="FA36" s="330">
        <v>0</v>
      </c>
      <c r="FB36" s="331">
        <v>0</v>
      </c>
      <c r="FC36" s="335"/>
      <c r="FD36" s="330">
        <v>196</v>
      </c>
      <c r="FE36" s="330">
        <v>10948</v>
      </c>
      <c r="FF36" s="330">
        <v>21504</v>
      </c>
      <c r="FG36" s="330">
        <v>21112</v>
      </c>
      <c r="FH36" s="330">
        <v>10948</v>
      </c>
      <c r="FI36" s="333">
        <v>64708</v>
      </c>
      <c r="FJ36" s="334">
        <v>64708</v>
      </c>
      <c r="FK36" s="329">
        <v>0</v>
      </c>
      <c r="FL36" s="330">
        <v>0</v>
      </c>
      <c r="FM36" s="331">
        <v>0</v>
      </c>
      <c r="FN36" s="335"/>
      <c r="FO36" s="330">
        <v>0</v>
      </c>
      <c r="FP36" s="330">
        <v>0</v>
      </c>
      <c r="FQ36" s="330">
        <v>0</v>
      </c>
      <c r="FR36" s="330">
        <v>0</v>
      </c>
      <c r="FS36" s="330">
        <v>0</v>
      </c>
      <c r="FT36" s="333">
        <v>0</v>
      </c>
      <c r="FU36" s="334">
        <v>0</v>
      </c>
      <c r="FV36" s="329">
        <v>0</v>
      </c>
      <c r="FW36" s="330">
        <v>0</v>
      </c>
      <c r="FX36" s="331">
        <v>0</v>
      </c>
      <c r="FY36" s="332">
        <v>0</v>
      </c>
      <c r="FZ36" s="330">
        <v>1404</v>
      </c>
      <c r="GA36" s="330">
        <v>0</v>
      </c>
      <c r="GB36" s="330">
        <v>16797</v>
      </c>
      <c r="GC36" s="330">
        <v>13265</v>
      </c>
      <c r="GD36" s="330">
        <v>0</v>
      </c>
      <c r="GE36" s="333">
        <v>31466</v>
      </c>
      <c r="GF36" s="334">
        <v>31466</v>
      </c>
      <c r="GG36" s="329">
        <v>0</v>
      </c>
      <c r="GH36" s="330">
        <v>0</v>
      </c>
      <c r="GI36" s="331">
        <v>0</v>
      </c>
      <c r="GJ36" s="332">
        <v>0</v>
      </c>
      <c r="GK36" s="330">
        <v>0</v>
      </c>
      <c r="GL36" s="330">
        <v>0</v>
      </c>
      <c r="GM36" s="330">
        <v>14</v>
      </c>
      <c r="GN36" s="330">
        <v>0</v>
      </c>
      <c r="GO36" s="330">
        <v>0</v>
      </c>
      <c r="GP36" s="333">
        <v>14</v>
      </c>
      <c r="GQ36" s="334">
        <v>14</v>
      </c>
      <c r="GR36" s="329">
        <v>0</v>
      </c>
      <c r="GS36" s="330">
        <v>0</v>
      </c>
      <c r="GT36" s="331">
        <v>0</v>
      </c>
      <c r="GU36" s="332">
        <v>0</v>
      </c>
      <c r="GV36" s="330">
        <v>0</v>
      </c>
      <c r="GW36" s="330">
        <v>0</v>
      </c>
      <c r="GX36" s="330">
        <v>0</v>
      </c>
      <c r="GY36" s="330">
        <v>0</v>
      </c>
      <c r="GZ36" s="330">
        <v>0</v>
      </c>
      <c r="HA36" s="333">
        <v>0</v>
      </c>
      <c r="HB36" s="334">
        <v>0</v>
      </c>
      <c r="HC36" s="329">
        <v>0</v>
      </c>
      <c r="HD36" s="330">
        <v>0</v>
      </c>
      <c r="HE36" s="331">
        <v>0</v>
      </c>
      <c r="HF36" s="335"/>
      <c r="HG36" s="330">
        <v>0</v>
      </c>
      <c r="HH36" s="330">
        <v>0</v>
      </c>
      <c r="HI36" s="330">
        <v>0</v>
      </c>
      <c r="HJ36" s="330">
        <v>0</v>
      </c>
      <c r="HK36" s="330">
        <v>0</v>
      </c>
      <c r="HL36" s="333">
        <v>0</v>
      </c>
      <c r="HM36" s="334">
        <v>0</v>
      </c>
      <c r="HN36" s="329">
        <v>0</v>
      </c>
      <c r="HO36" s="330">
        <v>0</v>
      </c>
      <c r="HP36" s="331">
        <v>0</v>
      </c>
      <c r="HQ36" s="332">
        <v>0</v>
      </c>
      <c r="HR36" s="330">
        <v>93926</v>
      </c>
      <c r="HS36" s="330">
        <v>179240</v>
      </c>
      <c r="HT36" s="330">
        <v>859095</v>
      </c>
      <c r="HU36" s="330">
        <v>878886</v>
      </c>
      <c r="HV36" s="330">
        <v>755430</v>
      </c>
      <c r="HW36" s="333">
        <v>2766577</v>
      </c>
      <c r="HX36" s="334">
        <v>2766577</v>
      </c>
    </row>
    <row r="37" spans="1:232" ht="16.5" customHeight="1" x14ac:dyDescent="0.2">
      <c r="A37" s="327" t="s">
        <v>34</v>
      </c>
      <c r="B37" s="329">
        <v>0</v>
      </c>
      <c r="C37" s="330">
        <v>0</v>
      </c>
      <c r="D37" s="331">
        <v>0</v>
      </c>
      <c r="E37" s="332">
        <v>0</v>
      </c>
      <c r="F37" s="330">
        <v>74308</v>
      </c>
      <c r="G37" s="330">
        <v>91000</v>
      </c>
      <c r="H37" s="330">
        <v>128005</v>
      </c>
      <c r="I37" s="330">
        <v>217895</v>
      </c>
      <c r="J37" s="330">
        <v>156475</v>
      </c>
      <c r="K37" s="333">
        <v>667683</v>
      </c>
      <c r="L37" s="334">
        <v>667683</v>
      </c>
      <c r="M37" s="329">
        <v>0</v>
      </c>
      <c r="N37" s="330">
        <v>0</v>
      </c>
      <c r="O37" s="331">
        <v>0</v>
      </c>
      <c r="P37" s="335"/>
      <c r="Q37" s="330">
        <v>0</v>
      </c>
      <c r="R37" s="330">
        <v>0</v>
      </c>
      <c r="S37" s="330">
        <v>34300</v>
      </c>
      <c r="T37" s="330">
        <v>169300</v>
      </c>
      <c r="U37" s="330">
        <v>95285</v>
      </c>
      <c r="V37" s="333">
        <v>298885</v>
      </c>
      <c r="W37" s="334">
        <v>298885</v>
      </c>
      <c r="X37" s="329">
        <v>0</v>
      </c>
      <c r="Y37" s="330">
        <v>0</v>
      </c>
      <c r="Z37" s="331">
        <v>0</v>
      </c>
      <c r="AA37" s="335"/>
      <c r="AB37" s="330">
        <v>69160</v>
      </c>
      <c r="AC37" s="330">
        <v>58940</v>
      </c>
      <c r="AD37" s="330">
        <v>93270</v>
      </c>
      <c r="AE37" s="330">
        <v>48595</v>
      </c>
      <c r="AF37" s="330">
        <v>31650</v>
      </c>
      <c r="AG37" s="333">
        <v>301615</v>
      </c>
      <c r="AH37" s="334">
        <v>301615</v>
      </c>
      <c r="AI37" s="329">
        <v>0</v>
      </c>
      <c r="AJ37" s="330">
        <v>0</v>
      </c>
      <c r="AK37" s="331">
        <v>0</v>
      </c>
      <c r="AL37" s="335"/>
      <c r="AM37" s="330">
        <v>0</v>
      </c>
      <c r="AN37" s="330">
        <v>0</v>
      </c>
      <c r="AO37" s="330">
        <v>0</v>
      </c>
      <c r="AP37" s="330">
        <v>0</v>
      </c>
      <c r="AQ37" s="330">
        <v>0</v>
      </c>
      <c r="AR37" s="333">
        <v>0</v>
      </c>
      <c r="AS37" s="334">
        <v>0</v>
      </c>
      <c r="AT37" s="329">
        <v>0</v>
      </c>
      <c r="AU37" s="330">
        <v>0</v>
      </c>
      <c r="AV37" s="331">
        <v>0</v>
      </c>
      <c r="AW37" s="335"/>
      <c r="AX37" s="330">
        <v>0</v>
      </c>
      <c r="AY37" s="330">
        <v>32060</v>
      </c>
      <c r="AZ37" s="330">
        <v>0</v>
      </c>
      <c r="BA37" s="330">
        <v>0</v>
      </c>
      <c r="BB37" s="330">
        <v>29540</v>
      </c>
      <c r="BC37" s="333">
        <v>61600</v>
      </c>
      <c r="BD37" s="334">
        <v>61600</v>
      </c>
      <c r="BE37" s="329">
        <v>0</v>
      </c>
      <c r="BF37" s="330">
        <v>0</v>
      </c>
      <c r="BG37" s="331">
        <v>0</v>
      </c>
      <c r="BH37" s="335"/>
      <c r="BI37" s="330">
        <v>0</v>
      </c>
      <c r="BJ37" s="330">
        <v>0</v>
      </c>
      <c r="BK37" s="330">
        <v>0</v>
      </c>
      <c r="BL37" s="330">
        <v>0</v>
      </c>
      <c r="BM37" s="330">
        <v>0</v>
      </c>
      <c r="BN37" s="333">
        <v>0</v>
      </c>
      <c r="BO37" s="334">
        <v>0</v>
      </c>
      <c r="BP37" s="329">
        <v>0</v>
      </c>
      <c r="BQ37" s="330">
        <v>0</v>
      </c>
      <c r="BR37" s="331">
        <v>0</v>
      </c>
      <c r="BS37" s="332">
        <v>0</v>
      </c>
      <c r="BT37" s="330">
        <v>5148</v>
      </c>
      <c r="BU37" s="330">
        <v>0</v>
      </c>
      <c r="BV37" s="330">
        <v>435</v>
      </c>
      <c r="BW37" s="330">
        <v>0</v>
      </c>
      <c r="BX37" s="330">
        <v>0</v>
      </c>
      <c r="BY37" s="333">
        <v>5583</v>
      </c>
      <c r="BZ37" s="334">
        <v>5583</v>
      </c>
      <c r="CA37" s="329">
        <v>0</v>
      </c>
      <c r="CB37" s="330">
        <v>0</v>
      </c>
      <c r="CC37" s="331">
        <v>0</v>
      </c>
      <c r="CD37" s="332">
        <v>0</v>
      </c>
      <c r="CE37" s="330">
        <v>0</v>
      </c>
      <c r="CF37" s="330">
        <v>0</v>
      </c>
      <c r="CG37" s="330">
        <v>0</v>
      </c>
      <c r="CH37" s="330">
        <v>0</v>
      </c>
      <c r="CI37" s="330">
        <v>0</v>
      </c>
      <c r="CJ37" s="333">
        <v>0</v>
      </c>
      <c r="CK37" s="334">
        <v>0</v>
      </c>
      <c r="CL37" s="329">
        <v>0</v>
      </c>
      <c r="CM37" s="330">
        <v>0</v>
      </c>
      <c r="CN37" s="331">
        <v>0</v>
      </c>
      <c r="CO37" s="332">
        <v>0</v>
      </c>
      <c r="CP37" s="330">
        <v>0</v>
      </c>
      <c r="CQ37" s="330">
        <v>0</v>
      </c>
      <c r="CR37" s="330">
        <v>0</v>
      </c>
      <c r="CS37" s="330">
        <v>0</v>
      </c>
      <c r="CT37" s="330">
        <v>0</v>
      </c>
      <c r="CU37" s="333">
        <v>0</v>
      </c>
      <c r="CV37" s="334">
        <v>0</v>
      </c>
      <c r="CW37" s="329">
        <v>0</v>
      </c>
      <c r="CX37" s="330">
        <v>0</v>
      </c>
      <c r="CY37" s="331">
        <v>0</v>
      </c>
      <c r="CZ37" s="335"/>
      <c r="DA37" s="330">
        <v>0</v>
      </c>
      <c r="DB37" s="330">
        <v>0</v>
      </c>
      <c r="DC37" s="330">
        <v>0</v>
      </c>
      <c r="DD37" s="330">
        <v>0</v>
      </c>
      <c r="DE37" s="330">
        <v>0</v>
      </c>
      <c r="DF37" s="333">
        <v>0</v>
      </c>
      <c r="DG37" s="334">
        <v>0</v>
      </c>
      <c r="DH37" s="329">
        <v>0</v>
      </c>
      <c r="DI37" s="330">
        <v>0</v>
      </c>
      <c r="DJ37" s="331">
        <v>0</v>
      </c>
      <c r="DK37" s="332">
        <v>0</v>
      </c>
      <c r="DL37" s="330">
        <v>10244</v>
      </c>
      <c r="DM37" s="330">
        <v>11536</v>
      </c>
      <c r="DN37" s="330">
        <v>78134</v>
      </c>
      <c r="DO37" s="330">
        <v>245400</v>
      </c>
      <c r="DP37" s="330">
        <v>142962</v>
      </c>
      <c r="DQ37" s="333">
        <v>488276</v>
      </c>
      <c r="DR37" s="336">
        <v>488276</v>
      </c>
      <c r="DS37" s="329">
        <v>0</v>
      </c>
      <c r="DT37" s="330">
        <v>0</v>
      </c>
      <c r="DU37" s="331">
        <v>0</v>
      </c>
      <c r="DV37" s="335"/>
      <c r="DW37" s="330">
        <v>0</v>
      </c>
      <c r="DX37" s="330">
        <v>0</v>
      </c>
      <c r="DY37" s="330">
        <v>72184</v>
      </c>
      <c r="DZ37" s="330">
        <v>234172</v>
      </c>
      <c r="EA37" s="330">
        <v>142556</v>
      </c>
      <c r="EB37" s="333">
        <v>448912</v>
      </c>
      <c r="EC37" s="334">
        <v>448912</v>
      </c>
      <c r="ED37" s="329">
        <v>0</v>
      </c>
      <c r="EE37" s="330">
        <v>0</v>
      </c>
      <c r="EF37" s="331">
        <v>0</v>
      </c>
      <c r="EG37" s="335"/>
      <c r="EH37" s="330">
        <v>756</v>
      </c>
      <c r="EI37" s="330">
        <v>980</v>
      </c>
      <c r="EJ37" s="330">
        <v>1078</v>
      </c>
      <c r="EK37" s="330">
        <v>11228</v>
      </c>
      <c r="EL37" s="330">
        <v>210</v>
      </c>
      <c r="EM37" s="333">
        <v>14252</v>
      </c>
      <c r="EN37" s="334">
        <v>14252</v>
      </c>
      <c r="EO37" s="329">
        <v>0</v>
      </c>
      <c r="EP37" s="330">
        <v>0</v>
      </c>
      <c r="EQ37" s="331">
        <v>0</v>
      </c>
      <c r="ER37" s="335"/>
      <c r="ES37" s="330">
        <v>0</v>
      </c>
      <c r="ET37" s="330">
        <v>0</v>
      </c>
      <c r="EU37" s="330">
        <v>0</v>
      </c>
      <c r="EV37" s="330">
        <v>0</v>
      </c>
      <c r="EW37" s="330">
        <v>0</v>
      </c>
      <c r="EX37" s="333">
        <v>0</v>
      </c>
      <c r="EY37" s="334">
        <v>0</v>
      </c>
      <c r="EZ37" s="329">
        <v>0</v>
      </c>
      <c r="FA37" s="330">
        <v>0</v>
      </c>
      <c r="FB37" s="331">
        <v>0</v>
      </c>
      <c r="FC37" s="335"/>
      <c r="FD37" s="330">
        <v>0</v>
      </c>
      <c r="FE37" s="330">
        <v>10556</v>
      </c>
      <c r="FF37" s="330">
        <v>0</v>
      </c>
      <c r="FG37" s="330">
        <v>0</v>
      </c>
      <c r="FH37" s="330">
        <v>196</v>
      </c>
      <c r="FI37" s="333">
        <v>10752</v>
      </c>
      <c r="FJ37" s="334">
        <v>10752</v>
      </c>
      <c r="FK37" s="329">
        <v>0</v>
      </c>
      <c r="FL37" s="330">
        <v>0</v>
      </c>
      <c r="FM37" s="331">
        <v>0</v>
      </c>
      <c r="FN37" s="335"/>
      <c r="FO37" s="330">
        <v>0</v>
      </c>
      <c r="FP37" s="330">
        <v>0</v>
      </c>
      <c r="FQ37" s="330">
        <v>0</v>
      </c>
      <c r="FR37" s="330">
        <v>0</v>
      </c>
      <c r="FS37" s="330">
        <v>0</v>
      </c>
      <c r="FT37" s="333">
        <v>0</v>
      </c>
      <c r="FU37" s="334">
        <v>0</v>
      </c>
      <c r="FV37" s="329">
        <v>0</v>
      </c>
      <c r="FW37" s="330">
        <v>0</v>
      </c>
      <c r="FX37" s="331">
        <v>0</v>
      </c>
      <c r="FY37" s="332">
        <v>0</v>
      </c>
      <c r="FZ37" s="330">
        <v>9488</v>
      </c>
      <c r="GA37" s="330">
        <v>0</v>
      </c>
      <c r="GB37" s="330">
        <v>4872</v>
      </c>
      <c r="GC37" s="330">
        <v>0</v>
      </c>
      <c r="GD37" s="330">
        <v>0</v>
      </c>
      <c r="GE37" s="333">
        <v>14360</v>
      </c>
      <c r="GF37" s="334">
        <v>14360</v>
      </c>
      <c r="GG37" s="329">
        <v>0</v>
      </c>
      <c r="GH37" s="330">
        <v>0</v>
      </c>
      <c r="GI37" s="331">
        <v>0</v>
      </c>
      <c r="GJ37" s="332">
        <v>0</v>
      </c>
      <c r="GK37" s="330">
        <v>0</v>
      </c>
      <c r="GL37" s="330">
        <v>0</v>
      </c>
      <c r="GM37" s="330">
        <v>0</v>
      </c>
      <c r="GN37" s="330">
        <v>0</v>
      </c>
      <c r="GO37" s="330">
        <v>0</v>
      </c>
      <c r="GP37" s="333">
        <v>0</v>
      </c>
      <c r="GQ37" s="334">
        <v>0</v>
      </c>
      <c r="GR37" s="329">
        <v>0</v>
      </c>
      <c r="GS37" s="330">
        <v>0</v>
      </c>
      <c r="GT37" s="331">
        <v>0</v>
      </c>
      <c r="GU37" s="332">
        <v>0</v>
      </c>
      <c r="GV37" s="330">
        <v>0</v>
      </c>
      <c r="GW37" s="330">
        <v>0</v>
      </c>
      <c r="GX37" s="330">
        <v>0</v>
      </c>
      <c r="GY37" s="330">
        <v>0</v>
      </c>
      <c r="GZ37" s="330">
        <v>0</v>
      </c>
      <c r="HA37" s="333">
        <v>0</v>
      </c>
      <c r="HB37" s="334">
        <v>0</v>
      </c>
      <c r="HC37" s="329">
        <v>0</v>
      </c>
      <c r="HD37" s="330">
        <v>0</v>
      </c>
      <c r="HE37" s="331">
        <v>0</v>
      </c>
      <c r="HF37" s="335"/>
      <c r="HG37" s="330">
        <v>0</v>
      </c>
      <c r="HH37" s="330">
        <v>0</v>
      </c>
      <c r="HI37" s="330">
        <v>0</v>
      </c>
      <c r="HJ37" s="330">
        <v>0</v>
      </c>
      <c r="HK37" s="330">
        <v>0</v>
      </c>
      <c r="HL37" s="333">
        <v>0</v>
      </c>
      <c r="HM37" s="334">
        <v>0</v>
      </c>
      <c r="HN37" s="329">
        <v>0</v>
      </c>
      <c r="HO37" s="330">
        <v>0</v>
      </c>
      <c r="HP37" s="331">
        <v>0</v>
      </c>
      <c r="HQ37" s="332">
        <v>0</v>
      </c>
      <c r="HR37" s="330">
        <v>84552</v>
      </c>
      <c r="HS37" s="330">
        <v>102536</v>
      </c>
      <c r="HT37" s="330">
        <v>206139</v>
      </c>
      <c r="HU37" s="330">
        <v>463295</v>
      </c>
      <c r="HV37" s="330">
        <v>299437</v>
      </c>
      <c r="HW37" s="333">
        <v>1155959</v>
      </c>
      <c r="HX37" s="334">
        <v>1155959</v>
      </c>
    </row>
    <row r="38" spans="1:232" ht="16.5" customHeight="1" x14ac:dyDescent="0.2">
      <c r="A38" s="327" t="s">
        <v>35</v>
      </c>
      <c r="B38" s="329">
        <v>0</v>
      </c>
      <c r="C38" s="330">
        <v>0</v>
      </c>
      <c r="D38" s="331">
        <v>0</v>
      </c>
      <c r="E38" s="332">
        <v>0</v>
      </c>
      <c r="F38" s="330">
        <v>298175</v>
      </c>
      <c r="G38" s="330">
        <v>408400</v>
      </c>
      <c r="H38" s="330">
        <v>633665</v>
      </c>
      <c r="I38" s="330">
        <v>772346</v>
      </c>
      <c r="J38" s="330">
        <v>362115</v>
      </c>
      <c r="K38" s="333">
        <v>2474701</v>
      </c>
      <c r="L38" s="334">
        <v>2474701</v>
      </c>
      <c r="M38" s="329">
        <v>0</v>
      </c>
      <c r="N38" s="330">
        <v>0</v>
      </c>
      <c r="O38" s="331">
        <v>0</v>
      </c>
      <c r="P38" s="335"/>
      <c r="Q38" s="330">
        <v>21840</v>
      </c>
      <c r="R38" s="330">
        <v>31080</v>
      </c>
      <c r="S38" s="330">
        <v>321440</v>
      </c>
      <c r="T38" s="330">
        <v>487870</v>
      </c>
      <c r="U38" s="330">
        <v>248500</v>
      </c>
      <c r="V38" s="333">
        <v>1110730</v>
      </c>
      <c r="W38" s="334">
        <v>1110730</v>
      </c>
      <c r="X38" s="329">
        <v>0</v>
      </c>
      <c r="Y38" s="330">
        <v>0</v>
      </c>
      <c r="Z38" s="331">
        <v>0</v>
      </c>
      <c r="AA38" s="335"/>
      <c r="AB38" s="330">
        <v>206605</v>
      </c>
      <c r="AC38" s="330">
        <v>367440</v>
      </c>
      <c r="AD38" s="330">
        <v>178040</v>
      </c>
      <c r="AE38" s="330">
        <v>177660</v>
      </c>
      <c r="AF38" s="330">
        <v>16735</v>
      </c>
      <c r="AG38" s="333">
        <v>946480</v>
      </c>
      <c r="AH38" s="334">
        <v>946480</v>
      </c>
      <c r="AI38" s="329">
        <v>0</v>
      </c>
      <c r="AJ38" s="330">
        <v>0</v>
      </c>
      <c r="AK38" s="331">
        <v>0</v>
      </c>
      <c r="AL38" s="335"/>
      <c r="AM38" s="330">
        <v>0</v>
      </c>
      <c r="AN38" s="330">
        <v>0</v>
      </c>
      <c r="AO38" s="330">
        <v>0</v>
      </c>
      <c r="AP38" s="330">
        <v>0</v>
      </c>
      <c r="AQ38" s="330">
        <v>0</v>
      </c>
      <c r="AR38" s="333">
        <v>0</v>
      </c>
      <c r="AS38" s="334">
        <v>0</v>
      </c>
      <c r="AT38" s="329">
        <v>0</v>
      </c>
      <c r="AU38" s="330">
        <v>0</v>
      </c>
      <c r="AV38" s="331">
        <v>0</v>
      </c>
      <c r="AW38" s="335"/>
      <c r="AX38" s="330">
        <v>66360</v>
      </c>
      <c r="AY38" s="330">
        <v>0</v>
      </c>
      <c r="AZ38" s="330">
        <v>66500</v>
      </c>
      <c r="BA38" s="330">
        <v>86380</v>
      </c>
      <c r="BB38" s="330">
        <v>93520</v>
      </c>
      <c r="BC38" s="333">
        <v>312760</v>
      </c>
      <c r="BD38" s="334">
        <v>312760</v>
      </c>
      <c r="BE38" s="329">
        <v>0</v>
      </c>
      <c r="BF38" s="330">
        <v>0</v>
      </c>
      <c r="BG38" s="331">
        <v>0</v>
      </c>
      <c r="BH38" s="335"/>
      <c r="BI38" s="330">
        <v>0</v>
      </c>
      <c r="BJ38" s="330">
        <v>0</v>
      </c>
      <c r="BK38" s="330">
        <v>0</v>
      </c>
      <c r="BL38" s="330">
        <v>0</v>
      </c>
      <c r="BM38" s="330">
        <v>0</v>
      </c>
      <c r="BN38" s="333">
        <v>0</v>
      </c>
      <c r="BO38" s="334">
        <v>0</v>
      </c>
      <c r="BP38" s="329">
        <v>0</v>
      </c>
      <c r="BQ38" s="330">
        <v>0</v>
      </c>
      <c r="BR38" s="331">
        <v>0</v>
      </c>
      <c r="BS38" s="332">
        <v>0</v>
      </c>
      <c r="BT38" s="330">
        <v>3370</v>
      </c>
      <c r="BU38" s="330">
        <v>9880</v>
      </c>
      <c r="BV38" s="330">
        <v>67685</v>
      </c>
      <c r="BW38" s="330">
        <v>20436</v>
      </c>
      <c r="BX38" s="330">
        <v>3360</v>
      </c>
      <c r="BY38" s="333">
        <v>104731</v>
      </c>
      <c r="BZ38" s="334">
        <v>104731</v>
      </c>
      <c r="CA38" s="329">
        <v>0</v>
      </c>
      <c r="CB38" s="330">
        <v>0</v>
      </c>
      <c r="CC38" s="331">
        <v>0</v>
      </c>
      <c r="CD38" s="332">
        <v>0</v>
      </c>
      <c r="CE38" s="330">
        <v>0</v>
      </c>
      <c r="CF38" s="330">
        <v>0</v>
      </c>
      <c r="CG38" s="330">
        <v>0</v>
      </c>
      <c r="CH38" s="330">
        <v>0</v>
      </c>
      <c r="CI38" s="330">
        <v>0</v>
      </c>
      <c r="CJ38" s="333">
        <v>0</v>
      </c>
      <c r="CK38" s="334">
        <v>0</v>
      </c>
      <c r="CL38" s="329">
        <v>0</v>
      </c>
      <c r="CM38" s="330">
        <v>0</v>
      </c>
      <c r="CN38" s="331">
        <v>0</v>
      </c>
      <c r="CO38" s="332">
        <v>0</v>
      </c>
      <c r="CP38" s="330">
        <v>0</v>
      </c>
      <c r="CQ38" s="330">
        <v>0</v>
      </c>
      <c r="CR38" s="330">
        <v>0</v>
      </c>
      <c r="CS38" s="330">
        <v>0</v>
      </c>
      <c r="CT38" s="330">
        <v>0</v>
      </c>
      <c r="CU38" s="333">
        <v>0</v>
      </c>
      <c r="CV38" s="334">
        <v>0</v>
      </c>
      <c r="CW38" s="329">
        <v>0</v>
      </c>
      <c r="CX38" s="330">
        <v>0</v>
      </c>
      <c r="CY38" s="331">
        <v>0</v>
      </c>
      <c r="CZ38" s="335"/>
      <c r="DA38" s="330">
        <v>0</v>
      </c>
      <c r="DB38" s="330">
        <v>0</v>
      </c>
      <c r="DC38" s="330">
        <v>0</v>
      </c>
      <c r="DD38" s="330">
        <v>0</v>
      </c>
      <c r="DE38" s="330">
        <v>0</v>
      </c>
      <c r="DF38" s="333">
        <v>0</v>
      </c>
      <c r="DG38" s="334">
        <v>0</v>
      </c>
      <c r="DH38" s="329">
        <v>0</v>
      </c>
      <c r="DI38" s="330">
        <v>0</v>
      </c>
      <c r="DJ38" s="331">
        <v>0</v>
      </c>
      <c r="DK38" s="332">
        <v>0</v>
      </c>
      <c r="DL38" s="330">
        <v>49142</v>
      </c>
      <c r="DM38" s="330">
        <v>113517</v>
      </c>
      <c r="DN38" s="330">
        <v>509726</v>
      </c>
      <c r="DO38" s="330">
        <v>503542</v>
      </c>
      <c r="DP38" s="330">
        <v>281312</v>
      </c>
      <c r="DQ38" s="333">
        <v>1457239</v>
      </c>
      <c r="DR38" s="336">
        <v>1457239</v>
      </c>
      <c r="DS38" s="329">
        <v>0</v>
      </c>
      <c r="DT38" s="330">
        <v>0</v>
      </c>
      <c r="DU38" s="331">
        <v>0</v>
      </c>
      <c r="DV38" s="335"/>
      <c r="DW38" s="330">
        <v>13580</v>
      </c>
      <c r="DX38" s="330">
        <v>27160</v>
      </c>
      <c r="DY38" s="330">
        <v>417032</v>
      </c>
      <c r="DZ38" s="330">
        <v>436641</v>
      </c>
      <c r="EA38" s="330">
        <v>249816</v>
      </c>
      <c r="EB38" s="333">
        <v>1144229</v>
      </c>
      <c r="EC38" s="334">
        <v>1144229</v>
      </c>
      <c r="ED38" s="329">
        <v>0</v>
      </c>
      <c r="EE38" s="330">
        <v>0</v>
      </c>
      <c r="EF38" s="331">
        <v>0</v>
      </c>
      <c r="EG38" s="335"/>
      <c r="EH38" s="330">
        <v>19913</v>
      </c>
      <c r="EI38" s="330">
        <v>56357</v>
      </c>
      <c r="EJ38" s="330">
        <v>11760</v>
      </c>
      <c r="EK38" s="330">
        <v>1372</v>
      </c>
      <c r="EL38" s="330">
        <v>112</v>
      </c>
      <c r="EM38" s="333">
        <v>89514</v>
      </c>
      <c r="EN38" s="334">
        <v>89514</v>
      </c>
      <c r="EO38" s="329">
        <v>0</v>
      </c>
      <c r="EP38" s="330">
        <v>0</v>
      </c>
      <c r="EQ38" s="331">
        <v>0</v>
      </c>
      <c r="ER38" s="335"/>
      <c r="ES38" s="330">
        <v>0</v>
      </c>
      <c r="ET38" s="330">
        <v>0</v>
      </c>
      <c r="EU38" s="330">
        <v>0</v>
      </c>
      <c r="EV38" s="330">
        <v>0</v>
      </c>
      <c r="EW38" s="330">
        <v>0</v>
      </c>
      <c r="EX38" s="333">
        <v>0</v>
      </c>
      <c r="EY38" s="334">
        <v>0</v>
      </c>
      <c r="EZ38" s="329">
        <v>0</v>
      </c>
      <c r="FA38" s="330">
        <v>0</v>
      </c>
      <c r="FB38" s="331">
        <v>0</v>
      </c>
      <c r="FC38" s="335"/>
      <c r="FD38" s="330">
        <v>11144</v>
      </c>
      <c r="FE38" s="330">
        <v>0</v>
      </c>
      <c r="FF38" s="330">
        <v>21308</v>
      </c>
      <c r="FG38" s="330">
        <v>21308</v>
      </c>
      <c r="FH38" s="330">
        <v>21896</v>
      </c>
      <c r="FI38" s="333">
        <v>75656</v>
      </c>
      <c r="FJ38" s="334">
        <v>75656</v>
      </c>
      <c r="FK38" s="329">
        <v>0</v>
      </c>
      <c r="FL38" s="330">
        <v>0</v>
      </c>
      <c r="FM38" s="331">
        <v>0</v>
      </c>
      <c r="FN38" s="335"/>
      <c r="FO38" s="330">
        <v>0</v>
      </c>
      <c r="FP38" s="330">
        <v>0</v>
      </c>
      <c r="FQ38" s="330">
        <v>0</v>
      </c>
      <c r="FR38" s="330">
        <v>0</v>
      </c>
      <c r="FS38" s="330">
        <v>0</v>
      </c>
      <c r="FT38" s="333">
        <v>0</v>
      </c>
      <c r="FU38" s="334">
        <v>0</v>
      </c>
      <c r="FV38" s="329">
        <v>0</v>
      </c>
      <c r="FW38" s="330">
        <v>0</v>
      </c>
      <c r="FX38" s="331">
        <v>0</v>
      </c>
      <c r="FY38" s="332">
        <v>0</v>
      </c>
      <c r="FZ38" s="330">
        <v>4505</v>
      </c>
      <c r="GA38" s="330">
        <v>30000</v>
      </c>
      <c r="GB38" s="330">
        <v>59626</v>
      </c>
      <c r="GC38" s="330">
        <v>44221</v>
      </c>
      <c r="GD38" s="330">
        <v>9488</v>
      </c>
      <c r="GE38" s="333">
        <v>147840</v>
      </c>
      <c r="GF38" s="334">
        <v>147840</v>
      </c>
      <c r="GG38" s="329">
        <v>0</v>
      </c>
      <c r="GH38" s="330">
        <v>0</v>
      </c>
      <c r="GI38" s="331">
        <v>0</v>
      </c>
      <c r="GJ38" s="332">
        <v>0</v>
      </c>
      <c r="GK38" s="330">
        <v>0</v>
      </c>
      <c r="GL38" s="330">
        <v>0</v>
      </c>
      <c r="GM38" s="330">
        <v>0</v>
      </c>
      <c r="GN38" s="330">
        <v>0</v>
      </c>
      <c r="GO38" s="330">
        <v>0</v>
      </c>
      <c r="GP38" s="333">
        <v>0</v>
      </c>
      <c r="GQ38" s="334">
        <v>0</v>
      </c>
      <c r="GR38" s="329">
        <v>0</v>
      </c>
      <c r="GS38" s="330">
        <v>0</v>
      </c>
      <c r="GT38" s="331">
        <v>0</v>
      </c>
      <c r="GU38" s="332">
        <v>0</v>
      </c>
      <c r="GV38" s="330">
        <v>0</v>
      </c>
      <c r="GW38" s="330">
        <v>0</v>
      </c>
      <c r="GX38" s="330">
        <v>0</v>
      </c>
      <c r="GY38" s="330">
        <v>0</v>
      </c>
      <c r="GZ38" s="330">
        <v>0</v>
      </c>
      <c r="HA38" s="333">
        <v>0</v>
      </c>
      <c r="HB38" s="334">
        <v>0</v>
      </c>
      <c r="HC38" s="329">
        <v>0</v>
      </c>
      <c r="HD38" s="330">
        <v>0</v>
      </c>
      <c r="HE38" s="331">
        <v>0</v>
      </c>
      <c r="HF38" s="335"/>
      <c r="HG38" s="330">
        <v>0</v>
      </c>
      <c r="HH38" s="330">
        <v>0</v>
      </c>
      <c r="HI38" s="330">
        <v>0</v>
      </c>
      <c r="HJ38" s="330">
        <v>0</v>
      </c>
      <c r="HK38" s="330">
        <v>0</v>
      </c>
      <c r="HL38" s="333">
        <v>0</v>
      </c>
      <c r="HM38" s="334">
        <v>0</v>
      </c>
      <c r="HN38" s="329">
        <v>0</v>
      </c>
      <c r="HO38" s="330">
        <v>0</v>
      </c>
      <c r="HP38" s="331">
        <v>0</v>
      </c>
      <c r="HQ38" s="332">
        <v>0</v>
      </c>
      <c r="HR38" s="330">
        <v>347317</v>
      </c>
      <c r="HS38" s="330">
        <v>521917</v>
      </c>
      <c r="HT38" s="330">
        <v>1143391</v>
      </c>
      <c r="HU38" s="330">
        <v>1275888</v>
      </c>
      <c r="HV38" s="330">
        <v>643427</v>
      </c>
      <c r="HW38" s="333">
        <v>3931940</v>
      </c>
      <c r="HX38" s="334">
        <v>3931940</v>
      </c>
    </row>
    <row r="39" spans="1:232" ht="16.5" customHeight="1" x14ac:dyDescent="0.2">
      <c r="A39" s="327" t="s">
        <v>36</v>
      </c>
      <c r="B39" s="329">
        <v>0</v>
      </c>
      <c r="C39" s="330">
        <v>0</v>
      </c>
      <c r="D39" s="331">
        <v>0</v>
      </c>
      <c r="E39" s="332">
        <v>0</v>
      </c>
      <c r="F39" s="330">
        <v>305540</v>
      </c>
      <c r="G39" s="330">
        <v>250065</v>
      </c>
      <c r="H39" s="330">
        <v>829050</v>
      </c>
      <c r="I39" s="330">
        <v>738776</v>
      </c>
      <c r="J39" s="330">
        <v>692406</v>
      </c>
      <c r="K39" s="333">
        <v>2815837</v>
      </c>
      <c r="L39" s="334">
        <v>2815837</v>
      </c>
      <c r="M39" s="329">
        <v>0</v>
      </c>
      <c r="N39" s="330">
        <v>0</v>
      </c>
      <c r="O39" s="331">
        <v>0</v>
      </c>
      <c r="P39" s="335"/>
      <c r="Q39" s="330">
        <v>0</v>
      </c>
      <c r="R39" s="330">
        <v>29540</v>
      </c>
      <c r="S39" s="330">
        <v>554085</v>
      </c>
      <c r="T39" s="330">
        <v>547825</v>
      </c>
      <c r="U39" s="330">
        <v>556560</v>
      </c>
      <c r="V39" s="333">
        <v>1688010</v>
      </c>
      <c r="W39" s="334">
        <v>1688010</v>
      </c>
      <c r="X39" s="329">
        <v>0</v>
      </c>
      <c r="Y39" s="330">
        <v>0</v>
      </c>
      <c r="Z39" s="331">
        <v>0</v>
      </c>
      <c r="AA39" s="335"/>
      <c r="AB39" s="330">
        <v>284010</v>
      </c>
      <c r="AC39" s="330">
        <v>202695</v>
      </c>
      <c r="AD39" s="330">
        <v>243285</v>
      </c>
      <c r="AE39" s="330">
        <v>150951</v>
      </c>
      <c r="AF39" s="330">
        <v>111636</v>
      </c>
      <c r="AG39" s="333">
        <v>992577</v>
      </c>
      <c r="AH39" s="334">
        <v>992577</v>
      </c>
      <c r="AI39" s="329">
        <v>0</v>
      </c>
      <c r="AJ39" s="330">
        <v>0</v>
      </c>
      <c r="AK39" s="331">
        <v>0</v>
      </c>
      <c r="AL39" s="335"/>
      <c r="AM39" s="330">
        <v>0</v>
      </c>
      <c r="AN39" s="330">
        <v>0</v>
      </c>
      <c r="AO39" s="330">
        <v>0</v>
      </c>
      <c r="AP39" s="330">
        <v>0</v>
      </c>
      <c r="AQ39" s="330">
        <v>0</v>
      </c>
      <c r="AR39" s="333">
        <v>0</v>
      </c>
      <c r="AS39" s="334">
        <v>0</v>
      </c>
      <c r="AT39" s="329">
        <v>0</v>
      </c>
      <c r="AU39" s="330">
        <v>0</v>
      </c>
      <c r="AV39" s="331">
        <v>0</v>
      </c>
      <c r="AW39" s="335"/>
      <c r="AX39" s="330">
        <v>0</v>
      </c>
      <c r="AY39" s="330">
        <v>0</v>
      </c>
      <c r="AZ39" s="330">
        <v>0</v>
      </c>
      <c r="BA39" s="330">
        <v>27020</v>
      </c>
      <c r="BB39" s="330">
        <v>0</v>
      </c>
      <c r="BC39" s="333">
        <v>27020</v>
      </c>
      <c r="BD39" s="334">
        <v>27020</v>
      </c>
      <c r="BE39" s="329">
        <v>0</v>
      </c>
      <c r="BF39" s="330">
        <v>0</v>
      </c>
      <c r="BG39" s="331">
        <v>0</v>
      </c>
      <c r="BH39" s="335"/>
      <c r="BI39" s="330">
        <v>0</v>
      </c>
      <c r="BJ39" s="330">
        <v>0</v>
      </c>
      <c r="BK39" s="330">
        <v>0</v>
      </c>
      <c r="BL39" s="330">
        <v>0</v>
      </c>
      <c r="BM39" s="330">
        <v>0</v>
      </c>
      <c r="BN39" s="333">
        <v>0</v>
      </c>
      <c r="BO39" s="334">
        <v>0</v>
      </c>
      <c r="BP39" s="329">
        <v>0</v>
      </c>
      <c r="BQ39" s="330">
        <v>0</v>
      </c>
      <c r="BR39" s="331">
        <v>0</v>
      </c>
      <c r="BS39" s="332">
        <v>0</v>
      </c>
      <c r="BT39" s="330">
        <v>21530</v>
      </c>
      <c r="BU39" s="330">
        <v>17830</v>
      </c>
      <c r="BV39" s="330">
        <v>31680</v>
      </c>
      <c r="BW39" s="330">
        <v>12980</v>
      </c>
      <c r="BX39" s="330">
        <v>24210</v>
      </c>
      <c r="BY39" s="333">
        <v>108230</v>
      </c>
      <c r="BZ39" s="334">
        <v>108230</v>
      </c>
      <c r="CA39" s="329">
        <v>0</v>
      </c>
      <c r="CB39" s="330">
        <v>0</v>
      </c>
      <c r="CC39" s="331">
        <v>0</v>
      </c>
      <c r="CD39" s="332">
        <v>0</v>
      </c>
      <c r="CE39" s="330">
        <v>0</v>
      </c>
      <c r="CF39" s="330">
        <v>0</v>
      </c>
      <c r="CG39" s="330">
        <v>0</v>
      </c>
      <c r="CH39" s="330">
        <v>0</v>
      </c>
      <c r="CI39" s="330">
        <v>0</v>
      </c>
      <c r="CJ39" s="333">
        <v>0</v>
      </c>
      <c r="CK39" s="334">
        <v>0</v>
      </c>
      <c r="CL39" s="329">
        <v>0</v>
      </c>
      <c r="CM39" s="330">
        <v>0</v>
      </c>
      <c r="CN39" s="331">
        <v>0</v>
      </c>
      <c r="CO39" s="332">
        <v>0</v>
      </c>
      <c r="CP39" s="330">
        <v>0</v>
      </c>
      <c r="CQ39" s="330">
        <v>0</v>
      </c>
      <c r="CR39" s="330">
        <v>0</v>
      </c>
      <c r="CS39" s="330">
        <v>0</v>
      </c>
      <c r="CT39" s="330">
        <v>0</v>
      </c>
      <c r="CU39" s="333">
        <v>0</v>
      </c>
      <c r="CV39" s="334">
        <v>0</v>
      </c>
      <c r="CW39" s="329">
        <v>0</v>
      </c>
      <c r="CX39" s="330">
        <v>0</v>
      </c>
      <c r="CY39" s="331">
        <v>0</v>
      </c>
      <c r="CZ39" s="335"/>
      <c r="DA39" s="330">
        <v>0</v>
      </c>
      <c r="DB39" s="330">
        <v>0</v>
      </c>
      <c r="DC39" s="330">
        <v>0</v>
      </c>
      <c r="DD39" s="330">
        <v>0</v>
      </c>
      <c r="DE39" s="330">
        <v>0</v>
      </c>
      <c r="DF39" s="333">
        <v>0</v>
      </c>
      <c r="DG39" s="334">
        <v>0</v>
      </c>
      <c r="DH39" s="329">
        <v>0</v>
      </c>
      <c r="DI39" s="330">
        <v>0</v>
      </c>
      <c r="DJ39" s="331">
        <v>0</v>
      </c>
      <c r="DK39" s="332">
        <v>0</v>
      </c>
      <c r="DL39" s="330">
        <v>34292</v>
      </c>
      <c r="DM39" s="330">
        <v>67704</v>
      </c>
      <c r="DN39" s="330">
        <v>648059</v>
      </c>
      <c r="DO39" s="330">
        <v>814113</v>
      </c>
      <c r="DP39" s="330">
        <v>821053</v>
      </c>
      <c r="DQ39" s="333">
        <v>2385221</v>
      </c>
      <c r="DR39" s="336">
        <v>2385221</v>
      </c>
      <c r="DS39" s="329">
        <v>0</v>
      </c>
      <c r="DT39" s="330">
        <v>0</v>
      </c>
      <c r="DU39" s="331">
        <v>0</v>
      </c>
      <c r="DV39" s="335"/>
      <c r="DW39" s="330">
        <v>0</v>
      </c>
      <c r="DX39" s="330">
        <v>13580</v>
      </c>
      <c r="DY39" s="330">
        <v>567440</v>
      </c>
      <c r="DZ39" s="330">
        <v>759980</v>
      </c>
      <c r="EA39" s="330">
        <v>781883</v>
      </c>
      <c r="EB39" s="333">
        <v>2122883</v>
      </c>
      <c r="EC39" s="334">
        <v>2122883</v>
      </c>
      <c r="ED39" s="329">
        <v>0</v>
      </c>
      <c r="EE39" s="330">
        <v>0</v>
      </c>
      <c r="EF39" s="331">
        <v>0</v>
      </c>
      <c r="EG39" s="335"/>
      <c r="EH39" s="330">
        <v>13090</v>
      </c>
      <c r="EI39" s="330">
        <v>23233</v>
      </c>
      <c r="EJ39" s="330">
        <v>4116</v>
      </c>
      <c r="EK39" s="330">
        <v>21861</v>
      </c>
      <c r="EL39" s="330">
        <v>1568</v>
      </c>
      <c r="EM39" s="333">
        <v>63868</v>
      </c>
      <c r="EN39" s="334">
        <v>63868</v>
      </c>
      <c r="EO39" s="329">
        <v>0</v>
      </c>
      <c r="EP39" s="330">
        <v>0</v>
      </c>
      <c r="EQ39" s="331">
        <v>0</v>
      </c>
      <c r="ER39" s="335"/>
      <c r="ES39" s="330">
        <v>0</v>
      </c>
      <c r="ET39" s="330">
        <v>0</v>
      </c>
      <c r="EU39" s="330">
        <v>0</v>
      </c>
      <c r="EV39" s="330">
        <v>0</v>
      </c>
      <c r="EW39" s="330">
        <v>0</v>
      </c>
      <c r="EX39" s="333">
        <v>0</v>
      </c>
      <c r="EY39" s="334">
        <v>0</v>
      </c>
      <c r="EZ39" s="329">
        <v>0</v>
      </c>
      <c r="FA39" s="330">
        <v>0</v>
      </c>
      <c r="FB39" s="331">
        <v>0</v>
      </c>
      <c r="FC39" s="335"/>
      <c r="FD39" s="330">
        <v>0</v>
      </c>
      <c r="FE39" s="330">
        <v>0</v>
      </c>
      <c r="FF39" s="330">
        <v>0</v>
      </c>
      <c r="FG39" s="330">
        <v>588</v>
      </c>
      <c r="FH39" s="330">
        <v>0</v>
      </c>
      <c r="FI39" s="333">
        <v>588</v>
      </c>
      <c r="FJ39" s="334">
        <v>588</v>
      </c>
      <c r="FK39" s="329">
        <v>0</v>
      </c>
      <c r="FL39" s="330">
        <v>0</v>
      </c>
      <c r="FM39" s="331">
        <v>0</v>
      </c>
      <c r="FN39" s="335"/>
      <c r="FO39" s="330">
        <v>0</v>
      </c>
      <c r="FP39" s="330">
        <v>0</v>
      </c>
      <c r="FQ39" s="330">
        <v>0</v>
      </c>
      <c r="FR39" s="330">
        <v>0</v>
      </c>
      <c r="FS39" s="330">
        <v>0</v>
      </c>
      <c r="FT39" s="333">
        <v>0</v>
      </c>
      <c r="FU39" s="334">
        <v>0</v>
      </c>
      <c r="FV39" s="329">
        <v>0</v>
      </c>
      <c r="FW39" s="330">
        <v>0</v>
      </c>
      <c r="FX39" s="331">
        <v>0</v>
      </c>
      <c r="FY39" s="332">
        <v>0</v>
      </c>
      <c r="FZ39" s="330">
        <v>21202</v>
      </c>
      <c r="GA39" s="330">
        <v>30891</v>
      </c>
      <c r="GB39" s="330">
        <v>76503</v>
      </c>
      <c r="GC39" s="330">
        <v>31684</v>
      </c>
      <c r="GD39" s="330">
        <v>37602</v>
      </c>
      <c r="GE39" s="333">
        <v>197882</v>
      </c>
      <c r="GF39" s="334">
        <v>197882</v>
      </c>
      <c r="GG39" s="329">
        <v>0</v>
      </c>
      <c r="GH39" s="330">
        <v>0</v>
      </c>
      <c r="GI39" s="331">
        <v>0</v>
      </c>
      <c r="GJ39" s="332">
        <v>0</v>
      </c>
      <c r="GK39" s="330">
        <v>0</v>
      </c>
      <c r="GL39" s="330">
        <v>0</v>
      </c>
      <c r="GM39" s="330">
        <v>0</v>
      </c>
      <c r="GN39" s="330">
        <v>0</v>
      </c>
      <c r="GO39" s="330">
        <v>0</v>
      </c>
      <c r="GP39" s="333">
        <v>0</v>
      </c>
      <c r="GQ39" s="334">
        <v>0</v>
      </c>
      <c r="GR39" s="329">
        <v>0</v>
      </c>
      <c r="GS39" s="330">
        <v>0</v>
      </c>
      <c r="GT39" s="331">
        <v>0</v>
      </c>
      <c r="GU39" s="332">
        <v>0</v>
      </c>
      <c r="GV39" s="330">
        <v>0</v>
      </c>
      <c r="GW39" s="330">
        <v>0</v>
      </c>
      <c r="GX39" s="330">
        <v>0</v>
      </c>
      <c r="GY39" s="330">
        <v>0</v>
      </c>
      <c r="GZ39" s="330">
        <v>0</v>
      </c>
      <c r="HA39" s="333">
        <v>0</v>
      </c>
      <c r="HB39" s="334">
        <v>0</v>
      </c>
      <c r="HC39" s="329">
        <v>0</v>
      </c>
      <c r="HD39" s="330">
        <v>0</v>
      </c>
      <c r="HE39" s="331">
        <v>0</v>
      </c>
      <c r="HF39" s="335"/>
      <c r="HG39" s="330">
        <v>0</v>
      </c>
      <c r="HH39" s="330">
        <v>0</v>
      </c>
      <c r="HI39" s="330">
        <v>0</v>
      </c>
      <c r="HJ39" s="330">
        <v>0</v>
      </c>
      <c r="HK39" s="330">
        <v>0</v>
      </c>
      <c r="HL39" s="333">
        <v>0</v>
      </c>
      <c r="HM39" s="334">
        <v>0</v>
      </c>
      <c r="HN39" s="329">
        <v>0</v>
      </c>
      <c r="HO39" s="330">
        <v>0</v>
      </c>
      <c r="HP39" s="331">
        <v>0</v>
      </c>
      <c r="HQ39" s="332">
        <v>0</v>
      </c>
      <c r="HR39" s="330">
        <v>339832</v>
      </c>
      <c r="HS39" s="330">
        <v>317769</v>
      </c>
      <c r="HT39" s="330">
        <v>1477109</v>
      </c>
      <c r="HU39" s="330">
        <v>1552889</v>
      </c>
      <c r="HV39" s="330">
        <v>1513459</v>
      </c>
      <c r="HW39" s="333">
        <v>5201058</v>
      </c>
      <c r="HX39" s="334">
        <v>5201058</v>
      </c>
    </row>
    <row r="40" spans="1:232" ht="16.5" customHeight="1" thickBot="1" x14ac:dyDescent="0.25">
      <c r="A40" s="328" t="s">
        <v>37</v>
      </c>
      <c r="B40" s="337">
        <v>0</v>
      </c>
      <c r="C40" s="338">
        <v>0</v>
      </c>
      <c r="D40" s="339">
        <v>0</v>
      </c>
      <c r="E40" s="340">
        <v>0</v>
      </c>
      <c r="F40" s="338">
        <v>0</v>
      </c>
      <c r="G40" s="338">
        <v>2380</v>
      </c>
      <c r="H40" s="338">
        <v>40550</v>
      </c>
      <c r="I40" s="338">
        <v>36680</v>
      </c>
      <c r="J40" s="338">
        <v>31920</v>
      </c>
      <c r="K40" s="341">
        <v>111530</v>
      </c>
      <c r="L40" s="342">
        <v>111530</v>
      </c>
      <c r="M40" s="337">
        <v>0</v>
      </c>
      <c r="N40" s="338">
        <v>0</v>
      </c>
      <c r="O40" s="339">
        <v>0</v>
      </c>
      <c r="P40" s="343"/>
      <c r="Q40" s="338">
        <v>0</v>
      </c>
      <c r="R40" s="338">
        <v>0</v>
      </c>
      <c r="S40" s="338">
        <v>36680</v>
      </c>
      <c r="T40" s="338">
        <v>34300</v>
      </c>
      <c r="U40" s="338">
        <v>31920</v>
      </c>
      <c r="V40" s="341">
        <v>102900</v>
      </c>
      <c r="W40" s="342">
        <v>102900</v>
      </c>
      <c r="X40" s="337">
        <v>0</v>
      </c>
      <c r="Y40" s="338">
        <v>0</v>
      </c>
      <c r="Z40" s="339">
        <v>0</v>
      </c>
      <c r="AA40" s="343"/>
      <c r="AB40" s="338">
        <v>0</v>
      </c>
      <c r="AC40" s="338">
        <v>2380</v>
      </c>
      <c r="AD40" s="338">
        <v>2380</v>
      </c>
      <c r="AE40" s="338">
        <v>2380</v>
      </c>
      <c r="AF40" s="338">
        <v>0</v>
      </c>
      <c r="AG40" s="341">
        <v>7140</v>
      </c>
      <c r="AH40" s="342">
        <v>7140</v>
      </c>
      <c r="AI40" s="337">
        <v>0</v>
      </c>
      <c r="AJ40" s="338">
        <v>0</v>
      </c>
      <c r="AK40" s="339">
        <v>0</v>
      </c>
      <c r="AL40" s="343"/>
      <c r="AM40" s="338">
        <v>0</v>
      </c>
      <c r="AN40" s="338">
        <v>0</v>
      </c>
      <c r="AO40" s="338">
        <v>0</v>
      </c>
      <c r="AP40" s="338">
        <v>0</v>
      </c>
      <c r="AQ40" s="338">
        <v>0</v>
      </c>
      <c r="AR40" s="341">
        <v>0</v>
      </c>
      <c r="AS40" s="342">
        <v>0</v>
      </c>
      <c r="AT40" s="337">
        <v>0</v>
      </c>
      <c r="AU40" s="338">
        <v>0</v>
      </c>
      <c r="AV40" s="339">
        <v>0</v>
      </c>
      <c r="AW40" s="343"/>
      <c r="AX40" s="338">
        <v>0</v>
      </c>
      <c r="AY40" s="338">
        <v>0</v>
      </c>
      <c r="AZ40" s="338">
        <v>0</v>
      </c>
      <c r="BA40" s="338">
        <v>0</v>
      </c>
      <c r="BB40" s="338">
        <v>0</v>
      </c>
      <c r="BC40" s="341">
        <v>0</v>
      </c>
      <c r="BD40" s="342">
        <v>0</v>
      </c>
      <c r="BE40" s="337">
        <v>0</v>
      </c>
      <c r="BF40" s="338">
        <v>0</v>
      </c>
      <c r="BG40" s="339">
        <v>0</v>
      </c>
      <c r="BH40" s="343"/>
      <c r="BI40" s="338">
        <v>0</v>
      </c>
      <c r="BJ40" s="338">
        <v>0</v>
      </c>
      <c r="BK40" s="338">
        <v>0</v>
      </c>
      <c r="BL40" s="338">
        <v>0</v>
      </c>
      <c r="BM40" s="338">
        <v>0</v>
      </c>
      <c r="BN40" s="341">
        <v>0</v>
      </c>
      <c r="BO40" s="342">
        <v>0</v>
      </c>
      <c r="BP40" s="337">
        <v>0</v>
      </c>
      <c r="BQ40" s="338">
        <v>0</v>
      </c>
      <c r="BR40" s="339">
        <v>0</v>
      </c>
      <c r="BS40" s="340">
        <v>0</v>
      </c>
      <c r="BT40" s="338">
        <v>0</v>
      </c>
      <c r="BU40" s="338">
        <v>0</v>
      </c>
      <c r="BV40" s="338">
        <v>600</v>
      </c>
      <c r="BW40" s="338">
        <v>0</v>
      </c>
      <c r="BX40" s="338">
        <v>0</v>
      </c>
      <c r="BY40" s="341">
        <v>600</v>
      </c>
      <c r="BZ40" s="342">
        <v>600</v>
      </c>
      <c r="CA40" s="337">
        <v>0</v>
      </c>
      <c r="CB40" s="338">
        <v>0</v>
      </c>
      <c r="CC40" s="339">
        <v>0</v>
      </c>
      <c r="CD40" s="340">
        <v>0</v>
      </c>
      <c r="CE40" s="338">
        <v>0</v>
      </c>
      <c r="CF40" s="338">
        <v>0</v>
      </c>
      <c r="CG40" s="338">
        <v>890</v>
      </c>
      <c r="CH40" s="338">
        <v>0</v>
      </c>
      <c r="CI40" s="338">
        <v>0</v>
      </c>
      <c r="CJ40" s="341">
        <v>890</v>
      </c>
      <c r="CK40" s="342">
        <v>890</v>
      </c>
      <c r="CL40" s="337">
        <v>0</v>
      </c>
      <c r="CM40" s="338">
        <v>0</v>
      </c>
      <c r="CN40" s="339">
        <v>0</v>
      </c>
      <c r="CO40" s="340">
        <v>0</v>
      </c>
      <c r="CP40" s="338">
        <v>0</v>
      </c>
      <c r="CQ40" s="338">
        <v>0</v>
      </c>
      <c r="CR40" s="338">
        <v>0</v>
      </c>
      <c r="CS40" s="338">
        <v>0</v>
      </c>
      <c r="CT40" s="338">
        <v>0</v>
      </c>
      <c r="CU40" s="341">
        <v>0</v>
      </c>
      <c r="CV40" s="342">
        <v>0</v>
      </c>
      <c r="CW40" s="337">
        <v>0</v>
      </c>
      <c r="CX40" s="338">
        <v>0</v>
      </c>
      <c r="CY40" s="339">
        <v>0</v>
      </c>
      <c r="CZ40" s="343"/>
      <c r="DA40" s="338">
        <v>0</v>
      </c>
      <c r="DB40" s="338">
        <v>0</v>
      </c>
      <c r="DC40" s="338">
        <v>0</v>
      </c>
      <c r="DD40" s="338">
        <v>0</v>
      </c>
      <c r="DE40" s="338">
        <v>0</v>
      </c>
      <c r="DF40" s="341">
        <v>0</v>
      </c>
      <c r="DG40" s="342">
        <v>0</v>
      </c>
      <c r="DH40" s="337">
        <v>0</v>
      </c>
      <c r="DI40" s="338">
        <v>0</v>
      </c>
      <c r="DJ40" s="339">
        <v>0</v>
      </c>
      <c r="DK40" s="340">
        <v>0</v>
      </c>
      <c r="DL40" s="338">
        <v>0</v>
      </c>
      <c r="DM40" s="338">
        <v>196</v>
      </c>
      <c r="DN40" s="338">
        <v>67316</v>
      </c>
      <c r="DO40" s="338">
        <v>60564</v>
      </c>
      <c r="DP40" s="338">
        <v>27160</v>
      </c>
      <c r="DQ40" s="341">
        <v>155236</v>
      </c>
      <c r="DR40" s="344">
        <v>155236</v>
      </c>
      <c r="DS40" s="337">
        <v>0</v>
      </c>
      <c r="DT40" s="338">
        <v>0</v>
      </c>
      <c r="DU40" s="339">
        <v>0</v>
      </c>
      <c r="DV40" s="343"/>
      <c r="DW40" s="338">
        <v>0</v>
      </c>
      <c r="DX40" s="338">
        <v>0</v>
      </c>
      <c r="DY40" s="338">
        <v>66136</v>
      </c>
      <c r="DZ40" s="338">
        <v>60368</v>
      </c>
      <c r="EA40" s="338">
        <v>27160</v>
      </c>
      <c r="EB40" s="341">
        <v>153664</v>
      </c>
      <c r="EC40" s="342">
        <v>153664</v>
      </c>
      <c r="ED40" s="337">
        <v>0</v>
      </c>
      <c r="EE40" s="338">
        <v>0</v>
      </c>
      <c r="EF40" s="339">
        <v>0</v>
      </c>
      <c r="EG40" s="343"/>
      <c r="EH40" s="338">
        <v>0</v>
      </c>
      <c r="EI40" s="338">
        <v>196</v>
      </c>
      <c r="EJ40" s="338">
        <v>196</v>
      </c>
      <c r="EK40" s="338">
        <v>196</v>
      </c>
      <c r="EL40" s="338">
        <v>0</v>
      </c>
      <c r="EM40" s="341">
        <v>588</v>
      </c>
      <c r="EN40" s="342">
        <v>588</v>
      </c>
      <c r="EO40" s="337">
        <v>0</v>
      </c>
      <c r="EP40" s="338">
        <v>0</v>
      </c>
      <c r="EQ40" s="339">
        <v>0</v>
      </c>
      <c r="ER40" s="343"/>
      <c r="ES40" s="338">
        <v>0</v>
      </c>
      <c r="ET40" s="338">
        <v>0</v>
      </c>
      <c r="EU40" s="338">
        <v>0</v>
      </c>
      <c r="EV40" s="338">
        <v>0</v>
      </c>
      <c r="EW40" s="338">
        <v>0</v>
      </c>
      <c r="EX40" s="341">
        <v>0</v>
      </c>
      <c r="EY40" s="342">
        <v>0</v>
      </c>
      <c r="EZ40" s="337">
        <v>0</v>
      </c>
      <c r="FA40" s="338">
        <v>0</v>
      </c>
      <c r="FB40" s="339">
        <v>0</v>
      </c>
      <c r="FC40" s="343"/>
      <c r="FD40" s="338">
        <v>0</v>
      </c>
      <c r="FE40" s="338">
        <v>0</v>
      </c>
      <c r="FF40" s="338">
        <v>0</v>
      </c>
      <c r="FG40" s="338">
        <v>0</v>
      </c>
      <c r="FH40" s="338">
        <v>0</v>
      </c>
      <c r="FI40" s="341">
        <v>0</v>
      </c>
      <c r="FJ40" s="342">
        <v>0</v>
      </c>
      <c r="FK40" s="337">
        <v>0</v>
      </c>
      <c r="FL40" s="338">
        <v>0</v>
      </c>
      <c r="FM40" s="339">
        <v>0</v>
      </c>
      <c r="FN40" s="343"/>
      <c r="FO40" s="338">
        <v>0</v>
      </c>
      <c r="FP40" s="338">
        <v>0</v>
      </c>
      <c r="FQ40" s="338">
        <v>0</v>
      </c>
      <c r="FR40" s="338">
        <v>0</v>
      </c>
      <c r="FS40" s="338">
        <v>0</v>
      </c>
      <c r="FT40" s="341">
        <v>0</v>
      </c>
      <c r="FU40" s="342">
        <v>0</v>
      </c>
      <c r="FV40" s="337">
        <v>0</v>
      </c>
      <c r="FW40" s="338">
        <v>0</v>
      </c>
      <c r="FX40" s="339">
        <v>0</v>
      </c>
      <c r="FY40" s="340">
        <v>0</v>
      </c>
      <c r="FZ40" s="338">
        <v>0</v>
      </c>
      <c r="GA40" s="338">
        <v>0</v>
      </c>
      <c r="GB40" s="338">
        <v>970</v>
      </c>
      <c r="GC40" s="338">
        <v>0</v>
      </c>
      <c r="GD40" s="338">
        <v>0</v>
      </c>
      <c r="GE40" s="341">
        <v>970</v>
      </c>
      <c r="GF40" s="342">
        <v>970</v>
      </c>
      <c r="GG40" s="337">
        <v>0</v>
      </c>
      <c r="GH40" s="338">
        <v>0</v>
      </c>
      <c r="GI40" s="339">
        <v>0</v>
      </c>
      <c r="GJ40" s="340">
        <v>0</v>
      </c>
      <c r="GK40" s="338">
        <v>0</v>
      </c>
      <c r="GL40" s="338">
        <v>0</v>
      </c>
      <c r="GM40" s="338">
        <v>14</v>
      </c>
      <c r="GN40" s="338">
        <v>0</v>
      </c>
      <c r="GO40" s="338">
        <v>0</v>
      </c>
      <c r="GP40" s="341">
        <v>14</v>
      </c>
      <c r="GQ40" s="342">
        <v>14</v>
      </c>
      <c r="GR40" s="337">
        <v>0</v>
      </c>
      <c r="GS40" s="338">
        <v>0</v>
      </c>
      <c r="GT40" s="339">
        <v>0</v>
      </c>
      <c r="GU40" s="340">
        <v>0</v>
      </c>
      <c r="GV40" s="338">
        <v>0</v>
      </c>
      <c r="GW40" s="338">
        <v>0</v>
      </c>
      <c r="GX40" s="338">
        <v>0</v>
      </c>
      <c r="GY40" s="338">
        <v>0</v>
      </c>
      <c r="GZ40" s="338">
        <v>0</v>
      </c>
      <c r="HA40" s="341">
        <v>0</v>
      </c>
      <c r="HB40" s="342">
        <v>0</v>
      </c>
      <c r="HC40" s="337">
        <v>0</v>
      </c>
      <c r="HD40" s="338">
        <v>0</v>
      </c>
      <c r="HE40" s="339">
        <v>0</v>
      </c>
      <c r="HF40" s="343"/>
      <c r="HG40" s="338">
        <v>0</v>
      </c>
      <c r="HH40" s="338">
        <v>0</v>
      </c>
      <c r="HI40" s="338">
        <v>0</v>
      </c>
      <c r="HJ40" s="338">
        <v>0</v>
      </c>
      <c r="HK40" s="338">
        <v>0</v>
      </c>
      <c r="HL40" s="341">
        <v>0</v>
      </c>
      <c r="HM40" s="342">
        <v>0</v>
      </c>
      <c r="HN40" s="337">
        <v>0</v>
      </c>
      <c r="HO40" s="338">
        <v>0</v>
      </c>
      <c r="HP40" s="339">
        <v>0</v>
      </c>
      <c r="HQ40" s="340">
        <v>0</v>
      </c>
      <c r="HR40" s="338">
        <v>0</v>
      </c>
      <c r="HS40" s="338">
        <v>2576</v>
      </c>
      <c r="HT40" s="338">
        <v>107866</v>
      </c>
      <c r="HU40" s="338">
        <v>97244</v>
      </c>
      <c r="HV40" s="338">
        <v>59080</v>
      </c>
      <c r="HW40" s="341">
        <v>266766</v>
      </c>
      <c r="HX40" s="342">
        <v>266766</v>
      </c>
    </row>
    <row r="41" spans="1:232" x14ac:dyDescent="0.2">
      <c r="A41" s="1" t="s">
        <v>84</v>
      </c>
    </row>
  </sheetData>
  <mergeCells count="88">
    <mergeCell ref="HC4:HM4"/>
    <mergeCell ref="DH3:HM3"/>
    <mergeCell ref="EO4:EY4"/>
    <mergeCell ref="FK4:FU4"/>
    <mergeCell ref="HN3:HX4"/>
    <mergeCell ref="ED4:EN4"/>
    <mergeCell ref="FV4:GF4"/>
    <mergeCell ref="GG4:GQ4"/>
    <mergeCell ref="GR4:HB4"/>
    <mergeCell ref="CW4:DG4"/>
    <mergeCell ref="B3:DG3"/>
    <mergeCell ref="EZ4:FJ4"/>
    <mergeCell ref="DH4:DR4"/>
    <mergeCell ref="DS4:EC4"/>
    <mergeCell ref="B4:L4"/>
    <mergeCell ref="M4:W4"/>
    <mergeCell ref="X4:AH4"/>
    <mergeCell ref="AI4:AS4"/>
    <mergeCell ref="BE4:BO4"/>
    <mergeCell ref="AT4:BD4"/>
    <mergeCell ref="B5:D5"/>
    <mergeCell ref="E5:K5"/>
    <mergeCell ref="L5:L6"/>
    <mergeCell ref="M5:O5"/>
    <mergeCell ref="P5:V5"/>
    <mergeCell ref="F1:G1"/>
    <mergeCell ref="A3:A6"/>
    <mergeCell ref="BP4:BZ4"/>
    <mergeCell ref="CA4:CK4"/>
    <mergeCell ref="CL4:CV4"/>
    <mergeCell ref="BS5:BY5"/>
    <mergeCell ref="W5:W6"/>
    <mergeCell ref="X5:Z5"/>
    <mergeCell ref="AA5:AG5"/>
    <mergeCell ref="AH5:AH6"/>
    <mergeCell ref="AI5:AK5"/>
    <mergeCell ref="AL5:AR5"/>
    <mergeCell ref="AS5:AS6"/>
    <mergeCell ref="BE5:BG5"/>
    <mergeCell ref="BH5:BN5"/>
    <mergeCell ref="BO5:BO6"/>
    <mergeCell ref="BP5:BR5"/>
    <mergeCell ref="AT5:AV5"/>
    <mergeCell ref="AW5:BC5"/>
    <mergeCell ref="BD5:BD6"/>
    <mergeCell ref="DV5:EB5"/>
    <mergeCell ref="BZ5:BZ6"/>
    <mergeCell ref="CA5:CC5"/>
    <mergeCell ref="CD5:CJ5"/>
    <mergeCell ref="CK5:CK6"/>
    <mergeCell ref="CL5:CN5"/>
    <mergeCell ref="CO5:CU5"/>
    <mergeCell ref="CV5:CV6"/>
    <mergeCell ref="DH5:DJ5"/>
    <mergeCell ref="DK5:DQ5"/>
    <mergeCell ref="DR5:DR6"/>
    <mergeCell ref="DS5:DU5"/>
    <mergeCell ref="CW5:CY5"/>
    <mergeCell ref="CZ5:DF5"/>
    <mergeCell ref="DG5:DG6"/>
    <mergeCell ref="FY5:GE5"/>
    <mergeCell ref="EC5:EC6"/>
    <mergeCell ref="ED5:EF5"/>
    <mergeCell ref="EG5:EM5"/>
    <mergeCell ref="EN5:EN6"/>
    <mergeCell ref="EO5:EQ5"/>
    <mergeCell ref="ER5:EX5"/>
    <mergeCell ref="EY5:EY6"/>
    <mergeCell ref="FK5:FM5"/>
    <mergeCell ref="FN5:FT5"/>
    <mergeCell ref="FU5:FU6"/>
    <mergeCell ref="FV5:FX5"/>
    <mergeCell ref="EZ5:FB5"/>
    <mergeCell ref="FC5:FI5"/>
    <mergeCell ref="FJ5:FJ6"/>
    <mergeCell ref="HB5:HB6"/>
    <mergeCell ref="HN5:HP5"/>
    <mergeCell ref="HQ5:HW5"/>
    <mergeCell ref="HX5:HX6"/>
    <mergeCell ref="GF5:GF6"/>
    <mergeCell ref="GG5:GI5"/>
    <mergeCell ref="GJ5:GP5"/>
    <mergeCell ref="GQ5:GQ6"/>
    <mergeCell ref="GR5:GT5"/>
    <mergeCell ref="GU5:HA5"/>
    <mergeCell ref="HC5:HE5"/>
    <mergeCell ref="HF5:HL5"/>
    <mergeCell ref="HM5:HM6"/>
  </mergeCells>
  <phoneticPr fontId="4"/>
  <pageMargins left="0.70866141732283472" right="0.70866141732283472" top="0.74803149606299213" bottom="0.74803149606299213" header="0.31496062992125984" footer="0.31496062992125984"/>
  <pageSetup paperSize="9" scale="54" orientation="landscape" r:id="rId1"/>
  <headerFooter>
    <oddFooter>&amp;L&amp;20&amp;A&amp;C&amp;P/&amp;N</oddFooter>
  </headerFooter>
  <colBreaks count="8" manualBreakCount="8">
    <brk id="23" max="1048575" man="1"/>
    <brk id="56" max="1048575" man="1"/>
    <brk id="78" max="1048575" man="1"/>
    <brk id="111" max="1048575" man="1"/>
    <brk id="133" max="1048575" man="1"/>
    <brk id="166" max="1048575" man="1"/>
    <brk id="188" max="1048575" man="1"/>
    <brk id="221"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KL41"/>
  <sheetViews>
    <sheetView zoomScaleNormal="100"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9.44140625" style="44" customWidth="1"/>
    <col min="2" max="10" width="7.88671875" style="43" customWidth="1"/>
    <col min="11" max="12" width="8.77734375" style="43" customWidth="1"/>
    <col min="13" max="32" width="7.88671875" style="43" customWidth="1"/>
    <col min="33" max="33" width="9.109375" style="43" customWidth="1"/>
    <col min="34" max="34" width="8.44140625" style="43" customWidth="1"/>
    <col min="35" max="54" width="7.88671875" style="43" customWidth="1"/>
    <col min="55" max="55" width="9.109375" style="43" customWidth="1"/>
    <col min="56" max="56" width="8.44140625" style="43" customWidth="1"/>
    <col min="57" max="76" width="7.88671875" style="43" customWidth="1"/>
    <col min="77" max="77" width="9.109375" style="43" customWidth="1"/>
    <col min="78" max="78" width="8.44140625" style="43" customWidth="1"/>
    <col min="79" max="85" width="7.88671875" style="43" customWidth="1"/>
    <col min="86" max="92" width="9" style="43"/>
    <col min="93" max="93" width="8.44140625" style="43" customWidth="1"/>
    <col min="94" max="101" width="9" style="43"/>
    <col min="102" max="103" width="9" style="44"/>
    <col min="104" max="104" width="7.77734375" style="44" customWidth="1"/>
    <col min="105" max="114" width="9" style="44"/>
    <col min="115" max="115" width="7.77734375" style="44" customWidth="1"/>
    <col min="116" max="125" width="9" style="44"/>
    <col min="126" max="126" width="7.77734375" style="44" customWidth="1"/>
    <col min="127" max="136" width="9" style="44"/>
    <col min="137" max="137" width="8" style="44" customWidth="1"/>
    <col min="138" max="147" width="9" style="44"/>
    <col min="148" max="148" width="7.77734375" style="44" customWidth="1"/>
    <col min="149" max="158" width="9" style="44"/>
    <col min="159" max="159" width="7.44140625" style="44" customWidth="1"/>
    <col min="160" max="169" width="9" style="44"/>
    <col min="170" max="170" width="7.88671875" style="44" customWidth="1"/>
    <col min="171" max="180" width="9" style="44"/>
    <col min="181" max="181" width="7.21875" style="44" customWidth="1"/>
    <col min="182" max="191" width="9" style="44"/>
    <col min="192" max="192" width="8" style="44" customWidth="1"/>
    <col min="193" max="202" width="9" style="44"/>
    <col min="203" max="203" width="7.88671875" style="44" customWidth="1"/>
    <col min="204" max="213" width="9" style="44"/>
    <col min="214" max="214" width="7.88671875" style="44" customWidth="1"/>
    <col min="215" max="224" width="9" style="44"/>
    <col min="225" max="225" width="7.33203125" style="44" customWidth="1"/>
    <col min="226" max="235" width="9" style="44"/>
    <col min="236" max="236" width="7.6640625" style="44" customWidth="1"/>
    <col min="237" max="246" width="9" style="44"/>
    <col min="247" max="247" width="8" style="44" customWidth="1"/>
    <col min="248" max="257" width="9" style="44"/>
    <col min="258" max="258" width="8" style="44" customWidth="1"/>
    <col min="259" max="268" width="9" style="44"/>
    <col min="269" max="269" width="8" style="44" customWidth="1"/>
    <col min="270" max="279" width="9" style="44"/>
    <col min="280" max="280" width="8" style="44" customWidth="1"/>
    <col min="281" max="290" width="9" style="44"/>
    <col min="291" max="291" width="8.109375" style="44" customWidth="1"/>
    <col min="292" max="16384" width="9" style="44"/>
  </cols>
  <sheetData>
    <row r="1" spans="1:298" ht="17.25" customHeight="1" x14ac:dyDescent="0.2">
      <c r="A1" s="12" t="s">
        <v>121</v>
      </c>
      <c r="E1" s="545">
        <f>第１表!F2</f>
        <v>4</v>
      </c>
      <c r="F1" s="545"/>
      <c r="G1" s="282">
        <f>第１表!G2</f>
        <v>4</v>
      </c>
      <c r="H1" s="544">
        <f>G1</f>
        <v>4</v>
      </c>
      <c r="I1" s="544"/>
    </row>
    <row r="2" spans="1:298" ht="16.5" customHeight="1" thickBot="1" x14ac:dyDescent="0.25">
      <c r="A2" s="20" t="s">
        <v>132</v>
      </c>
    </row>
    <row r="3" spans="1:298" ht="22.5" customHeight="1" thickBot="1" x14ac:dyDescent="0.25">
      <c r="A3" s="531" t="s">
        <v>38</v>
      </c>
      <c r="B3" s="526" t="s">
        <v>96</v>
      </c>
      <c r="C3" s="526"/>
      <c r="D3" s="526"/>
      <c r="E3" s="526"/>
      <c r="F3" s="526"/>
      <c r="G3" s="526"/>
      <c r="H3" s="526"/>
      <c r="I3" s="526"/>
      <c r="J3" s="526"/>
      <c r="K3" s="526"/>
      <c r="L3" s="526"/>
      <c r="M3" s="526"/>
      <c r="N3" s="526"/>
      <c r="O3" s="526"/>
      <c r="P3" s="526"/>
      <c r="Q3" s="526"/>
      <c r="R3" s="526"/>
      <c r="S3" s="526"/>
      <c r="T3" s="526"/>
      <c r="U3" s="526"/>
      <c r="V3" s="526"/>
      <c r="W3" s="526"/>
      <c r="X3" s="526"/>
      <c r="Y3" s="526"/>
      <c r="Z3" s="526"/>
      <c r="AA3" s="526"/>
      <c r="AB3" s="526"/>
      <c r="AC3" s="526"/>
      <c r="AD3" s="526"/>
      <c r="AE3" s="526"/>
      <c r="AF3" s="526"/>
      <c r="AG3" s="526"/>
      <c r="AH3" s="526"/>
      <c r="AI3" s="526"/>
      <c r="AJ3" s="526"/>
      <c r="AK3" s="526"/>
      <c r="AL3" s="526"/>
      <c r="AM3" s="526"/>
      <c r="AN3" s="526"/>
      <c r="AO3" s="526"/>
      <c r="AP3" s="526"/>
      <c r="AQ3" s="526"/>
      <c r="AR3" s="526"/>
      <c r="AS3" s="526"/>
      <c r="AT3" s="526"/>
      <c r="AU3" s="526"/>
      <c r="AV3" s="526"/>
      <c r="AW3" s="526"/>
      <c r="AX3" s="526"/>
      <c r="AY3" s="526"/>
      <c r="AZ3" s="526"/>
      <c r="BA3" s="526"/>
      <c r="BB3" s="526"/>
      <c r="BC3" s="526"/>
      <c r="BD3" s="526"/>
      <c r="BE3" s="526"/>
      <c r="BF3" s="526"/>
      <c r="BG3" s="526"/>
      <c r="BH3" s="526"/>
      <c r="BI3" s="526"/>
      <c r="BJ3" s="526"/>
      <c r="BK3" s="526"/>
      <c r="BL3" s="526"/>
      <c r="BM3" s="526"/>
      <c r="BN3" s="526"/>
      <c r="BO3" s="526"/>
      <c r="BP3" s="526"/>
      <c r="BQ3" s="526"/>
      <c r="BR3" s="526"/>
      <c r="BS3" s="526"/>
      <c r="BT3" s="526"/>
      <c r="BU3" s="526"/>
      <c r="BV3" s="526"/>
      <c r="BW3" s="526"/>
      <c r="BX3" s="526"/>
      <c r="BY3" s="526"/>
      <c r="BZ3" s="526"/>
      <c r="CA3" s="526"/>
      <c r="CB3" s="526"/>
      <c r="CC3" s="526"/>
      <c r="CD3" s="526"/>
      <c r="CE3" s="526"/>
      <c r="CF3" s="526"/>
      <c r="CG3" s="526"/>
      <c r="CH3" s="526"/>
      <c r="CI3" s="526"/>
      <c r="CJ3" s="526"/>
      <c r="CK3" s="526"/>
      <c r="CL3" s="526"/>
      <c r="CM3" s="526"/>
      <c r="CN3" s="526"/>
      <c r="CO3" s="526"/>
      <c r="CP3" s="526"/>
      <c r="CQ3" s="526"/>
      <c r="CR3" s="526"/>
      <c r="CS3" s="526"/>
      <c r="CT3" s="526"/>
      <c r="CU3" s="526"/>
      <c r="CV3" s="527"/>
      <c r="CW3" s="526" t="s">
        <v>103</v>
      </c>
      <c r="CX3" s="526"/>
      <c r="CY3" s="526"/>
      <c r="CZ3" s="526"/>
      <c r="DA3" s="526"/>
      <c r="DB3" s="526"/>
      <c r="DC3" s="526"/>
      <c r="DD3" s="526"/>
      <c r="DE3" s="526"/>
      <c r="DF3" s="526"/>
      <c r="DG3" s="526"/>
      <c r="DH3" s="526"/>
      <c r="DI3" s="526"/>
      <c r="DJ3" s="526"/>
      <c r="DK3" s="526"/>
      <c r="DL3" s="526"/>
      <c r="DM3" s="526"/>
      <c r="DN3" s="526"/>
      <c r="DO3" s="526"/>
      <c r="DP3" s="526"/>
      <c r="DQ3" s="526"/>
      <c r="DR3" s="526"/>
      <c r="DS3" s="526"/>
      <c r="DT3" s="526"/>
      <c r="DU3" s="526"/>
      <c r="DV3" s="526"/>
      <c r="DW3" s="526"/>
      <c r="DX3" s="526"/>
      <c r="DY3" s="526"/>
      <c r="DZ3" s="526"/>
      <c r="EA3" s="526"/>
      <c r="EB3" s="526"/>
      <c r="EC3" s="526"/>
      <c r="ED3" s="526"/>
      <c r="EE3" s="526"/>
      <c r="EF3" s="526"/>
      <c r="EG3" s="526"/>
      <c r="EH3" s="526"/>
      <c r="EI3" s="526"/>
      <c r="EJ3" s="526"/>
      <c r="EK3" s="526"/>
      <c r="EL3" s="526"/>
      <c r="EM3" s="526"/>
      <c r="EN3" s="526"/>
      <c r="EO3" s="526"/>
      <c r="EP3" s="526"/>
      <c r="EQ3" s="526"/>
      <c r="ER3" s="526"/>
      <c r="ES3" s="526"/>
      <c r="ET3" s="526"/>
      <c r="EU3" s="526"/>
      <c r="EV3" s="526"/>
      <c r="EW3" s="526"/>
      <c r="EX3" s="526"/>
      <c r="EY3" s="526"/>
      <c r="EZ3" s="526"/>
      <c r="FA3" s="526"/>
      <c r="FB3" s="526"/>
      <c r="FC3" s="526"/>
      <c r="FD3" s="526"/>
      <c r="FE3" s="526"/>
      <c r="FF3" s="526"/>
      <c r="FG3" s="526"/>
      <c r="FH3" s="526"/>
      <c r="FI3" s="526"/>
      <c r="FJ3" s="526"/>
      <c r="FK3" s="526"/>
      <c r="FL3" s="526"/>
      <c r="FM3" s="526"/>
      <c r="FN3" s="526"/>
      <c r="FO3" s="526"/>
      <c r="FP3" s="526"/>
      <c r="FQ3" s="526"/>
      <c r="FR3" s="526"/>
      <c r="FS3" s="526"/>
      <c r="FT3" s="526"/>
      <c r="FU3" s="526"/>
      <c r="FV3" s="526"/>
      <c r="FW3" s="526"/>
      <c r="FX3" s="526"/>
      <c r="FY3" s="526"/>
      <c r="FZ3" s="526"/>
      <c r="GA3" s="526"/>
      <c r="GB3" s="526"/>
      <c r="GC3" s="526"/>
      <c r="GD3" s="526"/>
      <c r="GE3" s="526"/>
      <c r="GF3" s="526"/>
      <c r="GG3" s="526"/>
      <c r="GH3" s="526"/>
      <c r="GI3" s="526"/>
      <c r="GJ3" s="526"/>
      <c r="GK3" s="526"/>
      <c r="GL3" s="526"/>
      <c r="GM3" s="526"/>
      <c r="GN3" s="526"/>
      <c r="GO3" s="526"/>
      <c r="GP3" s="526"/>
      <c r="GQ3" s="527"/>
      <c r="GR3" s="526" t="s">
        <v>104</v>
      </c>
      <c r="GS3" s="526"/>
      <c r="GT3" s="526"/>
      <c r="GU3" s="526"/>
      <c r="GV3" s="526"/>
      <c r="GW3" s="526"/>
      <c r="GX3" s="526"/>
      <c r="GY3" s="526"/>
      <c r="GZ3" s="526"/>
      <c r="HA3" s="526"/>
      <c r="HB3" s="526"/>
      <c r="HC3" s="526"/>
      <c r="HD3" s="526"/>
      <c r="HE3" s="526"/>
      <c r="HF3" s="526"/>
      <c r="HG3" s="526"/>
      <c r="HH3" s="526"/>
      <c r="HI3" s="526"/>
      <c r="HJ3" s="526"/>
      <c r="HK3" s="526"/>
      <c r="HL3" s="526"/>
      <c r="HM3" s="526"/>
      <c r="HN3" s="526"/>
      <c r="HO3" s="526"/>
      <c r="HP3" s="526"/>
      <c r="HQ3" s="526"/>
      <c r="HR3" s="526"/>
      <c r="HS3" s="526"/>
      <c r="HT3" s="526"/>
      <c r="HU3" s="526"/>
      <c r="HV3" s="526"/>
      <c r="HW3" s="526"/>
      <c r="HX3" s="526"/>
      <c r="HY3" s="526"/>
      <c r="HZ3" s="526"/>
      <c r="IA3" s="526"/>
      <c r="IB3" s="526"/>
      <c r="IC3" s="526"/>
      <c r="ID3" s="526"/>
      <c r="IE3" s="526"/>
      <c r="IF3" s="526"/>
      <c r="IG3" s="526"/>
      <c r="IH3" s="526"/>
      <c r="II3" s="526"/>
      <c r="IJ3" s="526"/>
      <c r="IK3" s="526"/>
      <c r="IL3" s="526"/>
      <c r="IM3" s="526"/>
      <c r="IN3" s="526"/>
      <c r="IO3" s="526"/>
      <c r="IP3" s="526"/>
      <c r="IQ3" s="526"/>
      <c r="IR3" s="526"/>
      <c r="IS3" s="526"/>
      <c r="IT3" s="526"/>
      <c r="IU3" s="526"/>
      <c r="IV3" s="526"/>
      <c r="IW3" s="526"/>
      <c r="IX3" s="526"/>
      <c r="IY3" s="526"/>
      <c r="IZ3" s="526"/>
      <c r="JA3" s="526"/>
      <c r="JB3" s="526"/>
      <c r="JC3" s="526"/>
      <c r="JD3" s="526"/>
      <c r="JE3" s="526"/>
      <c r="JF3" s="526"/>
      <c r="JG3" s="526"/>
      <c r="JH3" s="526"/>
      <c r="JI3" s="526"/>
      <c r="JJ3" s="526"/>
      <c r="JK3" s="526"/>
      <c r="JL3" s="526"/>
      <c r="JM3" s="526"/>
      <c r="JN3" s="526"/>
      <c r="JO3" s="526"/>
      <c r="JP3" s="526"/>
      <c r="JQ3" s="526"/>
      <c r="JR3" s="526"/>
      <c r="JS3" s="526"/>
      <c r="JT3" s="526"/>
      <c r="JU3" s="526"/>
      <c r="JV3" s="526"/>
      <c r="JW3" s="526"/>
      <c r="JX3" s="526"/>
      <c r="JY3" s="526"/>
      <c r="JZ3" s="526"/>
      <c r="KA3" s="526"/>
      <c r="KB3" s="526"/>
      <c r="KC3" s="526"/>
      <c r="KD3" s="526"/>
      <c r="KE3" s="526"/>
      <c r="KF3" s="526"/>
      <c r="KG3" s="526"/>
      <c r="KH3" s="526"/>
      <c r="KI3" s="526"/>
      <c r="KJ3" s="526"/>
      <c r="KK3" s="526"/>
      <c r="KL3" s="527"/>
    </row>
    <row r="4" spans="1:298" ht="27.75" customHeight="1" thickBot="1" x14ac:dyDescent="0.25">
      <c r="A4" s="543"/>
      <c r="B4" s="528" t="s">
        <v>39</v>
      </c>
      <c r="C4" s="529"/>
      <c r="D4" s="529"/>
      <c r="E4" s="529"/>
      <c r="F4" s="529"/>
      <c r="G4" s="529"/>
      <c r="H4" s="529"/>
      <c r="I4" s="529"/>
      <c r="J4" s="529"/>
      <c r="K4" s="529"/>
      <c r="L4" s="529"/>
      <c r="M4" s="529"/>
      <c r="N4" s="529"/>
      <c r="O4" s="529"/>
      <c r="P4" s="529"/>
      <c r="Q4" s="529"/>
      <c r="R4" s="529"/>
      <c r="S4" s="529"/>
      <c r="T4" s="529"/>
      <c r="U4" s="529"/>
      <c r="V4" s="529"/>
      <c r="W4" s="529"/>
      <c r="X4" s="529"/>
      <c r="Y4" s="529"/>
      <c r="Z4" s="529"/>
      <c r="AA4" s="529"/>
      <c r="AB4" s="529"/>
      <c r="AC4" s="529"/>
      <c r="AD4" s="529"/>
      <c r="AE4" s="529"/>
      <c r="AF4" s="529"/>
      <c r="AG4" s="529"/>
      <c r="AH4" s="529"/>
      <c r="AI4" s="529"/>
      <c r="AJ4" s="529"/>
      <c r="AK4" s="529"/>
      <c r="AL4" s="529"/>
      <c r="AM4" s="529"/>
      <c r="AN4" s="529"/>
      <c r="AO4" s="529"/>
      <c r="AP4" s="529"/>
      <c r="AQ4" s="529"/>
      <c r="AR4" s="529"/>
      <c r="AS4" s="529"/>
      <c r="AT4" s="529"/>
      <c r="AU4" s="529"/>
      <c r="AV4" s="529"/>
      <c r="AW4" s="529"/>
      <c r="AX4" s="529"/>
      <c r="AY4" s="529"/>
      <c r="AZ4" s="529"/>
      <c r="BA4" s="529"/>
      <c r="BB4" s="529"/>
      <c r="BC4" s="529"/>
      <c r="BD4" s="529"/>
      <c r="BE4" s="529"/>
      <c r="BF4" s="529"/>
      <c r="BG4" s="529"/>
      <c r="BH4" s="529"/>
      <c r="BI4" s="529"/>
      <c r="BJ4" s="529"/>
      <c r="BK4" s="529"/>
      <c r="BL4" s="529"/>
      <c r="BM4" s="529"/>
      <c r="BN4" s="529"/>
      <c r="BO4" s="529"/>
      <c r="BP4" s="529"/>
      <c r="BQ4" s="529"/>
      <c r="BR4" s="529"/>
      <c r="BS4" s="529"/>
      <c r="BT4" s="529"/>
      <c r="BU4" s="529"/>
      <c r="BV4" s="529"/>
      <c r="BW4" s="529"/>
      <c r="BX4" s="529"/>
      <c r="BY4" s="529"/>
      <c r="BZ4" s="530"/>
      <c r="CA4" s="531" t="s">
        <v>40</v>
      </c>
      <c r="CB4" s="532"/>
      <c r="CC4" s="532"/>
      <c r="CD4" s="532"/>
      <c r="CE4" s="532"/>
      <c r="CF4" s="532"/>
      <c r="CG4" s="532"/>
      <c r="CH4" s="532"/>
      <c r="CI4" s="532"/>
      <c r="CJ4" s="532"/>
      <c r="CK4" s="533"/>
      <c r="CL4" s="531" t="s">
        <v>41</v>
      </c>
      <c r="CM4" s="532"/>
      <c r="CN4" s="532"/>
      <c r="CO4" s="532"/>
      <c r="CP4" s="532"/>
      <c r="CQ4" s="532"/>
      <c r="CR4" s="532"/>
      <c r="CS4" s="532"/>
      <c r="CT4" s="532"/>
      <c r="CU4" s="532"/>
      <c r="CV4" s="533"/>
      <c r="CW4" s="528" t="s">
        <v>39</v>
      </c>
      <c r="CX4" s="529"/>
      <c r="CY4" s="529"/>
      <c r="CZ4" s="529"/>
      <c r="DA4" s="529"/>
      <c r="DB4" s="529"/>
      <c r="DC4" s="529"/>
      <c r="DD4" s="529"/>
      <c r="DE4" s="529"/>
      <c r="DF4" s="529"/>
      <c r="DG4" s="529"/>
      <c r="DH4" s="529"/>
      <c r="DI4" s="529"/>
      <c r="DJ4" s="529"/>
      <c r="DK4" s="529"/>
      <c r="DL4" s="529"/>
      <c r="DM4" s="529"/>
      <c r="DN4" s="529"/>
      <c r="DO4" s="529"/>
      <c r="DP4" s="529"/>
      <c r="DQ4" s="529"/>
      <c r="DR4" s="529"/>
      <c r="DS4" s="529"/>
      <c r="DT4" s="529"/>
      <c r="DU4" s="529"/>
      <c r="DV4" s="529"/>
      <c r="DW4" s="529"/>
      <c r="DX4" s="529"/>
      <c r="DY4" s="529"/>
      <c r="DZ4" s="529"/>
      <c r="EA4" s="529"/>
      <c r="EB4" s="529"/>
      <c r="EC4" s="529"/>
      <c r="ED4" s="529"/>
      <c r="EE4" s="529"/>
      <c r="EF4" s="529"/>
      <c r="EG4" s="529"/>
      <c r="EH4" s="529"/>
      <c r="EI4" s="529"/>
      <c r="EJ4" s="529"/>
      <c r="EK4" s="529"/>
      <c r="EL4" s="529"/>
      <c r="EM4" s="529"/>
      <c r="EN4" s="529"/>
      <c r="EO4" s="529"/>
      <c r="EP4" s="529"/>
      <c r="EQ4" s="529"/>
      <c r="ER4" s="529"/>
      <c r="ES4" s="529"/>
      <c r="ET4" s="529"/>
      <c r="EU4" s="529"/>
      <c r="EV4" s="529"/>
      <c r="EW4" s="529"/>
      <c r="EX4" s="529"/>
      <c r="EY4" s="529"/>
      <c r="EZ4" s="529"/>
      <c r="FA4" s="529"/>
      <c r="FB4" s="529"/>
      <c r="FC4" s="529"/>
      <c r="FD4" s="529"/>
      <c r="FE4" s="529"/>
      <c r="FF4" s="529"/>
      <c r="FG4" s="529"/>
      <c r="FH4" s="529"/>
      <c r="FI4" s="529"/>
      <c r="FJ4" s="529"/>
      <c r="FK4" s="529"/>
      <c r="FL4" s="529"/>
      <c r="FM4" s="529"/>
      <c r="FN4" s="529"/>
      <c r="FO4" s="529"/>
      <c r="FP4" s="529"/>
      <c r="FQ4" s="529"/>
      <c r="FR4" s="529"/>
      <c r="FS4" s="529"/>
      <c r="FT4" s="529"/>
      <c r="FU4" s="530"/>
      <c r="FV4" s="531" t="s">
        <v>40</v>
      </c>
      <c r="FW4" s="532"/>
      <c r="FX4" s="532"/>
      <c r="FY4" s="532"/>
      <c r="FZ4" s="532"/>
      <c r="GA4" s="532"/>
      <c r="GB4" s="532"/>
      <c r="GC4" s="532"/>
      <c r="GD4" s="532"/>
      <c r="GE4" s="532"/>
      <c r="GF4" s="533"/>
      <c r="GG4" s="531" t="s">
        <v>41</v>
      </c>
      <c r="GH4" s="532"/>
      <c r="GI4" s="532"/>
      <c r="GJ4" s="532"/>
      <c r="GK4" s="532"/>
      <c r="GL4" s="532"/>
      <c r="GM4" s="532"/>
      <c r="GN4" s="532"/>
      <c r="GO4" s="532"/>
      <c r="GP4" s="532"/>
      <c r="GQ4" s="533"/>
      <c r="GR4" s="528" t="s">
        <v>39</v>
      </c>
      <c r="GS4" s="529"/>
      <c r="GT4" s="529"/>
      <c r="GU4" s="529"/>
      <c r="GV4" s="529"/>
      <c r="GW4" s="529"/>
      <c r="GX4" s="529"/>
      <c r="GY4" s="529"/>
      <c r="GZ4" s="529"/>
      <c r="HA4" s="529"/>
      <c r="HB4" s="529"/>
      <c r="HC4" s="529"/>
      <c r="HD4" s="529"/>
      <c r="HE4" s="529"/>
      <c r="HF4" s="529"/>
      <c r="HG4" s="529"/>
      <c r="HH4" s="529"/>
      <c r="HI4" s="529"/>
      <c r="HJ4" s="529"/>
      <c r="HK4" s="529"/>
      <c r="HL4" s="529"/>
      <c r="HM4" s="529"/>
      <c r="HN4" s="529"/>
      <c r="HO4" s="529"/>
      <c r="HP4" s="529"/>
      <c r="HQ4" s="529"/>
      <c r="HR4" s="529"/>
      <c r="HS4" s="529"/>
      <c r="HT4" s="529"/>
      <c r="HU4" s="529"/>
      <c r="HV4" s="529"/>
      <c r="HW4" s="529"/>
      <c r="HX4" s="529"/>
      <c r="HY4" s="529"/>
      <c r="HZ4" s="529"/>
      <c r="IA4" s="529"/>
      <c r="IB4" s="529"/>
      <c r="IC4" s="529"/>
      <c r="ID4" s="529"/>
      <c r="IE4" s="529"/>
      <c r="IF4" s="529"/>
      <c r="IG4" s="529"/>
      <c r="IH4" s="529"/>
      <c r="II4" s="529"/>
      <c r="IJ4" s="529"/>
      <c r="IK4" s="529"/>
      <c r="IL4" s="529"/>
      <c r="IM4" s="529"/>
      <c r="IN4" s="529"/>
      <c r="IO4" s="529"/>
      <c r="IP4" s="529"/>
      <c r="IQ4" s="529"/>
      <c r="IR4" s="529"/>
      <c r="IS4" s="529"/>
      <c r="IT4" s="529"/>
      <c r="IU4" s="529"/>
      <c r="IV4" s="529"/>
      <c r="IW4" s="529"/>
      <c r="IX4" s="529"/>
      <c r="IY4" s="529"/>
      <c r="IZ4" s="529"/>
      <c r="JA4" s="529"/>
      <c r="JB4" s="529"/>
      <c r="JC4" s="529"/>
      <c r="JD4" s="529"/>
      <c r="JE4" s="529"/>
      <c r="JF4" s="529"/>
      <c r="JG4" s="529"/>
      <c r="JH4" s="529"/>
      <c r="JI4" s="529"/>
      <c r="JJ4" s="529"/>
      <c r="JK4" s="529"/>
      <c r="JL4" s="529"/>
      <c r="JM4" s="529"/>
      <c r="JN4" s="529"/>
      <c r="JO4" s="529"/>
      <c r="JP4" s="530"/>
      <c r="JQ4" s="531" t="s">
        <v>40</v>
      </c>
      <c r="JR4" s="532"/>
      <c r="JS4" s="532"/>
      <c r="JT4" s="532"/>
      <c r="JU4" s="532"/>
      <c r="JV4" s="532"/>
      <c r="JW4" s="532"/>
      <c r="JX4" s="532"/>
      <c r="JY4" s="532"/>
      <c r="JZ4" s="532"/>
      <c r="KA4" s="533"/>
      <c r="KB4" s="531" t="s">
        <v>41</v>
      </c>
      <c r="KC4" s="532"/>
      <c r="KD4" s="532"/>
      <c r="KE4" s="532"/>
      <c r="KF4" s="532"/>
      <c r="KG4" s="532"/>
      <c r="KH4" s="532"/>
      <c r="KI4" s="532"/>
      <c r="KJ4" s="532"/>
      <c r="KK4" s="532"/>
      <c r="KL4" s="533"/>
    </row>
    <row r="5" spans="1:298" ht="27.75" customHeight="1" thickBot="1" x14ac:dyDescent="0.25">
      <c r="A5" s="537"/>
      <c r="B5" s="537"/>
      <c r="C5" s="538"/>
      <c r="D5" s="538"/>
      <c r="E5" s="538"/>
      <c r="F5" s="538"/>
      <c r="G5" s="538"/>
      <c r="H5" s="538"/>
      <c r="I5" s="538"/>
      <c r="J5" s="538"/>
      <c r="K5" s="538"/>
      <c r="L5" s="539"/>
      <c r="M5" s="540" t="s">
        <v>97</v>
      </c>
      <c r="N5" s="541"/>
      <c r="O5" s="541"/>
      <c r="P5" s="541"/>
      <c r="Q5" s="541"/>
      <c r="R5" s="541"/>
      <c r="S5" s="541"/>
      <c r="T5" s="541"/>
      <c r="U5" s="541"/>
      <c r="V5" s="541"/>
      <c r="W5" s="542"/>
      <c r="X5" s="540" t="s">
        <v>98</v>
      </c>
      <c r="Y5" s="541"/>
      <c r="Z5" s="541"/>
      <c r="AA5" s="541"/>
      <c r="AB5" s="541"/>
      <c r="AC5" s="541"/>
      <c r="AD5" s="541"/>
      <c r="AE5" s="541"/>
      <c r="AF5" s="541"/>
      <c r="AG5" s="541"/>
      <c r="AH5" s="542"/>
      <c r="AI5" s="540" t="s">
        <v>99</v>
      </c>
      <c r="AJ5" s="541"/>
      <c r="AK5" s="541"/>
      <c r="AL5" s="541"/>
      <c r="AM5" s="541"/>
      <c r="AN5" s="541"/>
      <c r="AO5" s="541"/>
      <c r="AP5" s="541"/>
      <c r="AQ5" s="541"/>
      <c r="AR5" s="541"/>
      <c r="AS5" s="542"/>
      <c r="AT5" s="540" t="s">
        <v>100</v>
      </c>
      <c r="AU5" s="541"/>
      <c r="AV5" s="541"/>
      <c r="AW5" s="541"/>
      <c r="AX5" s="541"/>
      <c r="AY5" s="541"/>
      <c r="AZ5" s="541"/>
      <c r="BA5" s="541"/>
      <c r="BB5" s="541"/>
      <c r="BC5" s="541"/>
      <c r="BD5" s="542"/>
      <c r="BE5" s="540" t="s">
        <v>101</v>
      </c>
      <c r="BF5" s="541"/>
      <c r="BG5" s="541"/>
      <c r="BH5" s="541"/>
      <c r="BI5" s="541"/>
      <c r="BJ5" s="541"/>
      <c r="BK5" s="541"/>
      <c r="BL5" s="541"/>
      <c r="BM5" s="541"/>
      <c r="BN5" s="541"/>
      <c r="BO5" s="542"/>
      <c r="BP5" s="540" t="s">
        <v>102</v>
      </c>
      <c r="BQ5" s="541"/>
      <c r="BR5" s="541"/>
      <c r="BS5" s="541"/>
      <c r="BT5" s="541"/>
      <c r="BU5" s="541"/>
      <c r="BV5" s="541"/>
      <c r="BW5" s="541"/>
      <c r="BX5" s="541"/>
      <c r="BY5" s="541"/>
      <c r="BZ5" s="542"/>
      <c r="CA5" s="534"/>
      <c r="CB5" s="535"/>
      <c r="CC5" s="535"/>
      <c r="CD5" s="535"/>
      <c r="CE5" s="535"/>
      <c r="CF5" s="535"/>
      <c r="CG5" s="535"/>
      <c r="CH5" s="535"/>
      <c r="CI5" s="535"/>
      <c r="CJ5" s="535"/>
      <c r="CK5" s="536"/>
      <c r="CL5" s="534"/>
      <c r="CM5" s="535"/>
      <c r="CN5" s="535"/>
      <c r="CO5" s="535"/>
      <c r="CP5" s="535"/>
      <c r="CQ5" s="535"/>
      <c r="CR5" s="535"/>
      <c r="CS5" s="535"/>
      <c r="CT5" s="535"/>
      <c r="CU5" s="535"/>
      <c r="CV5" s="536"/>
      <c r="CW5" s="537"/>
      <c r="CX5" s="538"/>
      <c r="CY5" s="538"/>
      <c r="CZ5" s="538"/>
      <c r="DA5" s="538"/>
      <c r="DB5" s="538"/>
      <c r="DC5" s="538"/>
      <c r="DD5" s="538"/>
      <c r="DE5" s="538"/>
      <c r="DF5" s="538"/>
      <c r="DG5" s="539"/>
      <c r="DH5" s="540" t="s">
        <v>97</v>
      </c>
      <c r="DI5" s="541"/>
      <c r="DJ5" s="541"/>
      <c r="DK5" s="541"/>
      <c r="DL5" s="541"/>
      <c r="DM5" s="541"/>
      <c r="DN5" s="541"/>
      <c r="DO5" s="541"/>
      <c r="DP5" s="541"/>
      <c r="DQ5" s="541"/>
      <c r="DR5" s="542"/>
      <c r="DS5" s="540" t="s">
        <v>98</v>
      </c>
      <c r="DT5" s="541"/>
      <c r="DU5" s="541"/>
      <c r="DV5" s="541"/>
      <c r="DW5" s="541"/>
      <c r="DX5" s="541"/>
      <c r="DY5" s="541"/>
      <c r="DZ5" s="541"/>
      <c r="EA5" s="541"/>
      <c r="EB5" s="541"/>
      <c r="EC5" s="542"/>
      <c r="ED5" s="540" t="s">
        <v>99</v>
      </c>
      <c r="EE5" s="541"/>
      <c r="EF5" s="541"/>
      <c r="EG5" s="541"/>
      <c r="EH5" s="541"/>
      <c r="EI5" s="541"/>
      <c r="EJ5" s="541"/>
      <c r="EK5" s="541"/>
      <c r="EL5" s="541"/>
      <c r="EM5" s="541"/>
      <c r="EN5" s="542"/>
      <c r="EO5" s="540" t="s">
        <v>100</v>
      </c>
      <c r="EP5" s="541"/>
      <c r="EQ5" s="541"/>
      <c r="ER5" s="541"/>
      <c r="ES5" s="541"/>
      <c r="ET5" s="541"/>
      <c r="EU5" s="541"/>
      <c r="EV5" s="541"/>
      <c r="EW5" s="541"/>
      <c r="EX5" s="541"/>
      <c r="EY5" s="542"/>
      <c r="EZ5" s="540" t="s">
        <v>101</v>
      </c>
      <c r="FA5" s="541"/>
      <c r="FB5" s="541"/>
      <c r="FC5" s="541"/>
      <c r="FD5" s="541"/>
      <c r="FE5" s="541"/>
      <c r="FF5" s="541"/>
      <c r="FG5" s="541"/>
      <c r="FH5" s="541"/>
      <c r="FI5" s="541"/>
      <c r="FJ5" s="542"/>
      <c r="FK5" s="540" t="s">
        <v>102</v>
      </c>
      <c r="FL5" s="541"/>
      <c r="FM5" s="541"/>
      <c r="FN5" s="541"/>
      <c r="FO5" s="541"/>
      <c r="FP5" s="541"/>
      <c r="FQ5" s="541"/>
      <c r="FR5" s="541"/>
      <c r="FS5" s="541"/>
      <c r="FT5" s="541"/>
      <c r="FU5" s="542"/>
      <c r="FV5" s="534"/>
      <c r="FW5" s="535"/>
      <c r="FX5" s="535"/>
      <c r="FY5" s="535"/>
      <c r="FZ5" s="535"/>
      <c r="GA5" s="535"/>
      <c r="GB5" s="535"/>
      <c r="GC5" s="535"/>
      <c r="GD5" s="535"/>
      <c r="GE5" s="535"/>
      <c r="GF5" s="536"/>
      <c r="GG5" s="534"/>
      <c r="GH5" s="535"/>
      <c r="GI5" s="535"/>
      <c r="GJ5" s="535"/>
      <c r="GK5" s="535"/>
      <c r="GL5" s="535"/>
      <c r="GM5" s="535"/>
      <c r="GN5" s="535"/>
      <c r="GO5" s="535"/>
      <c r="GP5" s="535"/>
      <c r="GQ5" s="536"/>
      <c r="GR5" s="537"/>
      <c r="GS5" s="538"/>
      <c r="GT5" s="538"/>
      <c r="GU5" s="538"/>
      <c r="GV5" s="538"/>
      <c r="GW5" s="538"/>
      <c r="GX5" s="538"/>
      <c r="GY5" s="538"/>
      <c r="GZ5" s="538"/>
      <c r="HA5" s="538"/>
      <c r="HB5" s="539"/>
      <c r="HC5" s="540" t="s">
        <v>97</v>
      </c>
      <c r="HD5" s="541"/>
      <c r="HE5" s="541"/>
      <c r="HF5" s="541"/>
      <c r="HG5" s="541"/>
      <c r="HH5" s="541"/>
      <c r="HI5" s="541"/>
      <c r="HJ5" s="541"/>
      <c r="HK5" s="541"/>
      <c r="HL5" s="541"/>
      <c r="HM5" s="542"/>
      <c r="HN5" s="540" t="s">
        <v>98</v>
      </c>
      <c r="HO5" s="541"/>
      <c r="HP5" s="541"/>
      <c r="HQ5" s="541"/>
      <c r="HR5" s="541"/>
      <c r="HS5" s="541"/>
      <c r="HT5" s="541"/>
      <c r="HU5" s="541"/>
      <c r="HV5" s="541"/>
      <c r="HW5" s="541"/>
      <c r="HX5" s="542"/>
      <c r="HY5" s="540" t="s">
        <v>99</v>
      </c>
      <c r="HZ5" s="541"/>
      <c r="IA5" s="541"/>
      <c r="IB5" s="541"/>
      <c r="IC5" s="541"/>
      <c r="ID5" s="541"/>
      <c r="IE5" s="541"/>
      <c r="IF5" s="541"/>
      <c r="IG5" s="541"/>
      <c r="IH5" s="541"/>
      <c r="II5" s="542"/>
      <c r="IJ5" s="540" t="s">
        <v>100</v>
      </c>
      <c r="IK5" s="541"/>
      <c r="IL5" s="541"/>
      <c r="IM5" s="541"/>
      <c r="IN5" s="541"/>
      <c r="IO5" s="541"/>
      <c r="IP5" s="541"/>
      <c r="IQ5" s="541"/>
      <c r="IR5" s="541"/>
      <c r="IS5" s="541"/>
      <c r="IT5" s="542"/>
      <c r="IU5" s="540" t="s">
        <v>101</v>
      </c>
      <c r="IV5" s="541"/>
      <c r="IW5" s="541"/>
      <c r="IX5" s="541"/>
      <c r="IY5" s="541"/>
      <c r="IZ5" s="541"/>
      <c r="JA5" s="541"/>
      <c r="JB5" s="541"/>
      <c r="JC5" s="541"/>
      <c r="JD5" s="541"/>
      <c r="JE5" s="542"/>
      <c r="JF5" s="540" t="s">
        <v>102</v>
      </c>
      <c r="JG5" s="541"/>
      <c r="JH5" s="541"/>
      <c r="JI5" s="541"/>
      <c r="JJ5" s="541"/>
      <c r="JK5" s="541"/>
      <c r="JL5" s="541"/>
      <c r="JM5" s="541"/>
      <c r="JN5" s="541"/>
      <c r="JO5" s="541"/>
      <c r="JP5" s="542"/>
      <c r="JQ5" s="534"/>
      <c r="JR5" s="535"/>
      <c r="JS5" s="535"/>
      <c r="JT5" s="535"/>
      <c r="JU5" s="535"/>
      <c r="JV5" s="535"/>
      <c r="JW5" s="535"/>
      <c r="JX5" s="535"/>
      <c r="JY5" s="535"/>
      <c r="JZ5" s="535"/>
      <c r="KA5" s="536"/>
      <c r="KB5" s="534"/>
      <c r="KC5" s="535"/>
      <c r="KD5" s="535"/>
      <c r="KE5" s="535"/>
      <c r="KF5" s="535"/>
      <c r="KG5" s="535"/>
      <c r="KH5" s="535"/>
      <c r="KI5" s="535"/>
      <c r="KJ5" s="535"/>
      <c r="KK5" s="535"/>
      <c r="KL5" s="536"/>
    </row>
    <row r="6" spans="1:298" ht="44.25" customHeight="1" thickBot="1" x14ac:dyDescent="0.25">
      <c r="A6" s="352" t="s">
        <v>42</v>
      </c>
      <c r="B6" s="51" t="s">
        <v>43</v>
      </c>
      <c r="C6" s="47" t="s">
        <v>44</v>
      </c>
      <c r="D6" s="48" t="s">
        <v>45</v>
      </c>
      <c r="E6" s="52" t="s">
        <v>46</v>
      </c>
      <c r="F6" s="47" t="s">
        <v>47</v>
      </c>
      <c r="G6" s="47" t="s">
        <v>48</v>
      </c>
      <c r="H6" s="47" t="s">
        <v>49</v>
      </c>
      <c r="I6" s="47" t="s">
        <v>50</v>
      </c>
      <c r="J6" s="47" t="s">
        <v>51</v>
      </c>
      <c r="K6" s="48" t="s">
        <v>45</v>
      </c>
      <c r="L6" s="53" t="s">
        <v>52</v>
      </c>
      <c r="M6" s="400" t="s">
        <v>43</v>
      </c>
      <c r="N6" s="401" t="s">
        <v>44</v>
      </c>
      <c r="O6" s="402" t="s">
        <v>45</v>
      </c>
      <c r="P6" s="403" t="s">
        <v>46</v>
      </c>
      <c r="Q6" s="401" t="s">
        <v>47</v>
      </c>
      <c r="R6" s="401" t="s">
        <v>48</v>
      </c>
      <c r="S6" s="401" t="s">
        <v>49</v>
      </c>
      <c r="T6" s="401" t="s">
        <v>50</v>
      </c>
      <c r="U6" s="401" t="s">
        <v>51</v>
      </c>
      <c r="V6" s="402" t="s">
        <v>45</v>
      </c>
      <c r="W6" s="399" t="s">
        <v>52</v>
      </c>
      <c r="X6" s="400" t="s">
        <v>43</v>
      </c>
      <c r="Y6" s="401" t="s">
        <v>44</v>
      </c>
      <c r="Z6" s="402" t="s">
        <v>45</v>
      </c>
      <c r="AA6" s="403" t="s">
        <v>46</v>
      </c>
      <c r="AB6" s="401" t="s">
        <v>47</v>
      </c>
      <c r="AC6" s="401" t="s">
        <v>48</v>
      </c>
      <c r="AD6" s="401" t="s">
        <v>49</v>
      </c>
      <c r="AE6" s="401" t="s">
        <v>50</v>
      </c>
      <c r="AF6" s="401" t="s">
        <v>51</v>
      </c>
      <c r="AG6" s="402" t="s">
        <v>45</v>
      </c>
      <c r="AH6" s="404" t="s">
        <v>52</v>
      </c>
      <c r="AI6" s="400" t="s">
        <v>43</v>
      </c>
      <c r="AJ6" s="401" t="s">
        <v>44</v>
      </c>
      <c r="AK6" s="402" t="s">
        <v>45</v>
      </c>
      <c r="AL6" s="403" t="s">
        <v>46</v>
      </c>
      <c r="AM6" s="401" t="s">
        <v>47</v>
      </c>
      <c r="AN6" s="401" t="s">
        <v>48</v>
      </c>
      <c r="AO6" s="401" t="s">
        <v>49</v>
      </c>
      <c r="AP6" s="401" t="s">
        <v>50</v>
      </c>
      <c r="AQ6" s="401" t="s">
        <v>51</v>
      </c>
      <c r="AR6" s="402" t="s">
        <v>45</v>
      </c>
      <c r="AS6" s="404" t="s">
        <v>52</v>
      </c>
      <c r="AT6" s="400" t="s">
        <v>43</v>
      </c>
      <c r="AU6" s="401" t="s">
        <v>44</v>
      </c>
      <c r="AV6" s="402" t="s">
        <v>45</v>
      </c>
      <c r="AW6" s="403" t="s">
        <v>46</v>
      </c>
      <c r="AX6" s="401" t="s">
        <v>47</v>
      </c>
      <c r="AY6" s="401" t="s">
        <v>48</v>
      </c>
      <c r="AZ6" s="401" t="s">
        <v>49</v>
      </c>
      <c r="BA6" s="401" t="s">
        <v>50</v>
      </c>
      <c r="BB6" s="401" t="s">
        <v>51</v>
      </c>
      <c r="BC6" s="402" t="s">
        <v>45</v>
      </c>
      <c r="BD6" s="404" t="s">
        <v>52</v>
      </c>
      <c r="BE6" s="400" t="s">
        <v>43</v>
      </c>
      <c r="BF6" s="401" t="s">
        <v>44</v>
      </c>
      <c r="BG6" s="402" t="s">
        <v>45</v>
      </c>
      <c r="BH6" s="403" t="s">
        <v>46</v>
      </c>
      <c r="BI6" s="401" t="s">
        <v>47</v>
      </c>
      <c r="BJ6" s="401" t="s">
        <v>48</v>
      </c>
      <c r="BK6" s="401" t="s">
        <v>49</v>
      </c>
      <c r="BL6" s="401" t="s">
        <v>50</v>
      </c>
      <c r="BM6" s="401" t="s">
        <v>51</v>
      </c>
      <c r="BN6" s="402" t="s">
        <v>45</v>
      </c>
      <c r="BO6" s="404" t="s">
        <v>52</v>
      </c>
      <c r="BP6" s="400" t="s">
        <v>43</v>
      </c>
      <c r="BQ6" s="401" t="s">
        <v>44</v>
      </c>
      <c r="BR6" s="402" t="s">
        <v>45</v>
      </c>
      <c r="BS6" s="403" t="s">
        <v>46</v>
      </c>
      <c r="BT6" s="401" t="s">
        <v>47</v>
      </c>
      <c r="BU6" s="401" t="s">
        <v>48</v>
      </c>
      <c r="BV6" s="401" t="s">
        <v>49</v>
      </c>
      <c r="BW6" s="401" t="s">
        <v>50</v>
      </c>
      <c r="BX6" s="401" t="s">
        <v>51</v>
      </c>
      <c r="BY6" s="402" t="s">
        <v>45</v>
      </c>
      <c r="BZ6" s="404" t="s">
        <v>52</v>
      </c>
      <c r="CA6" s="400" t="s">
        <v>43</v>
      </c>
      <c r="CB6" s="401" t="s">
        <v>44</v>
      </c>
      <c r="CC6" s="402" t="s">
        <v>45</v>
      </c>
      <c r="CD6" s="403" t="s">
        <v>46</v>
      </c>
      <c r="CE6" s="401" t="s">
        <v>47</v>
      </c>
      <c r="CF6" s="401" t="s">
        <v>48</v>
      </c>
      <c r="CG6" s="401" t="s">
        <v>49</v>
      </c>
      <c r="CH6" s="401" t="s">
        <v>50</v>
      </c>
      <c r="CI6" s="401" t="s">
        <v>51</v>
      </c>
      <c r="CJ6" s="402" t="s">
        <v>45</v>
      </c>
      <c r="CK6" s="404" t="s">
        <v>52</v>
      </c>
      <c r="CL6" s="400" t="s">
        <v>43</v>
      </c>
      <c r="CM6" s="401" t="s">
        <v>44</v>
      </c>
      <c r="CN6" s="402" t="s">
        <v>45</v>
      </c>
      <c r="CO6" s="403" t="s">
        <v>46</v>
      </c>
      <c r="CP6" s="401" t="s">
        <v>47</v>
      </c>
      <c r="CQ6" s="401" t="s">
        <v>48</v>
      </c>
      <c r="CR6" s="401" t="s">
        <v>49</v>
      </c>
      <c r="CS6" s="401" t="s">
        <v>50</v>
      </c>
      <c r="CT6" s="401" t="s">
        <v>51</v>
      </c>
      <c r="CU6" s="402" t="s">
        <v>45</v>
      </c>
      <c r="CV6" s="404" t="s">
        <v>52</v>
      </c>
      <c r="CW6" s="51" t="s">
        <v>43</v>
      </c>
      <c r="CX6" s="47" t="s">
        <v>44</v>
      </c>
      <c r="CY6" s="48" t="s">
        <v>45</v>
      </c>
      <c r="CZ6" s="52" t="s">
        <v>46</v>
      </c>
      <c r="DA6" s="47" t="s">
        <v>47</v>
      </c>
      <c r="DB6" s="47" t="s">
        <v>48</v>
      </c>
      <c r="DC6" s="47" t="s">
        <v>49</v>
      </c>
      <c r="DD6" s="47" t="s">
        <v>50</v>
      </c>
      <c r="DE6" s="47" t="s">
        <v>51</v>
      </c>
      <c r="DF6" s="48" t="s">
        <v>45</v>
      </c>
      <c r="DG6" s="53" t="s">
        <v>52</v>
      </c>
      <c r="DH6" s="400" t="s">
        <v>43</v>
      </c>
      <c r="DI6" s="401" t="s">
        <v>44</v>
      </c>
      <c r="DJ6" s="402" t="s">
        <v>45</v>
      </c>
      <c r="DK6" s="403" t="s">
        <v>46</v>
      </c>
      <c r="DL6" s="401" t="s">
        <v>47</v>
      </c>
      <c r="DM6" s="401" t="s">
        <v>48</v>
      </c>
      <c r="DN6" s="401" t="s">
        <v>49</v>
      </c>
      <c r="DO6" s="401" t="s">
        <v>50</v>
      </c>
      <c r="DP6" s="401" t="s">
        <v>51</v>
      </c>
      <c r="DQ6" s="402" t="s">
        <v>45</v>
      </c>
      <c r="DR6" s="404" t="s">
        <v>52</v>
      </c>
      <c r="DS6" s="400" t="s">
        <v>43</v>
      </c>
      <c r="DT6" s="401" t="s">
        <v>44</v>
      </c>
      <c r="DU6" s="402" t="s">
        <v>45</v>
      </c>
      <c r="DV6" s="403" t="s">
        <v>46</v>
      </c>
      <c r="DW6" s="401" t="s">
        <v>47</v>
      </c>
      <c r="DX6" s="401" t="s">
        <v>48</v>
      </c>
      <c r="DY6" s="401" t="s">
        <v>49</v>
      </c>
      <c r="DZ6" s="401" t="s">
        <v>50</v>
      </c>
      <c r="EA6" s="401" t="s">
        <v>51</v>
      </c>
      <c r="EB6" s="402" t="s">
        <v>45</v>
      </c>
      <c r="EC6" s="404" t="s">
        <v>52</v>
      </c>
      <c r="ED6" s="400" t="s">
        <v>43</v>
      </c>
      <c r="EE6" s="401" t="s">
        <v>44</v>
      </c>
      <c r="EF6" s="402" t="s">
        <v>45</v>
      </c>
      <c r="EG6" s="403" t="s">
        <v>46</v>
      </c>
      <c r="EH6" s="401" t="s">
        <v>47</v>
      </c>
      <c r="EI6" s="401" t="s">
        <v>48</v>
      </c>
      <c r="EJ6" s="401" t="s">
        <v>49</v>
      </c>
      <c r="EK6" s="401" t="s">
        <v>50</v>
      </c>
      <c r="EL6" s="401" t="s">
        <v>51</v>
      </c>
      <c r="EM6" s="402" t="s">
        <v>45</v>
      </c>
      <c r="EN6" s="404" t="s">
        <v>52</v>
      </c>
      <c r="EO6" s="400" t="s">
        <v>43</v>
      </c>
      <c r="EP6" s="401" t="s">
        <v>44</v>
      </c>
      <c r="EQ6" s="402" t="s">
        <v>45</v>
      </c>
      <c r="ER6" s="403" t="s">
        <v>46</v>
      </c>
      <c r="ES6" s="401" t="s">
        <v>47</v>
      </c>
      <c r="ET6" s="401" t="s">
        <v>48</v>
      </c>
      <c r="EU6" s="401" t="s">
        <v>49</v>
      </c>
      <c r="EV6" s="401" t="s">
        <v>50</v>
      </c>
      <c r="EW6" s="401" t="s">
        <v>51</v>
      </c>
      <c r="EX6" s="402" t="s">
        <v>45</v>
      </c>
      <c r="EY6" s="404" t="s">
        <v>52</v>
      </c>
      <c r="EZ6" s="400" t="s">
        <v>43</v>
      </c>
      <c r="FA6" s="401" t="s">
        <v>44</v>
      </c>
      <c r="FB6" s="402" t="s">
        <v>45</v>
      </c>
      <c r="FC6" s="403" t="s">
        <v>46</v>
      </c>
      <c r="FD6" s="401" t="s">
        <v>47</v>
      </c>
      <c r="FE6" s="401" t="s">
        <v>48</v>
      </c>
      <c r="FF6" s="401" t="s">
        <v>49</v>
      </c>
      <c r="FG6" s="401" t="s">
        <v>50</v>
      </c>
      <c r="FH6" s="401" t="s">
        <v>51</v>
      </c>
      <c r="FI6" s="402" t="s">
        <v>45</v>
      </c>
      <c r="FJ6" s="404" t="s">
        <v>52</v>
      </c>
      <c r="FK6" s="400" t="s">
        <v>43</v>
      </c>
      <c r="FL6" s="401" t="s">
        <v>44</v>
      </c>
      <c r="FM6" s="402" t="s">
        <v>45</v>
      </c>
      <c r="FN6" s="403" t="s">
        <v>46</v>
      </c>
      <c r="FO6" s="401" t="s">
        <v>47</v>
      </c>
      <c r="FP6" s="401" t="s">
        <v>48</v>
      </c>
      <c r="FQ6" s="401" t="s">
        <v>49</v>
      </c>
      <c r="FR6" s="401" t="s">
        <v>50</v>
      </c>
      <c r="FS6" s="401" t="s">
        <v>51</v>
      </c>
      <c r="FT6" s="402" t="s">
        <v>45</v>
      </c>
      <c r="FU6" s="404" t="s">
        <v>52</v>
      </c>
      <c r="FV6" s="400" t="s">
        <v>43</v>
      </c>
      <c r="FW6" s="401" t="s">
        <v>44</v>
      </c>
      <c r="FX6" s="402" t="s">
        <v>45</v>
      </c>
      <c r="FY6" s="403" t="s">
        <v>46</v>
      </c>
      <c r="FZ6" s="401" t="s">
        <v>47</v>
      </c>
      <c r="GA6" s="401" t="s">
        <v>48</v>
      </c>
      <c r="GB6" s="401" t="s">
        <v>49</v>
      </c>
      <c r="GC6" s="401" t="s">
        <v>50</v>
      </c>
      <c r="GD6" s="401" t="s">
        <v>51</v>
      </c>
      <c r="GE6" s="402" t="s">
        <v>45</v>
      </c>
      <c r="GF6" s="404" t="s">
        <v>52</v>
      </c>
      <c r="GG6" s="400" t="s">
        <v>43</v>
      </c>
      <c r="GH6" s="401" t="s">
        <v>44</v>
      </c>
      <c r="GI6" s="402" t="s">
        <v>45</v>
      </c>
      <c r="GJ6" s="403" t="s">
        <v>46</v>
      </c>
      <c r="GK6" s="401" t="s">
        <v>47</v>
      </c>
      <c r="GL6" s="401" t="s">
        <v>48</v>
      </c>
      <c r="GM6" s="401" t="s">
        <v>49</v>
      </c>
      <c r="GN6" s="401" t="s">
        <v>50</v>
      </c>
      <c r="GO6" s="401" t="s">
        <v>51</v>
      </c>
      <c r="GP6" s="402" t="s">
        <v>45</v>
      </c>
      <c r="GQ6" s="404" t="s">
        <v>52</v>
      </c>
      <c r="GR6" s="51" t="s">
        <v>43</v>
      </c>
      <c r="GS6" s="47" t="s">
        <v>44</v>
      </c>
      <c r="GT6" s="48" t="s">
        <v>45</v>
      </c>
      <c r="GU6" s="52" t="s">
        <v>46</v>
      </c>
      <c r="GV6" s="47" t="s">
        <v>47</v>
      </c>
      <c r="GW6" s="47" t="s">
        <v>48</v>
      </c>
      <c r="GX6" s="47" t="s">
        <v>49</v>
      </c>
      <c r="GY6" s="47" t="s">
        <v>50</v>
      </c>
      <c r="GZ6" s="47" t="s">
        <v>51</v>
      </c>
      <c r="HA6" s="48" t="s">
        <v>45</v>
      </c>
      <c r="HB6" s="53" t="s">
        <v>52</v>
      </c>
      <c r="HC6" s="400" t="s">
        <v>43</v>
      </c>
      <c r="HD6" s="401" t="s">
        <v>44</v>
      </c>
      <c r="HE6" s="402" t="s">
        <v>45</v>
      </c>
      <c r="HF6" s="403" t="s">
        <v>46</v>
      </c>
      <c r="HG6" s="401" t="s">
        <v>47</v>
      </c>
      <c r="HH6" s="401" t="s">
        <v>48</v>
      </c>
      <c r="HI6" s="401" t="s">
        <v>49</v>
      </c>
      <c r="HJ6" s="401" t="s">
        <v>50</v>
      </c>
      <c r="HK6" s="401" t="s">
        <v>51</v>
      </c>
      <c r="HL6" s="402" t="s">
        <v>45</v>
      </c>
      <c r="HM6" s="404" t="s">
        <v>52</v>
      </c>
      <c r="HN6" s="400" t="s">
        <v>43</v>
      </c>
      <c r="HO6" s="401" t="s">
        <v>44</v>
      </c>
      <c r="HP6" s="402" t="s">
        <v>45</v>
      </c>
      <c r="HQ6" s="403" t="s">
        <v>46</v>
      </c>
      <c r="HR6" s="401" t="s">
        <v>47</v>
      </c>
      <c r="HS6" s="401" t="s">
        <v>48</v>
      </c>
      <c r="HT6" s="401" t="s">
        <v>49</v>
      </c>
      <c r="HU6" s="401" t="s">
        <v>50</v>
      </c>
      <c r="HV6" s="401" t="s">
        <v>51</v>
      </c>
      <c r="HW6" s="402" t="s">
        <v>45</v>
      </c>
      <c r="HX6" s="404" t="s">
        <v>52</v>
      </c>
      <c r="HY6" s="400" t="s">
        <v>43</v>
      </c>
      <c r="HZ6" s="401" t="s">
        <v>44</v>
      </c>
      <c r="IA6" s="402" t="s">
        <v>45</v>
      </c>
      <c r="IB6" s="403" t="s">
        <v>46</v>
      </c>
      <c r="IC6" s="401" t="s">
        <v>47</v>
      </c>
      <c r="ID6" s="401" t="s">
        <v>48</v>
      </c>
      <c r="IE6" s="401" t="s">
        <v>49</v>
      </c>
      <c r="IF6" s="401" t="s">
        <v>50</v>
      </c>
      <c r="IG6" s="401" t="s">
        <v>51</v>
      </c>
      <c r="IH6" s="402" t="s">
        <v>45</v>
      </c>
      <c r="II6" s="404" t="s">
        <v>52</v>
      </c>
      <c r="IJ6" s="400" t="s">
        <v>43</v>
      </c>
      <c r="IK6" s="401" t="s">
        <v>44</v>
      </c>
      <c r="IL6" s="402" t="s">
        <v>45</v>
      </c>
      <c r="IM6" s="403" t="s">
        <v>46</v>
      </c>
      <c r="IN6" s="401" t="s">
        <v>47</v>
      </c>
      <c r="IO6" s="401" t="s">
        <v>48</v>
      </c>
      <c r="IP6" s="401" t="s">
        <v>49</v>
      </c>
      <c r="IQ6" s="401" t="s">
        <v>50</v>
      </c>
      <c r="IR6" s="401" t="s">
        <v>51</v>
      </c>
      <c r="IS6" s="402" t="s">
        <v>45</v>
      </c>
      <c r="IT6" s="404" t="s">
        <v>52</v>
      </c>
      <c r="IU6" s="400" t="s">
        <v>43</v>
      </c>
      <c r="IV6" s="401" t="s">
        <v>44</v>
      </c>
      <c r="IW6" s="402" t="s">
        <v>45</v>
      </c>
      <c r="IX6" s="403" t="s">
        <v>46</v>
      </c>
      <c r="IY6" s="401" t="s">
        <v>47</v>
      </c>
      <c r="IZ6" s="401" t="s">
        <v>48</v>
      </c>
      <c r="JA6" s="401" t="s">
        <v>49</v>
      </c>
      <c r="JB6" s="401" t="s">
        <v>50</v>
      </c>
      <c r="JC6" s="401" t="s">
        <v>51</v>
      </c>
      <c r="JD6" s="402" t="s">
        <v>45</v>
      </c>
      <c r="JE6" s="404" t="s">
        <v>52</v>
      </c>
      <c r="JF6" s="400" t="s">
        <v>43</v>
      </c>
      <c r="JG6" s="401" t="s">
        <v>44</v>
      </c>
      <c r="JH6" s="402" t="s">
        <v>45</v>
      </c>
      <c r="JI6" s="403" t="s">
        <v>46</v>
      </c>
      <c r="JJ6" s="401" t="s">
        <v>47</v>
      </c>
      <c r="JK6" s="401" t="s">
        <v>48</v>
      </c>
      <c r="JL6" s="401" t="s">
        <v>49</v>
      </c>
      <c r="JM6" s="401" t="s">
        <v>50</v>
      </c>
      <c r="JN6" s="401" t="s">
        <v>51</v>
      </c>
      <c r="JO6" s="402" t="s">
        <v>45</v>
      </c>
      <c r="JP6" s="404" t="s">
        <v>52</v>
      </c>
      <c r="JQ6" s="400" t="s">
        <v>43</v>
      </c>
      <c r="JR6" s="401" t="s">
        <v>44</v>
      </c>
      <c r="JS6" s="402" t="s">
        <v>45</v>
      </c>
      <c r="JT6" s="403" t="s">
        <v>46</v>
      </c>
      <c r="JU6" s="401" t="s">
        <v>47</v>
      </c>
      <c r="JV6" s="401" t="s">
        <v>48</v>
      </c>
      <c r="JW6" s="401" t="s">
        <v>49</v>
      </c>
      <c r="JX6" s="401" t="s">
        <v>50</v>
      </c>
      <c r="JY6" s="401" t="s">
        <v>51</v>
      </c>
      <c r="JZ6" s="402" t="s">
        <v>45</v>
      </c>
      <c r="KA6" s="404" t="s">
        <v>52</v>
      </c>
      <c r="KB6" s="400" t="s">
        <v>43</v>
      </c>
      <c r="KC6" s="401" t="s">
        <v>44</v>
      </c>
      <c r="KD6" s="402" t="s">
        <v>45</v>
      </c>
      <c r="KE6" s="403" t="s">
        <v>46</v>
      </c>
      <c r="KF6" s="401" t="s">
        <v>47</v>
      </c>
      <c r="KG6" s="401" t="s">
        <v>48</v>
      </c>
      <c r="KH6" s="401" t="s">
        <v>49</v>
      </c>
      <c r="KI6" s="401" t="s">
        <v>50</v>
      </c>
      <c r="KJ6" s="401" t="s">
        <v>51</v>
      </c>
      <c r="KK6" s="402" t="s">
        <v>45</v>
      </c>
      <c r="KL6" s="404" t="s">
        <v>52</v>
      </c>
    </row>
    <row r="7" spans="1:298" ht="19.5" customHeight="1" x14ac:dyDescent="0.2">
      <c r="A7" s="128" t="s">
        <v>4</v>
      </c>
      <c r="B7" s="349">
        <v>4390</v>
      </c>
      <c r="C7" s="78">
        <v>4023</v>
      </c>
      <c r="D7" s="79">
        <v>8413</v>
      </c>
      <c r="E7" s="272"/>
      <c r="F7" s="78">
        <v>5903</v>
      </c>
      <c r="G7" s="78">
        <v>5191</v>
      </c>
      <c r="H7" s="78">
        <v>3606</v>
      </c>
      <c r="I7" s="78">
        <v>2919</v>
      </c>
      <c r="J7" s="78">
        <v>1605</v>
      </c>
      <c r="K7" s="80">
        <v>19224</v>
      </c>
      <c r="L7" s="81">
        <v>27637</v>
      </c>
      <c r="M7" s="66">
        <v>58</v>
      </c>
      <c r="N7" s="67">
        <v>64</v>
      </c>
      <c r="O7" s="68">
        <v>122</v>
      </c>
      <c r="P7" s="275"/>
      <c r="Q7" s="67">
        <v>76</v>
      </c>
      <c r="R7" s="67">
        <v>99</v>
      </c>
      <c r="S7" s="67">
        <v>57</v>
      </c>
      <c r="T7" s="67">
        <v>55</v>
      </c>
      <c r="U7" s="67">
        <v>40</v>
      </c>
      <c r="V7" s="68">
        <v>327</v>
      </c>
      <c r="W7" s="69">
        <v>449</v>
      </c>
      <c r="X7" s="66">
        <v>175</v>
      </c>
      <c r="Y7" s="67">
        <v>200</v>
      </c>
      <c r="Z7" s="68">
        <v>375</v>
      </c>
      <c r="AA7" s="275"/>
      <c r="AB7" s="67">
        <v>242</v>
      </c>
      <c r="AC7" s="67">
        <v>251</v>
      </c>
      <c r="AD7" s="67">
        <v>166</v>
      </c>
      <c r="AE7" s="67">
        <v>156</v>
      </c>
      <c r="AF7" s="67">
        <v>114</v>
      </c>
      <c r="AG7" s="68">
        <v>929</v>
      </c>
      <c r="AH7" s="69">
        <v>1304</v>
      </c>
      <c r="AI7" s="66">
        <v>350</v>
      </c>
      <c r="AJ7" s="67">
        <v>343</v>
      </c>
      <c r="AK7" s="68">
        <v>693</v>
      </c>
      <c r="AL7" s="275"/>
      <c r="AM7" s="67">
        <v>455</v>
      </c>
      <c r="AN7" s="67">
        <v>406</v>
      </c>
      <c r="AO7" s="67">
        <v>275</v>
      </c>
      <c r="AP7" s="67">
        <v>216</v>
      </c>
      <c r="AQ7" s="67">
        <v>143</v>
      </c>
      <c r="AR7" s="68">
        <v>1495</v>
      </c>
      <c r="AS7" s="69">
        <v>2188</v>
      </c>
      <c r="AT7" s="66">
        <v>901</v>
      </c>
      <c r="AU7" s="67">
        <v>813</v>
      </c>
      <c r="AV7" s="68">
        <v>1714</v>
      </c>
      <c r="AW7" s="275"/>
      <c r="AX7" s="67">
        <v>1135</v>
      </c>
      <c r="AY7" s="67">
        <v>959</v>
      </c>
      <c r="AZ7" s="67">
        <v>578</v>
      </c>
      <c r="BA7" s="67">
        <v>441</v>
      </c>
      <c r="BB7" s="67">
        <v>318</v>
      </c>
      <c r="BC7" s="68">
        <v>3431</v>
      </c>
      <c r="BD7" s="69">
        <v>5145</v>
      </c>
      <c r="BE7" s="66">
        <v>1621</v>
      </c>
      <c r="BF7" s="67">
        <v>1332</v>
      </c>
      <c r="BG7" s="68">
        <v>2953</v>
      </c>
      <c r="BH7" s="275"/>
      <c r="BI7" s="67">
        <v>2030</v>
      </c>
      <c r="BJ7" s="67">
        <v>1611</v>
      </c>
      <c r="BK7" s="67">
        <v>1119</v>
      </c>
      <c r="BL7" s="67">
        <v>905</v>
      </c>
      <c r="BM7" s="67">
        <v>460</v>
      </c>
      <c r="BN7" s="68">
        <v>6125</v>
      </c>
      <c r="BO7" s="69">
        <v>9078</v>
      </c>
      <c r="BP7" s="66">
        <v>1285</v>
      </c>
      <c r="BQ7" s="67">
        <v>1271</v>
      </c>
      <c r="BR7" s="68">
        <v>2556</v>
      </c>
      <c r="BS7" s="275"/>
      <c r="BT7" s="67">
        <v>1965</v>
      </c>
      <c r="BU7" s="67">
        <v>1865</v>
      </c>
      <c r="BV7" s="67">
        <v>1411</v>
      </c>
      <c r="BW7" s="67">
        <v>1146</v>
      </c>
      <c r="BX7" s="67">
        <v>530</v>
      </c>
      <c r="BY7" s="68">
        <v>6917</v>
      </c>
      <c r="BZ7" s="69">
        <v>9473</v>
      </c>
      <c r="CA7" s="66">
        <v>0</v>
      </c>
      <c r="CB7" s="67">
        <v>0</v>
      </c>
      <c r="CC7" s="68">
        <v>0</v>
      </c>
      <c r="CD7" s="275"/>
      <c r="CE7" s="67">
        <v>0</v>
      </c>
      <c r="CF7" s="67">
        <v>0</v>
      </c>
      <c r="CG7" s="67">
        <v>0</v>
      </c>
      <c r="CH7" s="67">
        <v>0</v>
      </c>
      <c r="CI7" s="67">
        <v>0</v>
      </c>
      <c r="CJ7" s="68">
        <v>0</v>
      </c>
      <c r="CK7" s="69">
        <v>0</v>
      </c>
      <c r="CL7" s="66">
        <v>4390</v>
      </c>
      <c r="CM7" s="67">
        <v>4023</v>
      </c>
      <c r="CN7" s="68">
        <v>8413</v>
      </c>
      <c r="CO7" s="275"/>
      <c r="CP7" s="67">
        <v>5903</v>
      </c>
      <c r="CQ7" s="67">
        <v>5191</v>
      </c>
      <c r="CR7" s="67">
        <v>3606</v>
      </c>
      <c r="CS7" s="67">
        <v>2919</v>
      </c>
      <c r="CT7" s="67">
        <v>1605</v>
      </c>
      <c r="CU7" s="68">
        <v>19224</v>
      </c>
      <c r="CV7" s="69">
        <v>27637</v>
      </c>
      <c r="CW7" s="125">
        <v>617</v>
      </c>
      <c r="CX7" s="78">
        <v>641</v>
      </c>
      <c r="CY7" s="79">
        <v>1258</v>
      </c>
      <c r="CZ7" s="272"/>
      <c r="DA7" s="78">
        <v>802</v>
      </c>
      <c r="DB7" s="78">
        <v>736</v>
      </c>
      <c r="DC7" s="78">
        <v>549</v>
      </c>
      <c r="DD7" s="78">
        <v>535</v>
      </c>
      <c r="DE7" s="78">
        <v>363</v>
      </c>
      <c r="DF7" s="80">
        <v>2985</v>
      </c>
      <c r="DG7" s="81">
        <v>4243</v>
      </c>
      <c r="DH7" s="66">
        <v>11</v>
      </c>
      <c r="DI7" s="67">
        <v>17</v>
      </c>
      <c r="DJ7" s="68">
        <v>28</v>
      </c>
      <c r="DK7" s="275"/>
      <c r="DL7" s="67">
        <v>12</v>
      </c>
      <c r="DM7" s="67">
        <v>14</v>
      </c>
      <c r="DN7" s="67">
        <v>9</v>
      </c>
      <c r="DO7" s="67">
        <v>6</v>
      </c>
      <c r="DP7" s="67">
        <v>5</v>
      </c>
      <c r="DQ7" s="68">
        <v>46</v>
      </c>
      <c r="DR7" s="69">
        <v>74</v>
      </c>
      <c r="DS7" s="66">
        <v>45</v>
      </c>
      <c r="DT7" s="67">
        <v>55</v>
      </c>
      <c r="DU7" s="68">
        <v>100</v>
      </c>
      <c r="DV7" s="275"/>
      <c r="DW7" s="67">
        <v>34</v>
      </c>
      <c r="DX7" s="67">
        <v>27</v>
      </c>
      <c r="DY7" s="67">
        <v>12</v>
      </c>
      <c r="DZ7" s="67">
        <v>24</v>
      </c>
      <c r="EA7" s="67">
        <v>15</v>
      </c>
      <c r="EB7" s="68">
        <v>112</v>
      </c>
      <c r="EC7" s="69">
        <v>212</v>
      </c>
      <c r="ED7" s="66">
        <v>74</v>
      </c>
      <c r="EE7" s="67">
        <v>69</v>
      </c>
      <c r="EF7" s="68">
        <v>143</v>
      </c>
      <c r="EG7" s="275"/>
      <c r="EH7" s="67">
        <v>66</v>
      </c>
      <c r="EI7" s="67">
        <v>58</v>
      </c>
      <c r="EJ7" s="67">
        <v>35</v>
      </c>
      <c r="EK7" s="67">
        <v>25</v>
      </c>
      <c r="EL7" s="67">
        <v>23</v>
      </c>
      <c r="EM7" s="68">
        <v>207</v>
      </c>
      <c r="EN7" s="69">
        <v>350</v>
      </c>
      <c r="EO7" s="66">
        <v>183</v>
      </c>
      <c r="EP7" s="67">
        <v>159</v>
      </c>
      <c r="EQ7" s="68">
        <v>342</v>
      </c>
      <c r="ER7" s="275"/>
      <c r="ES7" s="67">
        <v>146</v>
      </c>
      <c r="ET7" s="67">
        <v>89</v>
      </c>
      <c r="EU7" s="67">
        <v>87</v>
      </c>
      <c r="EV7" s="67">
        <v>66</v>
      </c>
      <c r="EW7" s="67">
        <v>45</v>
      </c>
      <c r="EX7" s="68">
        <v>433</v>
      </c>
      <c r="EY7" s="69">
        <v>775</v>
      </c>
      <c r="EZ7" s="66">
        <v>171</v>
      </c>
      <c r="FA7" s="67">
        <v>191</v>
      </c>
      <c r="FB7" s="68">
        <v>362</v>
      </c>
      <c r="FC7" s="275"/>
      <c r="FD7" s="67">
        <v>253</v>
      </c>
      <c r="FE7" s="67">
        <v>211</v>
      </c>
      <c r="FF7" s="67">
        <v>132</v>
      </c>
      <c r="FG7" s="67">
        <v>134</v>
      </c>
      <c r="FH7" s="67">
        <v>87</v>
      </c>
      <c r="FI7" s="68">
        <v>817</v>
      </c>
      <c r="FJ7" s="69">
        <v>1179</v>
      </c>
      <c r="FK7" s="66">
        <v>133</v>
      </c>
      <c r="FL7" s="67">
        <v>150</v>
      </c>
      <c r="FM7" s="68">
        <v>283</v>
      </c>
      <c r="FN7" s="275"/>
      <c r="FO7" s="67">
        <v>291</v>
      </c>
      <c r="FP7" s="67">
        <v>337</v>
      </c>
      <c r="FQ7" s="67">
        <v>274</v>
      </c>
      <c r="FR7" s="67">
        <v>280</v>
      </c>
      <c r="FS7" s="67">
        <v>188</v>
      </c>
      <c r="FT7" s="68">
        <v>1370</v>
      </c>
      <c r="FU7" s="69">
        <v>1653</v>
      </c>
      <c r="FV7" s="66">
        <v>0</v>
      </c>
      <c r="FW7" s="67">
        <v>0</v>
      </c>
      <c r="FX7" s="68">
        <v>0</v>
      </c>
      <c r="FY7" s="275"/>
      <c r="FZ7" s="67">
        <v>0</v>
      </c>
      <c r="GA7" s="67">
        <v>0</v>
      </c>
      <c r="GB7" s="67">
        <v>0</v>
      </c>
      <c r="GC7" s="67">
        <v>0</v>
      </c>
      <c r="GD7" s="67">
        <v>0</v>
      </c>
      <c r="GE7" s="68">
        <v>0</v>
      </c>
      <c r="GF7" s="69">
        <v>0</v>
      </c>
      <c r="GG7" s="66">
        <v>617</v>
      </c>
      <c r="GH7" s="67">
        <v>641</v>
      </c>
      <c r="GI7" s="68">
        <v>1258</v>
      </c>
      <c r="GJ7" s="275"/>
      <c r="GK7" s="67">
        <v>802</v>
      </c>
      <c r="GL7" s="67">
        <v>736</v>
      </c>
      <c r="GM7" s="67">
        <v>549</v>
      </c>
      <c r="GN7" s="67">
        <v>535</v>
      </c>
      <c r="GO7" s="67">
        <v>363</v>
      </c>
      <c r="GP7" s="68">
        <v>2985</v>
      </c>
      <c r="GQ7" s="69">
        <v>4243</v>
      </c>
      <c r="GR7" s="125">
        <v>5007</v>
      </c>
      <c r="GS7" s="78">
        <v>4664</v>
      </c>
      <c r="GT7" s="79">
        <v>9671</v>
      </c>
      <c r="GU7" s="272"/>
      <c r="GV7" s="78">
        <v>6705</v>
      </c>
      <c r="GW7" s="78">
        <v>5927</v>
      </c>
      <c r="GX7" s="78">
        <v>4155</v>
      </c>
      <c r="GY7" s="78">
        <v>3454</v>
      </c>
      <c r="GZ7" s="78">
        <v>1968</v>
      </c>
      <c r="HA7" s="80">
        <v>22209</v>
      </c>
      <c r="HB7" s="81">
        <v>31880</v>
      </c>
      <c r="HC7" s="66">
        <v>69</v>
      </c>
      <c r="HD7" s="67">
        <v>81</v>
      </c>
      <c r="HE7" s="68">
        <v>150</v>
      </c>
      <c r="HF7" s="275"/>
      <c r="HG7" s="67">
        <v>88</v>
      </c>
      <c r="HH7" s="67">
        <v>113</v>
      </c>
      <c r="HI7" s="67">
        <v>66</v>
      </c>
      <c r="HJ7" s="67">
        <v>61</v>
      </c>
      <c r="HK7" s="67">
        <v>45</v>
      </c>
      <c r="HL7" s="68">
        <v>373</v>
      </c>
      <c r="HM7" s="69">
        <v>523</v>
      </c>
      <c r="HN7" s="66">
        <v>220</v>
      </c>
      <c r="HO7" s="67">
        <v>255</v>
      </c>
      <c r="HP7" s="68">
        <v>475</v>
      </c>
      <c r="HQ7" s="275"/>
      <c r="HR7" s="67">
        <v>276</v>
      </c>
      <c r="HS7" s="67">
        <v>278</v>
      </c>
      <c r="HT7" s="67">
        <v>178</v>
      </c>
      <c r="HU7" s="67">
        <v>180</v>
      </c>
      <c r="HV7" s="67">
        <v>129</v>
      </c>
      <c r="HW7" s="68">
        <v>1041</v>
      </c>
      <c r="HX7" s="69">
        <v>1516</v>
      </c>
      <c r="HY7" s="66">
        <v>424</v>
      </c>
      <c r="HZ7" s="67">
        <v>412</v>
      </c>
      <c r="IA7" s="68">
        <v>836</v>
      </c>
      <c r="IB7" s="275"/>
      <c r="IC7" s="67">
        <v>521</v>
      </c>
      <c r="ID7" s="67">
        <v>464</v>
      </c>
      <c r="IE7" s="67">
        <v>310</v>
      </c>
      <c r="IF7" s="67">
        <v>241</v>
      </c>
      <c r="IG7" s="67">
        <v>166</v>
      </c>
      <c r="IH7" s="68">
        <v>1702</v>
      </c>
      <c r="II7" s="69">
        <v>2538</v>
      </c>
      <c r="IJ7" s="66">
        <v>1084</v>
      </c>
      <c r="IK7" s="67">
        <v>972</v>
      </c>
      <c r="IL7" s="68">
        <v>2056</v>
      </c>
      <c r="IM7" s="275"/>
      <c r="IN7" s="67">
        <v>1281</v>
      </c>
      <c r="IO7" s="67">
        <v>1048</v>
      </c>
      <c r="IP7" s="67">
        <v>665</v>
      </c>
      <c r="IQ7" s="67">
        <v>507</v>
      </c>
      <c r="IR7" s="67">
        <v>363</v>
      </c>
      <c r="IS7" s="68">
        <v>3864</v>
      </c>
      <c r="IT7" s="69">
        <v>5920</v>
      </c>
      <c r="IU7" s="66">
        <v>1792</v>
      </c>
      <c r="IV7" s="67">
        <v>1523</v>
      </c>
      <c r="IW7" s="68">
        <v>3315</v>
      </c>
      <c r="IX7" s="275"/>
      <c r="IY7" s="67">
        <v>2283</v>
      </c>
      <c r="IZ7" s="67">
        <v>1822</v>
      </c>
      <c r="JA7" s="67">
        <v>1251</v>
      </c>
      <c r="JB7" s="67">
        <v>1039</v>
      </c>
      <c r="JC7" s="67">
        <v>547</v>
      </c>
      <c r="JD7" s="68">
        <v>6942</v>
      </c>
      <c r="JE7" s="69">
        <v>10257</v>
      </c>
      <c r="JF7" s="66">
        <v>1418</v>
      </c>
      <c r="JG7" s="67">
        <v>1421</v>
      </c>
      <c r="JH7" s="68">
        <v>2839</v>
      </c>
      <c r="JI7" s="275"/>
      <c r="JJ7" s="67">
        <v>2256</v>
      </c>
      <c r="JK7" s="67">
        <v>2202</v>
      </c>
      <c r="JL7" s="67">
        <v>1685</v>
      </c>
      <c r="JM7" s="67">
        <v>1426</v>
      </c>
      <c r="JN7" s="67">
        <v>718</v>
      </c>
      <c r="JO7" s="68">
        <v>8287</v>
      </c>
      <c r="JP7" s="69">
        <v>11126</v>
      </c>
      <c r="JQ7" s="66">
        <v>0</v>
      </c>
      <c r="JR7" s="67">
        <v>0</v>
      </c>
      <c r="JS7" s="68">
        <v>0</v>
      </c>
      <c r="JT7" s="275"/>
      <c r="JU7" s="67">
        <v>0</v>
      </c>
      <c r="JV7" s="67">
        <v>0</v>
      </c>
      <c r="JW7" s="67">
        <v>0</v>
      </c>
      <c r="JX7" s="67">
        <v>0</v>
      </c>
      <c r="JY7" s="67">
        <v>0</v>
      </c>
      <c r="JZ7" s="68">
        <v>0</v>
      </c>
      <c r="KA7" s="69">
        <v>0</v>
      </c>
      <c r="KB7" s="66">
        <v>5007</v>
      </c>
      <c r="KC7" s="67">
        <v>4664</v>
      </c>
      <c r="KD7" s="68">
        <v>9671</v>
      </c>
      <c r="KE7" s="275"/>
      <c r="KF7" s="67">
        <v>6705</v>
      </c>
      <c r="KG7" s="67">
        <v>5927</v>
      </c>
      <c r="KH7" s="67">
        <v>4155</v>
      </c>
      <c r="KI7" s="67">
        <v>3454</v>
      </c>
      <c r="KJ7" s="67">
        <v>1968</v>
      </c>
      <c r="KK7" s="68">
        <v>22209</v>
      </c>
      <c r="KL7" s="69">
        <v>31880</v>
      </c>
    </row>
    <row r="8" spans="1:298" ht="19.5" customHeight="1" x14ac:dyDescent="0.2">
      <c r="A8" s="129" t="s">
        <v>5</v>
      </c>
      <c r="B8" s="350">
        <v>1931</v>
      </c>
      <c r="C8" s="82">
        <v>2028</v>
      </c>
      <c r="D8" s="83">
        <v>3959</v>
      </c>
      <c r="E8" s="273"/>
      <c r="F8" s="82">
        <v>2138</v>
      </c>
      <c r="G8" s="82">
        <v>2433</v>
      </c>
      <c r="H8" s="82">
        <v>1639</v>
      </c>
      <c r="I8" s="82">
        <v>1250</v>
      </c>
      <c r="J8" s="82">
        <v>728</v>
      </c>
      <c r="K8" s="84">
        <v>8188</v>
      </c>
      <c r="L8" s="85">
        <v>12147</v>
      </c>
      <c r="M8" s="70">
        <v>21</v>
      </c>
      <c r="N8" s="71">
        <v>31</v>
      </c>
      <c r="O8" s="72">
        <v>52</v>
      </c>
      <c r="P8" s="276"/>
      <c r="Q8" s="71">
        <v>24</v>
      </c>
      <c r="R8" s="71">
        <v>47</v>
      </c>
      <c r="S8" s="71">
        <v>17</v>
      </c>
      <c r="T8" s="71">
        <v>24</v>
      </c>
      <c r="U8" s="71">
        <v>20</v>
      </c>
      <c r="V8" s="72">
        <v>132</v>
      </c>
      <c r="W8" s="73">
        <v>184</v>
      </c>
      <c r="X8" s="70">
        <v>63</v>
      </c>
      <c r="Y8" s="71">
        <v>91</v>
      </c>
      <c r="Z8" s="72">
        <v>154</v>
      </c>
      <c r="AA8" s="276"/>
      <c r="AB8" s="71">
        <v>86</v>
      </c>
      <c r="AC8" s="71">
        <v>111</v>
      </c>
      <c r="AD8" s="71">
        <v>72</v>
      </c>
      <c r="AE8" s="71">
        <v>57</v>
      </c>
      <c r="AF8" s="71">
        <v>53</v>
      </c>
      <c r="AG8" s="72">
        <v>379</v>
      </c>
      <c r="AH8" s="73">
        <v>533</v>
      </c>
      <c r="AI8" s="70">
        <v>144</v>
      </c>
      <c r="AJ8" s="71">
        <v>169</v>
      </c>
      <c r="AK8" s="72">
        <v>313</v>
      </c>
      <c r="AL8" s="276"/>
      <c r="AM8" s="71">
        <v>147</v>
      </c>
      <c r="AN8" s="71">
        <v>175</v>
      </c>
      <c r="AO8" s="71">
        <v>112</v>
      </c>
      <c r="AP8" s="71">
        <v>84</v>
      </c>
      <c r="AQ8" s="71">
        <v>57</v>
      </c>
      <c r="AR8" s="72">
        <v>575</v>
      </c>
      <c r="AS8" s="73">
        <v>888</v>
      </c>
      <c r="AT8" s="70">
        <v>393</v>
      </c>
      <c r="AU8" s="71">
        <v>405</v>
      </c>
      <c r="AV8" s="72">
        <v>798</v>
      </c>
      <c r="AW8" s="276"/>
      <c r="AX8" s="71">
        <v>412</v>
      </c>
      <c r="AY8" s="71">
        <v>406</v>
      </c>
      <c r="AZ8" s="71">
        <v>253</v>
      </c>
      <c r="BA8" s="71">
        <v>180</v>
      </c>
      <c r="BB8" s="71">
        <v>141</v>
      </c>
      <c r="BC8" s="72">
        <v>1392</v>
      </c>
      <c r="BD8" s="73">
        <v>2190</v>
      </c>
      <c r="BE8" s="70">
        <v>757</v>
      </c>
      <c r="BF8" s="71">
        <v>691</v>
      </c>
      <c r="BG8" s="72">
        <v>1448</v>
      </c>
      <c r="BH8" s="276"/>
      <c r="BI8" s="71">
        <v>784</v>
      </c>
      <c r="BJ8" s="71">
        <v>762</v>
      </c>
      <c r="BK8" s="71">
        <v>513</v>
      </c>
      <c r="BL8" s="71">
        <v>399</v>
      </c>
      <c r="BM8" s="71">
        <v>214</v>
      </c>
      <c r="BN8" s="72">
        <v>2672</v>
      </c>
      <c r="BO8" s="73">
        <v>4120</v>
      </c>
      <c r="BP8" s="70">
        <v>553</v>
      </c>
      <c r="BQ8" s="71">
        <v>641</v>
      </c>
      <c r="BR8" s="72">
        <v>1194</v>
      </c>
      <c r="BS8" s="276"/>
      <c r="BT8" s="71">
        <v>685</v>
      </c>
      <c r="BU8" s="71">
        <v>932</v>
      </c>
      <c r="BV8" s="71">
        <v>672</v>
      </c>
      <c r="BW8" s="71">
        <v>506</v>
      </c>
      <c r="BX8" s="71">
        <v>243</v>
      </c>
      <c r="BY8" s="72">
        <v>3038</v>
      </c>
      <c r="BZ8" s="73">
        <v>4232</v>
      </c>
      <c r="CA8" s="70">
        <v>0</v>
      </c>
      <c r="CB8" s="71">
        <v>0</v>
      </c>
      <c r="CC8" s="72">
        <v>0</v>
      </c>
      <c r="CD8" s="276"/>
      <c r="CE8" s="71">
        <v>0</v>
      </c>
      <c r="CF8" s="71">
        <v>0</v>
      </c>
      <c r="CG8" s="71">
        <v>0</v>
      </c>
      <c r="CH8" s="71">
        <v>0</v>
      </c>
      <c r="CI8" s="71">
        <v>0</v>
      </c>
      <c r="CJ8" s="72">
        <v>0</v>
      </c>
      <c r="CK8" s="73">
        <v>0</v>
      </c>
      <c r="CL8" s="70">
        <v>1931</v>
      </c>
      <c r="CM8" s="71">
        <v>2028</v>
      </c>
      <c r="CN8" s="72">
        <v>3959</v>
      </c>
      <c r="CO8" s="276"/>
      <c r="CP8" s="71">
        <v>2138</v>
      </c>
      <c r="CQ8" s="71">
        <v>2433</v>
      </c>
      <c r="CR8" s="71">
        <v>1639</v>
      </c>
      <c r="CS8" s="71">
        <v>1250</v>
      </c>
      <c r="CT8" s="71">
        <v>728</v>
      </c>
      <c r="CU8" s="72">
        <v>8188</v>
      </c>
      <c r="CV8" s="73">
        <v>12147</v>
      </c>
      <c r="CW8" s="126">
        <v>246</v>
      </c>
      <c r="CX8" s="82">
        <v>307</v>
      </c>
      <c r="CY8" s="83">
        <v>553</v>
      </c>
      <c r="CZ8" s="273"/>
      <c r="DA8" s="82">
        <v>314</v>
      </c>
      <c r="DB8" s="82">
        <v>329</v>
      </c>
      <c r="DC8" s="82">
        <v>240</v>
      </c>
      <c r="DD8" s="82">
        <v>249</v>
      </c>
      <c r="DE8" s="82">
        <v>151</v>
      </c>
      <c r="DF8" s="84">
        <v>1283</v>
      </c>
      <c r="DG8" s="85">
        <v>1836</v>
      </c>
      <c r="DH8" s="70">
        <v>5</v>
      </c>
      <c r="DI8" s="71">
        <v>10</v>
      </c>
      <c r="DJ8" s="72">
        <v>15</v>
      </c>
      <c r="DK8" s="276"/>
      <c r="DL8" s="71">
        <v>5</v>
      </c>
      <c r="DM8" s="71">
        <v>9</v>
      </c>
      <c r="DN8" s="71">
        <v>2</v>
      </c>
      <c r="DO8" s="71">
        <v>3</v>
      </c>
      <c r="DP8" s="71">
        <v>0</v>
      </c>
      <c r="DQ8" s="72">
        <v>19</v>
      </c>
      <c r="DR8" s="73">
        <v>34</v>
      </c>
      <c r="DS8" s="70">
        <v>18</v>
      </c>
      <c r="DT8" s="71">
        <v>26</v>
      </c>
      <c r="DU8" s="72">
        <v>44</v>
      </c>
      <c r="DV8" s="276"/>
      <c r="DW8" s="71">
        <v>12</v>
      </c>
      <c r="DX8" s="71">
        <v>8</v>
      </c>
      <c r="DY8" s="71">
        <v>1</v>
      </c>
      <c r="DZ8" s="71">
        <v>11</v>
      </c>
      <c r="EA8" s="71">
        <v>4</v>
      </c>
      <c r="EB8" s="72">
        <v>36</v>
      </c>
      <c r="EC8" s="73">
        <v>80</v>
      </c>
      <c r="ED8" s="70">
        <v>23</v>
      </c>
      <c r="EE8" s="71">
        <v>36</v>
      </c>
      <c r="EF8" s="72">
        <v>59</v>
      </c>
      <c r="EG8" s="276"/>
      <c r="EH8" s="71">
        <v>32</v>
      </c>
      <c r="EI8" s="71">
        <v>27</v>
      </c>
      <c r="EJ8" s="71">
        <v>15</v>
      </c>
      <c r="EK8" s="71">
        <v>12</v>
      </c>
      <c r="EL8" s="71">
        <v>13</v>
      </c>
      <c r="EM8" s="72">
        <v>99</v>
      </c>
      <c r="EN8" s="73">
        <v>158</v>
      </c>
      <c r="EO8" s="70">
        <v>78</v>
      </c>
      <c r="EP8" s="71">
        <v>72</v>
      </c>
      <c r="EQ8" s="72">
        <v>150</v>
      </c>
      <c r="ER8" s="276"/>
      <c r="ES8" s="71">
        <v>66</v>
      </c>
      <c r="ET8" s="71">
        <v>39</v>
      </c>
      <c r="EU8" s="71">
        <v>35</v>
      </c>
      <c r="EV8" s="71">
        <v>36</v>
      </c>
      <c r="EW8" s="71">
        <v>19</v>
      </c>
      <c r="EX8" s="72">
        <v>195</v>
      </c>
      <c r="EY8" s="73">
        <v>345</v>
      </c>
      <c r="EZ8" s="70">
        <v>66</v>
      </c>
      <c r="FA8" s="71">
        <v>88</v>
      </c>
      <c r="FB8" s="72">
        <v>154</v>
      </c>
      <c r="FC8" s="276"/>
      <c r="FD8" s="71">
        <v>93</v>
      </c>
      <c r="FE8" s="71">
        <v>94</v>
      </c>
      <c r="FF8" s="71">
        <v>59</v>
      </c>
      <c r="FG8" s="71">
        <v>58</v>
      </c>
      <c r="FH8" s="71">
        <v>37</v>
      </c>
      <c r="FI8" s="72">
        <v>341</v>
      </c>
      <c r="FJ8" s="73">
        <v>495</v>
      </c>
      <c r="FK8" s="70">
        <v>56</v>
      </c>
      <c r="FL8" s="71">
        <v>75</v>
      </c>
      <c r="FM8" s="72">
        <v>131</v>
      </c>
      <c r="FN8" s="276"/>
      <c r="FO8" s="71">
        <v>106</v>
      </c>
      <c r="FP8" s="71">
        <v>152</v>
      </c>
      <c r="FQ8" s="71">
        <v>128</v>
      </c>
      <c r="FR8" s="71">
        <v>129</v>
      </c>
      <c r="FS8" s="71">
        <v>78</v>
      </c>
      <c r="FT8" s="72">
        <v>593</v>
      </c>
      <c r="FU8" s="73">
        <v>724</v>
      </c>
      <c r="FV8" s="70">
        <v>0</v>
      </c>
      <c r="FW8" s="71">
        <v>0</v>
      </c>
      <c r="FX8" s="72">
        <v>0</v>
      </c>
      <c r="FY8" s="276"/>
      <c r="FZ8" s="71">
        <v>0</v>
      </c>
      <c r="GA8" s="71">
        <v>0</v>
      </c>
      <c r="GB8" s="71">
        <v>0</v>
      </c>
      <c r="GC8" s="71">
        <v>0</v>
      </c>
      <c r="GD8" s="71">
        <v>0</v>
      </c>
      <c r="GE8" s="72">
        <v>0</v>
      </c>
      <c r="GF8" s="73">
        <v>0</v>
      </c>
      <c r="GG8" s="70">
        <v>246</v>
      </c>
      <c r="GH8" s="71">
        <v>307</v>
      </c>
      <c r="GI8" s="72">
        <v>553</v>
      </c>
      <c r="GJ8" s="276"/>
      <c r="GK8" s="71">
        <v>314</v>
      </c>
      <c r="GL8" s="71">
        <v>329</v>
      </c>
      <c r="GM8" s="71">
        <v>240</v>
      </c>
      <c r="GN8" s="71">
        <v>249</v>
      </c>
      <c r="GO8" s="71">
        <v>151</v>
      </c>
      <c r="GP8" s="72">
        <v>1283</v>
      </c>
      <c r="GQ8" s="73">
        <v>1836</v>
      </c>
      <c r="GR8" s="126">
        <v>2177</v>
      </c>
      <c r="GS8" s="82">
        <v>2335</v>
      </c>
      <c r="GT8" s="83">
        <v>4512</v>
      </c>
      <c r="GU8" s="273"/>
      <c r="GV8" s="82">
        <v>2452</v>
      </c>
      <c r="GW8" s="82">
        <v>2762</v>
      </c>
      <c r="GX8" s="82">
        <v>1879</v>
      </c>
      <c r="GY8" s="82">
        <v>1499</v>
      </c>
      <c r="GZ8" s="82">
        <v>879</v>
      </c>
      <c r="HA8" s="84">
        <v>9471</v>
      </c>
      <c r="HB8" s="85">
        <v>13983</v>
      </c>
      <c r="HC8" s="70">
        <v>26</v>
      </c>
      <c r="HD8" s="71">
        <v>41</v>
      </c>
      <c r="HE8" s="72">
        <v>67</v>
      </c>
      <c r="HF8" s="276"/>
      <c r="HG8" s="71">
        <v>29</v>
      </c>
      <c r="HH8" s="71">
        <v>56</v>
      </c>
      <c r="HI8" s="71">
        <v>19</v>
      </c>
      <c r="HJ8" s="71">
        <v>27</v>
      </c>
      <c r="HK8" s="71">
        <v>20</v>
      </c>
      <c r="HL8" s="72">
        <v>151</v>
      </c>
      <c r="HM8" s="73">
        <v>218</v>
      </c>
      <c r="HN8" s="70">
        <v>81</v>
      </c>
      <c r="HO8" s="71">
        <v>117</v>
      </c>
      <c r="HP8" s="72">
        <v>198</v>
      </c>
      <c r="HQ8" s="276"/>
      <c r="HR8" s="71">
        <v>98</v>
      </c>
      <c r="HS8" s="71">
        <v>119</v>
      </c>
      <c r="HT8" s="71">
        <v>73</v>
      </c>
      <c r="HU8" s="71">
        <v>68</v>
      </c>
      <c r="HV8" s="71">
        <v>57</v>
      </c>
      <c r="HW8" s="72">
        <v>415</v>
      </c>
      <c r="HX8" s="73">
        <v>613</v>
      </c>
      <c r="HY8" s="70">
        <v>167</v>
      </c>
      <c r="HZ8" s="71">
        <v>205</v>
      </c>
      <c r="IA8" s="72">
        <v>372</v>
      </c>
      <c r="IB8" s="276"/>
      <c r="IC8" s="71">
        <v>179</v>
      </c>
      <c r="ID8" s="71">
        <v>202</v>
      </c>
      <c r="IE8" s="71">
        <v>127</v>
      </c>
      <c r="IF8" s="71">
        <v>96</v>
      </c>
      <c r="IG8" s="71">
        <v>70</v>
      </c>
      <c r="IH8" s="72">
        <v>674</v>
      </c>
      <c r="II8" s="73">
        <v>1046</v>
      </c>
      <c r="IJ8" s="70">
        <v>471</v>
      </c>
      <c r="IK8" s="71">
        <v>477</v>
      </c>
      <c r="IL8" s="72">
        <v>948</v>
      </c>
      <c r="IM8" s="276"/>
      <c r="IN8" s="71">
        <v>478</v>
      </c>
      <c r="IO8" s="71">
        <v>445</v>
      </c>
      <c r="IP8" s="71">
        <v>288</v>
      </c>
      <c r="IQ8" s="71">
        <v>216</v>
      </c>
      <c r="IR8" s="71">
        <v>160</v>
      </c>
      <c r="IS8" s="72">
        <v>1587</v>
      </c>
      <c r="IT8" s="73">
        <v>2535</v>
      </c>
      <c r="IU8" s="70">
        <v>823</v>
      </c>
      <c r="IV8" s="71">
        <v>779</v>
      </c>
      <c r="IW8" s="72">
        <v>1602</v>
      </c>
      <c r="IX8" s="276"/>
      <c r="IY8" s="71">
        <v>877</v>
      </c>
      <c r="IZ8" s="71">
        <v>856</v>
      </c>
      <c r="JA8" s="71">
        <v>572</v>
      </c>
      <c r="JB8" s="71">
        <v>457</v>
      </c>
      <c r="JC8" s="71">
        <v>251</v>
      </c>
      <c r="JD8" s="72">
        <v>3013</v>
      </c>
      <c r="JE8" s="73">
        <v>4615</v>
      </c>
      <c r="JF8" s="70">
        <v>609</v>
      </c>
      <c r="JG8" s="71">
        <v>716</v>
      </c>
      <c r="JH8" s="72">
        <v>1325</v>
      </c>
      <c r="JI8" s="276"/>
      <c r="JJ8" s="71">
        <v>791</v>
      </c>
      <c r="JK8" s="71">
        <v>1084</v>
      </c>
      <c r="JL8" s="71">
        <v>800</v>
      </c>
      <c r="JM8" s="71">
        <v>635</v>
      </c>
      <c r="JN8" s="71">
        <v>321</v>
      </c>
      <c r="JO8" s="72">
        <v>3631</v>
      </c>
      <c r="JP8" s="73">
        <v>4956</v>
      </c>
      <c r="JQ8" s="70">
        <v>0</v>
      </c>
      <c r="JR8" s="71">
        <v>0</v>
      </c>
      <c r="JS8" s="72">
        <v>0</v>
      </c>
      <c r="JT8" s="276"/>
      <c r="JU8" s="71">
        <v>0</v>
      </c>
      <c r="JV8" s="71">
        <v>0</v>
      </c>
      <c r="JW8" s="71">
        <v>0</v>
      </c>
      <c r="JX8" s="71">
        <v>0</v>
      </c>
      <c r="JY8" s="71">
        <v>0</v>
      </c>
      <c r="JZ8" s="72">
        <v>0</v>
      </c>
      <c r="KA8" s="73">
        <v>0</v>
      </c>
      <c r="KB8" s="70">
        <v>2177</v>
      </c>
      <c r="KC8" s="71">
        <v>2335</v>
      </c>
      <c r="KD8" s="72">
        <v>4512</v>
      </c>
      <c r="KE8" s="276"/>
      <c r="KF8" s="71">
        <v>2452</v>
      </c>
      <c r="KG8" s="71">
        <v>2762</v>
      </c>
      <c r="KH8" s="71">
        <v>1879</v>
      </c>
      <c r="KI8" s="71">
        <v>1499</v>
      </c>
      <c r="KJ8" s="71">
        <v>879</v>
      </c>
      <c r="KK8" s="72">
        <v>9471</v>
      </c>
      <c r="KL8" s="73">
        <v>13983</v>
      </c>
    </row>
    <row r="9" spans="1:298" ht="19.5" customHeight="1" x14ac:dyDescent="0.2">
      <c r="A9" s="129" t="s">
        <v>6</v>
      </c>
      <c r="B9" s="350">
        <v>533</v>
      </c>
      <c r="C9" s="82">
        <v>380</v>
      </c>
      <c r="D9" s="83">
        <v>913</v>
      </c>
      <c r="E9" s="273"/>
      <c r="F9" s="82">
        <v>800</v>
      </c>
      <c r="G9" s="82">
        <v>558</v>
      </c>
      <c r="H9" s="82">
        <v>398</v>
      </c>
      <c r="I9" s="82">
        <v>365</v>
      </c>
      <c r="J9" s="82">
        <v>228</v>
      </c>
      <c r="K9" s="84">
        <v>2349</v>
      </c>
      <c r="L9" s="85">
        <v>3262</v>
      </c>
      <c r="M9" s="70">
        <v>10</v>
      </c>
      <c r="N9" s="71">
        <v>8</v>
      </c>
      <c r="O9" s="72">
        <v>18</v>
      </c>
      <c r="P9" s="276"/>
      <c r="Q9" s="71">
        <v>15</v>
      </c>
      <c r="R9" s="71">
        <v>12</v>
      </c>
      <c r="S9" s="71">
        <v>7</v>
      </c>
      <c r="T9" s="71">
        <v>14</v>
      </c>
      <c r="U9" s="71">
        <v>6</v>
      </c>
      <c r="V9" s="72">
        <v>54</v>
      </c>
      <c r="W9" s="73">
        <v>72</v>
      </c>
      <c r="X9" s="70">
        <v>22</v>
      </c>
      <c r="Y9" s="71">
        <v>16</v>
      </c>
      <c r="Z9" s="72">
        <v>38</v>
      </c>
      <c r="AA9" s="276"/>
      <c r="AB9" s="71">
        <v>42</v>
      </c>
      <c r="AC9" s="71">
        <v>28</v>
      </c>
      <c r="AD9" s="71">
        <v>17</v>
      </c>
      <c r="AE9" s="71">
        <v>24</v>
      </c>
      <c r="AF9" s="71">
        <v>20</v>
      </c>
      <c r="AG9" s="72">
        <v>131</v>
      </c>
      <c r="AH9" s="73">
        <v>169</v>
      </c>
      <c r="AI9" s="70">
        <v>41</v>
      </c>
      <c r="AJ9" s="71">
        <v>33</v>
      </c>
      <c r="AK9" s="72">
        <v>74</v>
      </c>
      <c r="AL9" s="276"/>
      <c r="AM9" s="71">
        <v>58</v>
      </c>
      <c r="AN9" s="71">
        <v>41</v>
      </c>
      <c r="AO9" s="71">
        <v>30</v>
      </c>
      <c r="AP9" s="71">
        <v>22</v>
      </c>
      <c r="AQ9" s="71">
        <v>17</v>
      </c>
      <c r="AR9" s="72">
        <v>168</v>
      </c>
      <c r="AS9" s="73">
        <v>242</v>
      </c>
      <c r="AT9" s="70">
        <v>105</v>
      </c>
      <c r="AU9" s="71">
        <v>57</v>
      </c>
      <c r="AV9" s="72">
        <v>162</v>
      </c>
      <c r="AW9" s="276"/>
      <c r="AX9" s="71">
        <v>134</v>
      </c>
      <c r="AY9" s="71">
        <v>98</v>
      </c>
      <c r="AZ9" s="71">
        <v>65</v>
      </c>
      <c r="BA9" s="71">
        <v>44</v>
      </c>
      <c r="BB9" s="71">
        <v>37</v>
      </c>
      <c r="BC9" s="72">
        <v>378</v>
      </c>
      <c r="BD9" s="73">
        <v>540</v>
      </c>
      <c r="BE9" s="70">
        <v>190</v>
      </c>
      <c r="BF9" s="71">
        <v>137</v>
      </c>
      <c r="BG9" s="72">
        <v>327</v>
      </c>
      <c r="BH9" s="276"/>
      <c r="BI9" s="71">
        <v>265</v>
      </c>
      <c r="BJ9" s="71">
        <v>172</v>
      </c>
      <c r="BK9" s="71">
        <v>120</v>
      </c>
      <c r="BL9" s="71">
        <v>103</v>
      </c>
      <c r="BM9" s="71">
        <v>75</v>
      </c>
      <c r="BN9" s="72">
        <v>735</v>
      </c>
      <c r="BO9" s="73">
        <v>1062</v>
      </c>
      <c r="BP9" s="70">
        <v>165</v>
      </c>
      <c r="BQ9" s="71">
        <v>129</v>
      </c>
      <c r="BR9" s="72">
        <v>294</v>
      </c>
      <c r="BS9" s="276"/>
      <c r="BT9" s="71">
        <v>286</v>
      </c>
      <c r="BU9" s="71">
        <v>207</v>
      </c>
      <c r="BV9" s="71">
        <v>159</v>
      </c>
      <c r="BW9" s="71">
        <v>158</v>
      </c>
      <c r="BX9" s="71">
        <v>73</v>
      </c>
      <c r="BY9" s="72">
        <v>883</v>
      </c>
      <c r="BZ9" s="73">
        <v>1177</v>
      </c>
      <c r="CA9" s="70">
        <v>0</v>
      </c>
      <c r="CB9" s="71">
        <v>0</v>
      </c>
      <c r="CC9" s="72">
        <v>0</v>
      </c>
      <c r="CD9" s="276"/>
      <c r="CE9" s="71">
        <v>0</v>
      </c>
      <c r="CF9" s="71">
        <v>0</v>
      </c>
      <c r="CG9" s="71">
        <v>0</v>
      </c>
      <c r="CH9" s="71">
        <v>0</v>
      </c>
      <c r="CI9" s="71">
        <v>0</v>
      </c>
      <c r="CJ9" s="72">
        <v>0</v>
      </c>
      <c r="CK9" s="73">
        <v>0</v>
      </c>
      <c r="CL9" s="70">
        <v>533</v>
      </c>
      <c r="CM9" s="71">
        <v>380</v>
      </c>
      <c r="CN9" s="72">
        <v>913</v>
      </c>
      <c r="CO9" s="276"/>
      <c r="CP9" s="71">
        <v>800</v>
      </c>
      <c r="CQ9" s="71">
        <v>558</v>
      </c>
      <c r="CR9" s="71">
        <v>398</v>
      </c>
      <c r="CS9" s="71">
        <v>365</v>
      </c>
      <c r="CT9" s="71">
        <v>228</v>
      </c>
      <c r="CU9" s="72">
        <v>2349</v>
      </c>
      <c r="CV9" s="73">
        <v>3262</v>
      </c>
      <c r="CW9" s="126">
        <v>114</v>
      </c>
      <c r="CX9" s="82">
        <v>92</v>
      </c>
      <c r="CY9" s="83">
        <v>206</v>
      </c>
      <c r="CZ9" s="273"/>
      <c r="DA9" s="82">
        <v>106</v>
      </c>
      <c r="DB9" s="82">
        <v>105</v>
      </c>
      <c r="DC9" s="82">
        <v>82</v>
      </c>
      <c r="DD9" s="82">
        <v>81</v>
      </c>
      <c r="DE9" s="82">
        <v>64</v>
      </c>
      <c r="DF9" s="84">
        <v>438</v>
      </c>
      <c r="DG9" s="85">
        <v>644</v>
      </c>
      <c r="DH9" s="70">
        <v>1</v>
      </c>
      <c r="DI9" s="71">
        <v>2</v>
      </c>
      <c r="DJ9" s="72">
        <v>3</v>
      </c>
      <c r="DK9" s="276"/>
      <c r="DL9" s="71">
        <v>1</v>
      </c>
      <c r="DM9" s="71">
        <v>2</v>
      </c>
      <c r="DN9" s="71">
        <v>2</v>
      </c>
      <c r="DO9" s="71">
        <v>2</v>
      </c>
      <c r="DP9" s="71">
        <v>3</v>
      </c>
      <c r="DQ9" s="72">
        <v>10</v>
      </c>
      <c r="DR9" s="73">
        <v>13</v>
      </c>
      <c r="DS9" s="70">
        <v>6</v>
      </c>
      <c r="DT9" s="71">
        <v>9</v>
      </c>
      <c r="DU9" s="72">
        <v>15</v>
      </c>
      <c r="DV9" s="276"/>
      <c r="DW9" s="71">
        <v>4</v>
      </c>
      <c r="DX9" s="71">
        <v>7</v>
      </c>
      <c r="DY9" s="71">
        <v>3</v>
      </c>
      <c r="DZ9" s="71">
        <v>1</v>
      </c>
      <c r="EA9" s="71">
        <v>1</v>
      </c>
      <c r="EB9" s="72">
        <v>16</v>
      </c>
      <c r="EC9" s="73">
        <v>31</v>
      </c>
      <c r="ED9" s="70">
        <v>19</v>
      </c>
      <c r="EE9" s="71">
        <v>5</v>
      </c>
      <c r="EF9" s="72">
        <v>24</v>
      </c>
      <c r="EG9" s="276"/>
      <c r="EH9" s="71">
        <v>8</v>
      </c>
      <c r="EI9" s="71">
        <v>7</v>
      </c>
      <c r="EJ9" s="71">
        <v>4</v>
      </c>
      <c r="EK9" s="71">
        <v>4</v>
      </c>
      <c r="EL9" s="71">
        <v>3</v>
      </c>
      <c r="EM9" s="72">
        <v>26</v>
      </c>
      <c r="EN9" s="73">
        <v>50</v>
      </c>
      <c r="EO9" s="70">
        <v>31</v>
      </c>
      <c r="EP9" s="71">
        <v>28</v>
      </c>
      <c r="EQ9" s="72">
        <v>59</v>
      </c>
      <c r="ER9" s="276"/>
      <c r="ES9" s="71">
        <v>16</v>
      </c>
      <c r="ET9" s="71">
        <v>11</v>
      </c>
      <c r="EU9" s="71">
        <v>16</v>
      </c>
      <c r="EV9" s="71">
        <v>8</v>
      </c>
      <c r="EW9" s="71">
        <v>7</v>
      </c>
      <c r="EX9" s="72">
        <v>58</v>
      </c>
      <c r="EY9" s="73">
        <v>117</v>
      </c>
      <c r="EZ9" s="70">
        <v>33</v>
      </c>
      <c r="FA9" s="71">
        <v>33</v>
      </c>
      <c r="FB9" s="72">
        <v>66</v>
      </c>
      <c r="FC9" s="276"/>
      <c r="FD9" s="71">
        <v>43</v>
      </c>
      <c r="FE9" s="71">
        <v>38</v>
      </c>
      <c r="FF9" s="71">
        <v>23</v>
      </c>
      <c r="FG9" s="71">
        <v>26</v>
      </c>
      <c r="FH9" s="71">
        <v>20</v>
      </c>
      <c r="FI9" s="72">
        <v>150</v>
      </c>
      <c r="FJ9" s="73">
        <v>216</v>
      </c>
      <c r="FK9" s="70">
        <v>24</v>
      </c>
      <c r="FL9" s="71">
        <v>15</v>
      </c>
      <c r="FM9" s="72">
        <v>39</v>
      </c>
      <c r="FN9" s="276"/>
      <c r="FO9" s="71">
        <v>34</v>
      </c>
      <c r="FP9" s="71">
        <v>40</v>
      </c>
      <c r="FQ9" s="71">
        <v>34</v>
      </c>
      <c r="FR9" s="71">
        <v>40</v>
      </c>
      <c r="FS9" s="71">
        <v>30</v>
      </c>
      <c r="FT9" s="72">
        <v>178</v>
      </c>
      <c r="FU9" s="73">
        <v>217</v>
      </c>
      <c r="FV9" s="70">
        <v>0</v>
      </c>
      <c r="FW9" s="71">
        <v>0</v>
      </c>
      <c r="FX9" s="72">
        <v>0</v>
      </c>
      <c r="FY9" s="276"/>
      <c r="FZ9" s="71">
        <v>0</v>
      </c>
      <c r="GA9" s="71">
        <v>0</v>
      </c>
      <c r="GB9" s="71">
        <v>0</v>
      </c>
      <c r="GC9" s="71">
        <v>0</v>
      </c>
      <c r="GD9" s="71">
        <v>0</v>
      </c>
      <c r="GE9" s="72">
        <v>0</v>
      </c>
      <c r="GF9" s="73">
        <v>0</v>
      </c>
      <c r="GG9" s="70">
        <v>114</v>
      </c>
      <c r="GH9" s="71">
        <v>92</v>
      </c>
      <c r="GI9" s="72">
        <v>206</v>
      </c>
      <c r="GJ9" s="276"/>
      <c r="GK9" s="71">
        <v>106</v>
      </c>
      <c r="GL9" s="71">
        <v>105</v>
      </c>
      <c r="GM9" s="71">
        <v>82</v>
      </c>
      <c r="GN9" s="71">
        <v>81</v>
      </c>
      <c r="GO9" s="71">
        <v>64</v>
      </c>
      <c r="GP9" s="72">
        <v>438</v>
      </c>
      <c r="GQ9" s="73">
        <v>644</v>
      </c>
      <c r="GR9" s="126">
        <v>647</v>
      </c>
      <c r="GS9" s="82">
        <v>472</v>
      </c>
      <c r="GT9" s="83">
        <v>1119</v>
      </c>
      <c r="GU9" s="273"/>
      <c r="GV9" s="82">
        <v>906</v>
      </c>
      <c r="GW9" s="82">
        <v>663</v>
      </c>
      <c r="GX9" s="82">
        <v>480</v>
      </c>
      <c r="GY9" s="82">
        <v>446</v>
      </c>
      <c r="GZ9" s="82">
        <v>292</v>
      </c>
      <c r="HA9" s="84">
        <v>2787</v>
      </c>
      <c r="HB9" s="85">
        <v>3906</v>
      </c>
      <c r="HC9" s="70">
        <v>11</v>
      </c>
      <c r="HD9" s="71">
        <v>10</v>
      </c>
      <c r="HE9" s="72">
        <v>21</v>
      </c>
      <c r="HF9" s="276"/>
      <c r="HG9" s="71">
        <v>16</v>
      </c>
      <c r="HH9" s="71">
        <v>14</v>
      </c>
      <c r="HI9" s="71">
        <v>9</v>
      </c>
      <c r="HJ9" s="71">
        <v>16</v>
      </c>
      <c r="HK9" s="71">
        <v>9</v>
      </c>
      <c r="HL9" s="72">
        <v>64</v>
      </c>
      <c r="HM9" s="73">
        <v>85</v>
      </c>
      <c r="HN9" s="70">
        <v>28</v>
      </c>
      <c r="HO9" s="71">
        <v>25</v>
      </c>
      <c r="HP9" s="72">
        <v>53</v>
      </c>
      <c r="HQ9" s="276"/>
      <c r="HR9" s="71">
        <v>46</v>
      </c>
      <c r="HS9" s="71">
        <v>35</v>
      </c>
      <c r="HT9" s="71">
        <v>20</v>
      </c>
      <c r="HU9" s="71">
        <v>25</v>
      </c>
      <c r="HV9" s="71">
        <v>21</v>
      </c>
      <c r="HW9" s="72">
        <v>147</v>
      </c>
      <c r="HX9" s="73">
        <v>200</v>
      </c>
      <c r="HY9" s="70">
        <v>60</v>
      </c>
      <c r="HZ9" s="71">
        <v>38</v>
      </c>
      <c r="IA9" s="72">
        <v>98</v>
      </c>
      <c r="IB9" s="276"/>
      <c r="IC9" s="71">
        <v>66</v>
      </c>
      <c r="ID9" s="71">
        <v>48</v>
      </c>
      <c r="IE9" s="71">
        <v>34</v>
      </c>
      <c r="IF9" s="71">
        <v>26</v>
      </c>
      <c r="IG9" s="71">
        <v>20</v>
      </c>
      <c r="IH9" s="72">
        <v>194</v>
      </c>
      <c r="II9" s="73">
        <v>292</v>
      </c>
      <c r="IJ9" s="70">
        <v>136</v>
      </c>
      <c r="IK9" s="71">
        <v>85</v>
      </c>
      <c r="IL9" s="72">
        <v>221</v>
      </c>
      <c r="IM9" s="276"/>
      <c r="IN9" s="71">
        <v>150</v>
      </c>
      <c r="IO9" s="71">
        <v>109</v>
      </c>
      <c r="IP9" s="71">
        <v>81</v>
      </c>
      <c r="IQ9" s="71">
        <v>52</v>
      </c>
      <c r="IR9" s="71">
        <v>44</v>
      </c>
      <c r="IS9" s="72">
        <v>436</v>
      </c>
      <c r="IT9" s="73">
        <v>657</v>
      </c>
      <c r="IU9" s="70">
        <v>223</v>
      </c>
      <c r="IV9" s="71">
        <v>170</v>
      </c>
      <c r="IW9" s="72">
        <v>393</v>
      </c>
      <c r="IX9" s="276"/>
      <c r="IY9" s="71">
        <v>308</v>
      </c>
      <c r="IZ9" s="71">
        <v>210</v>
      </c>
      <c r="JA9" s="71">
        <v>143</v>
      </c>
      <c r="JB9" s="71">
        <v>129</v>
      </c>
      <c r="JC9" s="71">
        <v>95</v>
      </c>
      <c r="JD9" s="72">
        <v>885</v>
      </c>
      <c r="JE9" s="73">
        <v>1278</v>
      </c>
      <c r="JF9" s="70">
        <v>189</v>
      </c>
      <c r="JG9" s="71">
        <v>144</v>
      </c>
      <c r="JH9" s="72">
        <v>333</v>
      </c>
      <c r="JI9" s="276"/>
      <c r="JJ9" s="71">
        <v>320</v>
      </c>
      <c r="JK9" s="71">
        <v>247</v>
      </c>
      <c r="JL9" s="71">
        <v>193</v>
      </c>
      <c r="JM9" s="71">
        <v>198</v>
      </c>
      <c r="JN9" s="71">
        <v>103</v>
      </c>
      <c r="JO9" s="72">
        <v>1061</v>
      </c>
      <c r="JP9" s="73">
        <v>1394</v>
      </c>
      <c r="JQ9" s="70">
        <v>0</v>
      </c>
      <c r="JR9" s="71">
        <v>0</v>
      </c>
      <c r="JS9" s="72">
        <v>0</v>
      </c>
      <c r="JT9" s="276"/>
      <c r="JU9" s="71">
        <v>0</v>
      </c>
      <c r="JV9" s="71">
        <v>0</v>
      </c>
      <c r="JW9" s="71">
        <v>0</v>
      </c>
      <c r="JX9" s="71">
        <v>0</v>
      </c>
      <c r="JY9" s="71">
        <v>0</v>
      </c>
      <c r="JZ9" s="72">
        <v>0</v>
      </c>
      <c r="KA9" s="73">
        <v>0</v>
      </c>
      <c r="KB9" s="70">
        <v>647</v>
      </c>
      <c r="KC9" s="71">
        <v>472</v>
      </c>
      <c r="KD9" s="72">
        <v>1119</v>
      </c>
      <c r="KE9" s="276"/>
      <c r="KF9" s="71">
        <v>906</v>
      </c>
      <c r="KG9" s="71">
        <v>663</v>
      </c>
      <c r="KH9" s="71">
        <v>480</v>
      </c>
      <c r="KI9" s="71">
        <v>446</v>
      </c>
      <c r="KJ9" s="71">
        <v>292</v>
      </c>
      <c r="KK9" s="72">
        <v>2787</v>
      </c>
      <c r="KL9" s="73">
        <v>3906</v>
      </c>
    </row>
    <row r="10" spans="1:298" ht="19.5" customHeight="1" x14ac:dyDescent="0.2">
      <c r="A10" s="129" t="s">
        <v>14</v>
      </c>
      <c r="B10" s="350">
        <v>293</v>
      </c>
      <c r="C10" s="82">
        <v>319</v>
      </c>
      <c r="D10" s="83">
        <v>612</v>
      </c>
      <c r="E10" s="273"/>
      <c r="F10" s="82">
        <v>422</v>
      </c>
      <c r="G10" s="82">
        <v>376</v>
      </c>
      <c r="H10" s="82">
        <v>278</v>
      </c>
      <c r="I10" s="82">
        <v>210</v>
      </c>
      <c r="J10" s="82">
        <v>133</v>
      </c>
      <c r="K10" s="84">
        <v>1419</v>
      </c>
      <c r="L10" s="85">
        <v>2031</v>
      </c>
      <c r="M10" s="70">
        <v>6</v>
      </c>
      <c r="N10" s="71">
        <v>6</v>
      </c>
      <c r="O10" s="72">
        <v>12</v>
      </c>
      <c r="P10" s="276"/>
      <c r="Q10" s="71">
        <v>5</v>
      </c>
      <c r="R10" s="71">
        <v>4</v>
      </c>
      <c r="S10" s="71">
        <v>9</v>
      </c>
      <c r="T10" s="71">
        <v>3</v>
      </c>
      <c r="U10" s="71">
        <v>4</v>
      </c>
      <c r="V10" s="72">
        <v>25</v>
      </c>
      <c r="W10" s="73">
        <v>37</v>
      </c>
      <c r="X10" s="70">
        <v>15</v>
      </c>
      <c r="Y10" s="71">
        <v>18</v>
      </c>
      <c r="Z10" s="72">
        <v>33</v>
      </c>
      <c r="AA10" s="276"/>
      <c r="AB10" s="71">
        <v>18</v>
      </c>
      <c r="AC10" s="71">
        <v>14</v>
      </c>
      <c r="AD10" s="71">
        <v>20</v>
      </c>
      <c r="AE10" s="71">
        <v>15</v>
      </c>
      <c r="AF10" s="71">
        <v>12</v>
      </c>
      <c r="AG10" s="72">
        <v>79</v>
      </c>
      <c r="AH10" s="73">
        <v>112</v>
      </c>
      <c r="AI10" s="70">
        <v>26</v>
      </c>
      <c r="AJ10" s="71">
        <v>34</v>
      </c>
      <c r="AK10" s="72">
        <v>60</v>
      </c>
      <c r="AL10" s="276"/>
      <c r="AM10" s="71">
        <v>42</v>
      </c>
      <c r="AN10" s="71">
        <v>42</v>
      </c>
      <c r="AO10" s="71">
        <v>22</v>
      </c>
      <c r="AP10" s="71">
        <v>19</v>
      </c>
      <c r="AQ10" s="71">
        <v>14</v>
      </c>
      <c r="AR10" s="72">
        <v>139</v>
      </c>
      <c r="AS10" s="73">
        <v>199</v>
      </c>
      <c r="AT10" s="70">
        <v>66</v>
      </c>
      <c r="AU10" s="71">
        <v>80</v>
      </c>
      <c r="AV10" s="72">
        <v>146</v>
      </c>
      <c r="AW10" s="276"/>
      <c r="AX10" s="71">
        <v>98</v>
      </c>
      <c r="AY10" s="71">
        <v>79</v>
      </c>
      <c r="AZ10" s="71">
        <v>49</v>
      </c>
      <c r="BA10" s="71">
        <v>44</v>
      </c>
      <c r="BB10" s="71">
        <v>22</v>
      </c>
      <c r="BC10" s="72">
        <v>292</v>
      </c>
      <c r="BD10" s="73">
        <v>438</v>
      </c>
      <c r="BE10" s="70">
        <v>102</v>
      </c>
      <c r="BF10" s="71">
        <v>88</v>
      </c>
      <c r="BG10" s="72">
        <v>190</v>
      </c>
      <c r="BH10" s="276"/>
      <c r="BI10" s="71">
        <v>129</v>
      </c>
      <c r="BJ10" s="71">
        <v>125</v>
      </c>
      <c r="BK10" s="71">
        <v>83</v>
      </c>
      <c r="BL10" s="71">
        <v>56</v>
      </c>
      <c r="BM10" s="71">
        <v>39</v>
      </c>
      <c r="BN10" s="72">
        <v>432</v>
      </c>
      <c r="BO10" s="73">
        <v>622</v>
      </c>
      <c r="BP10" s="70">
        <v>78</v>
      </c>
      <c r="BQ10" s="71">
        <v>93</v>
      </c>
      <c r="BR10" s="72">
        <v>171</v>
      </c>
      <c r="BS10" s="276"/>
      <c r="BT10" s="71">
        <v>130</v>
      </c>
      <c r="BU10" s="71">
        <v>112</v>
      </c>
      <c r="BV10" s="71">
        <v>95</v>
      </c>
      <c r="BW10" s="71">
        <v>73</v>
      </c>
      <c r="BX10" s="71">
        <v>42</v>
      </c>
      <c r="BY10" s="72">
        <v>452</v>
      </c>
      <c r="BZ10" s="73">
        <v>623</v>
      </c>
      <c r="CA10" s="70">
        <v>0</v>
      </c>
      <c r="CB10" s="71">
        <v>0</v>
      </c>
      <c r="CC10" s="72">
        <v>0</v>
      </c>
      <c r="CD10" s="276"/>
      <c r="CE10" s="71">
        <v>0</v>
      </c>
      <c r="CF10" s="71">
        <v>0</v>
      </c>
      <c r="CG10" s="71">
        <v>0</v>
      </c>
      <c r="CH10" s="71">
        <v>0</v>
      </c>
      <c r="CI10" s="71">
        <v>0</v>
      </c>
      <c r="CJ10" s="72">
        <v>0</v>
      </c>
      <c r="CK10" s="73">
        <v>0</v>
      </c>
      <c r="CL10" s="70">
        <v>293</v>
      </c>
      <c r="CM10" s="71">
        <v>319</v>
      </c>
      <c r="CN10" s="72">
        <v>612</v>
      </c>
      <c r="CO10" s="276"/>
      <c r="CP10" s="71">
        <v>422</v>
      </c>
      <c r="CQ10" s="71">
        <v>376</v>
      </c>
      <c r="CR10" s="71">
        <v>278</v>
      </c>
      <c r="CS10" s="71">
        <v>210</v>
      </c>
      <c r="CT10" s="71">
        <v>133</v>
      </c>
      <c r="CU10" s="72">
        <v>1419</v>
      </c>
      <c r="CV10" s="73">
        <v>2031</v>
      </c>
      <c r="CW10" s="126">
        <v>36</v>
      </c>
      <c r="CX10" s="82">
        <v>38</v>
      </c>
      <c r="CY10" s="83">
        <v>74</v>
      </c>
      <c r="CZ10" s="273"/>
      <c r="DA10" s="82">
        <v>47</v>
      </c>
      <c r="DB10" s="82">
        <v>46</v>
      </c>
      <c r="DC10" s="82">
        <v>30</v>
      </c>
      <c r="DD10" s="82">
        <v>32</v>
      </c>
      <c r="DE10" s="82">
        <v>15</v>
      </c>
      <c r="DF10" s="84">
        <v>170</v>
      </c>
      <c r="DG10" s="85">
        <v>244</v>
      </c>
      <c r="DH10" s="70">
        <v>0</v>
      </c>
      <c r="DI10" s="71">
        <v>2</v>
      </c>
      <c r="DJ10" s="72">
        <v>2</v>
      </c>
      <c r="DK10" s="276"/>
      <c r="DL10" s="71">
        <v>1</v>
      </c>
      <c r="DM10" s="71">
        <v>0</v>
      </c>
      <c r="DN10" s="71">
        <v>0</v>
      </c>
      <c r="DO10" s="71">
        <v>0</v>
      </c>
      <c r="DP10" s="71">
        <v>0</v>
      </c>
      <c r="DQ10" s="72">
        <v>1</v>
      </c>
      <c r="DR10" s="73">
        <v>3</v>
      </c>
      <c r="DS10" s="70">
        <v>6</v>
      </c>
      <c r="DT10" s="71">
        <v>4</v>
      </c>
      <c r="DU10" s="72">
        <v>10</v>
      </c>
      <c r="DV10" s="276"/>
      <c r="DW10" s="71">
        <v>1</v>
      </c>
      <c r="DX10" s="71">
        <v>1</v>
      </c>
      <c r="DY10" s="71">
        <v>3</v>
      </c>
      <c r="DZ10" s="71">
        <v>1</v>
      </c>
      <c r="EA10" s="71">
        <v>3</v>
      </c>
      <c r="EB10" s="72">
        <v>9</v>
      </c>
      <c r="EC10" s="73">
        <v>19</v>
      </c>
      <c r="ED10" s="70">
        <v>6</v>
      </c>
      <c r="EE10" s="71">
        <v>3</v>
      </c>
      <c r="EF10" s="72">
        <v>9</v>
      </c>
      <c r="EG10" s="276"/>
      <c r="EH10" s="71">
        <v>8</v>
      </c>
      <c r="EI10" s="71">
        <v>4</v>
      </c>
      <c r="EJ10" s="71">
        <v>2</v>
      </c>
      <c r="EK10" s="71">
        <v>5</v>
      </c>
      <c r="EL10" s="71">
        <v>0</v>
      </c>
      <c r="EM10" s="72">
        <v>19</v>
      </c>
      <c r="EN10" s="73">
        <v>28</v>
      </c>
      <c r="EO10" s="70">
        <v>9</v>
      </c>
      <c r="EP10" s="71">
        <v>9</v>
      </c>
      <c r="EQ10" s="72">
        <v>18</v>
      </c>
      <c r="ER10" s="276"/>
      <c r="ES10" s="71">
        <v>6</v>
      </c>
      <c r="ET10" s="71">
        <v>8</v>
      </c>
      <c r="EU10" s="71">
        <v>9</v>
      </c>
      <c r="EV10" s="71">
        <v>4</v>
      </c>
      <c r="EW10" s="71">
        <v>0</v>
      </c>
      <c r="EX10" s="72">
        <v>27</v>
      </c>
      <c r="EY10" s="73">
        <v>45</v>
      </c>
      <c r="EZ10" s="70">
        <v>10</v>
      </c>
      <c r="FA10" s="71">
        <v>10</v>
      </c>
      <c r="FB10" s="72">
        <v>20</v>
      </c>
      <c r="FC10" s="276"/>
      <c r="FD10" s="71">
        <v>13</v>
      </c>
      <c r="FE10" s="71">
        <v>12</v>
      </c>
      <c r="FF10" s="71">
        <v>4</v>
      </c>
      <c r="FG10" s="71">
        <v>9</v>
      </c>
      <c r="FH10" s="71">
        <v>2</v>
      </c>
      <c r="FI10" s="72">
        <v>40</v>
      </c>
      <c r="FJ10" s="73">
        <v>60</v>
      </c>
      <c r="FK10" s="70">
        <v>5</v>
      </c>
      <c r="FL10" s="71">
        <v>10</v>
      </c>
      <c r="FM10" s="72">
        <v>15</v>
      </c>
      <c r="FN10" s="276"/>
      <c r="FO10" s="71">
        <v>18</v>
      </c>
      <c r="FP10" s="71">
        <v>21</v>
      </c>
      <c r="FQ10" s="71">
        <v>12</v>
      </c>
      <c r="FR10" s="71">
        <v>13</v>
      </c>
      <c r="FS10" s="71">
        <v>10</v>
      </c>
      <c r="FT10" s="72">
        <v>74</v>
      </c>
      <c r="FU10" s="73">
        <v>89</v>
      </c>
      <c r="FV10" s="70">
        <v>0</v>
      </c>
      <c r="FW10" s="71">
        <v>0</v>
      </c>
      <c r="FX10" s="72">
        <v>0</v>
      </c>
      <c r="FY10" s="276"/>
      <c r="FZ10" s="71">
        <v>0</v>
      </c>
      <c r="GA10" s="71">
        <v>0</v>
      </c>
      <c r="GB10" s="71">
        <v>0</v>
      </c>
      <c r="GC10" s="71">
        <v>0</v>
      </c>
      <c r="GD10" s="71">
        <v>0</v>
      </c>
      <c r="GE10" s="72">
        <v>0</v>
      </c>
      <c r="GF10" s="73">
        <v>0</v>
      </c>
      <c r="GG10" s="70">
        <v>36</v>
      </c>
      <c r="GH10" s="71">
        <v>38</v>
      </c>
      <c r="GI10" s="72">
        <v>74</v>
      </c>
      <c r="GJ10" s="276"/>
      <c r="GK10" s="71">
        <v>47</v>
      </c>
      <c r="GL10" s="71">
        <v>46</v>
      </c>
      <c r="GM10" s="71">
        <v>30</v>
      </c>
      <c r="GN10" s="71">
        <v>32</v>
      </c>
      <c r="GO10" s="71">
        <v>15</v>
      </c>
      <c r="GP10" s="72">
        <v>170</v>
      </c>
      <c r="GQ10" s="73">
        <v>244</v>
      </c>
      <c r="GR10" s="126">
        <v>329</v>
      </c>
      <c r="GS10" s="82">
        <v>357</v>
      </c>
      <c r="GT10" s="83">
        <v>686</v>
      </c>
      <c r="GU10" s="273"/>
      <c r="GV10" s="82">
        <v>469</v>
      </c>
      <c r="GW10" s="82">
        <v>422</v>
      </c>
      <c r="GX10" s="82">
        <v>308</v>
      </c>
      <c r="GY10" s="82">
        <v>242</v>
      </c>
      <c r="GZ10" s="82">
        <v>148</v>
      </c>
      <c r="HA10" s="84">
        <v>1589</v>
      </c>
      <c r="HB10" s="85">
        <v>2275</v>
      </c>
      <c r="HC10" s="70">
        <v>6</v>
      </c>
      <c r="HD10" s="71">
        <v>8</v>
      </c>
      <c r="HE10" s="72">
        <v>14</v>
      </c>
      <c r="HF10" s="276"/>
      <c r="HG10" s="71">
        <v>6</v>
      </c>
      <c r="HH10" s="71">
        <v>4</v>
      </c>
      <c r="HI10" s="71">
        <v>9</v>
      </c>
      <c r="HJ10" s="71">
        <v>3</v>
      </c>
      <c r="HK10" s="71">
        <v>4</v>
      </c>
      <c r="HL10" s="72">
        <v>26</v>
      </c>
      <c r="HM10" s="73">
        <v>40</v>
      </c>
      <c r="HN10" s="70">
        <v>21</v>
      </c>
      <c r="HO10" s="71">
        <v>22</v>
      </c>
      <c r="HP10" s="72">
        <v>43</v>
      </c>
      <c r="HQ10" s="276"/>
      <c r="HR10" s="71">
        <v>19</v>
      </c>
      <c r="HS10" s="71">
        <v>15</v>
      </c>
      <c r="HT10" s="71">
        <v>23</v>
      </c>
      <c r="HU10" s="71">
        <v>16</v>
      </c>
      <c r="HV10" s="71">
        <v>15</v>
      </c>
      <c r="HW10" s="72">
        <v>88</v>
      </c>
      <c r="HX10" s="73">
        <v>131</v>
      </c>
      <c r="HY10" s="70">
        <v>32</v>
      </c>
      <c r="HZ10" s="71">
        <v>37</v>
      </c>
      <c r="IA10" s="72">
        <v>69</v>
      </c>
      <c r="IB10" s="276"/>
      <c r="IC10" s="71">
        <v>50</v>
      </c>
      <c r="ID10" s="71">
        <v>46</v>
      </c>
      <c r="IE10" s="71">
        <v>24</v>
      </c>
      <c r="IF10" s="71">
        <v>24</v>
      </c>
      <c r="IG10" s="71">
        <v>14</v>
      </c>
      <c r="IH10" s="72">
        <v>158</v>
      </c>
      <c r="II10" s="73">
        <v>227</v>
      </c>
      <c r="IJ10" s="70">
        <v>75</v>
      </c>
      <c r="IK10" s="71">
        <v>89</v>
      </c>
      <c r="IL10" s="72">
        <v>164</v>
      </c>
      <c r="IM10" s="276"/>
      <c r="IN10" s="71">
        <v>104</v>
      </c>
      <c r="IO10" s="71">
        <v>87</v>
      </c>
      <c r="IP10" s="71">
        <v>58</v>
      </c>
      <c r="IQ10" s="71">
        <v>48</v>
      </c>
      <c r="IR10" s="71">
        <v>22</v>
      </c>
      <c r="IS10" s="72">
        <v>319</v>
      </c>
      <c r="IT10" s="73">
        <v>483</v>
      </c>
      <c r="IU10" s="70">
        <v>112</v>
      </c>
      <c r="IV10" s="71">
        <v>98</v>
      </c>
      <c r="IW10" s="72">
        <v>210</v>
      </c>
      <c r="IX10" s="276"/>
      <c r="IY10" s="71">
        <v>142</v>
      </c>
      <c r="IZ10" s="71">
        <v>137</v>
      </c>
      <c r="JA10" s="71">
        <v>87</v>
      </c>
      <c r="JB10" s="71">
        <v>65</v>
      </c>
      <c r="JC10" s="71">
        <v>41</v>
      </c>
      <c r="JD10" s="72">
        <v>472</v>
      </c>
      <c r="JE10" s="73">
        <v>682</v>
      </c>
      <c r="JF10" s="70">
        <v>83</v>
      </c>
      <c r="JG10" s="71">
        <v>103</v>
      </c>
      <c r="JH10" s="72">
        <v>186</v>
      </c>
      <c r="JI10" s="276"/>
      <c r="JJ10" s="71">
        <v>148</v>
      </c>
      <c r="JK10" s="71">
        <v>133</v>
      </c>
      <c r="JL10" s="71">
        <v>107</v>
      </c>
      <c r="JM10" s="71">
        <v>86</v>
      </c>
      <c r="JN10" s="71">
        <v>52</v>
      </c>
      <c r="JO10" s="72">
        <v>526</v>
      </c>
      <c r="JP10" s="73">
        <v>712</v>
      </c>
      <c r="JQ10" s="70">
        <v>0</v>
      </c>
      <c r="JR10" s="71">
        <v>0</v>
      </c>
      <c r="JS10" s="72">
        <v>0</v>
      </c>
      <c r="JT10" s="276"/>
      <c r="JU10" s="71">
        <v>0</v>
      </c>
      <c r="JV10" s="71">
        <v>0</v>
      </c>
      <c r="JW10" s="71">
        <v>0</v>
      </c>
      <c r="JX10" s="71">
        <v>0</v>
      </c>
      <c r="JY10" s="71">
        <v>0</v>
      </c>
      <c r="JZ10" s="72">
        <v>0</v>
      </c>
      <c r="KA10" s="73">
        <v>0</v>
      </c>
      <c r="KB10" s="70">
        <v>329</v>
      </c>
      <c r="KC10" s="71">
        <v>357</v>
      </c>
      <c r="KD10" s="72">
        <v>686</v>
      </c>
      <c r="KE10" s="276"/>
      <c r="KF10" s="71">
        <v>469</v>
      </c>
      <c r="KG10" s="71">
        <v>422</v>
      </c>
      <c r="KH10" s="71">
        <v>308</v>
      </c>
      <c r="KI10" s="71">
        <v>242</v>
      </c>
      <c r="KJ10" s="71">
        <v>148</v>
      </c>
      <c r="KK10" s="72">
        <v>1589</v>
      </c>
      <c r="KL10" s="73">
        <v>2275</v>
      </c>
    </row>
    <row r="11" spans="1:298" ht="19.5" customHeight="1" x14ac:dyDescent="0.2">
      <c r="A11" s="129" t="s">
        <v>7</v>
      </c>
      <c r="B11" s="350">
        <v>256</v>
      </c>
      <c r="C11" s="82">
        <v>169</v>
      </c>
      <c r="D11" s="83">
        <v>425</v>
      </c>
      <c r="E11" s="273"/>
      <c r="F11" s="82">
        <v>539</v>
      </c>
      <c r="G11" s="82">
        <v>340</v>
      </c>
      <c r="H11" s="82">
        <v>230</v>
      </c>
      <c r="I11" s="82">
        <v>192</v>
      </c>
      <c r="J11" s="82">
        <v>84</v>
      </c>
      <c r="K11" s="84">
        <v>1385</v>
      </c>
      <c r="L11" s="85">
        <v>1810</v>
      </c>
      <c r="M11" s="70">
        <v>2</v>
      </c>
      <c r="N11" s="71">
        <v>3</v>
      </c>
      <c r="O11" s="72">
        <v>5</v>
      </c>
      <c r="P11" s="276"/>
      <c r="Q11" s="71">
        <v>2</v>
      </c>
      <c r="R11" s="71">
        <v>10</v>
      </c>
      <c r="S11" s="71">
        <v>7</v>
      </c>
      <c r="T11" s="71">
        <v>2</v>
      </c>
      <c r="U11" s="71">
        <v>1</v>
      </c>
      <c r="V11" s="72">
        <v>22</v>
      </c>
      <c r="W11" s="73">
        <v>27</v>
      </c>
      <c r="X11" s="70">
        <v>13</v>
      </c>
      <c r="Y11" s="71">
        <v>8</v>
      </c>
      <c r="Z11" s="72">
        <v>21</v>
      </c>
      <c r="AA11" s="276"/>
      <c r="AB11" s="71">
        <v>18</v>
      </c>
      <c r="AC11" s="71">
        <v>14</v>
      </c>
      <c r="AD11" s="71">
        <v>14</v>
      </c>
      <c r="AE11" s="71">
        <v>7</v>
      </c>
      <c r="AF11" s="71">
        <v>3</v>
      </c>
      <c r="AG11" s="72">
        <v>56</v>
      </c>
      <c r="AH11" s="73">
        <v>77</v>
      </c>
      <c r="AI11" s="70">
        <v>21</v>
      </c>
      <c r="AJ11" s="71">
        <v>18</v>
      </c>
      <c r="AK11" s="72">
        <v>39</v>
      </c>
      <c r="AL11" s="276"/>
      <c r="AM11" s="71">
        <v>58</v>
      </c>
      <c r="AN11" s="71">
        <v>30</v>
      </c>
      <c r="AO11" s="71">
        <v>19</v>
      </c>
      <c r="AP11" s="71">
        <v>14</v>
      </c>
      <c r="AQ11" s="71">
        <v>11</v>
      </c>
      <c r="AR11" s="72">
        <v>132</v>
      </c>
      <c r="AS11" s="73">
        <v>171</v>
      </c>
      <c r="AT11" s="70">
        <v>54</v>
      </c>
      <c r="AU11" s="71">
        <v>38</v>
      </c>
      <c r="AV11" s="72">
        <v>92</v>
      </c>
      <c r="AW11" s="276"/>
      <c r="AX11" s="71">
        <v>100</v>
      </c>
      <c r="AY11" s="71">
        <v>70</v>
      </c>
      <c r="AZ11" s="71">
        <v>38</v>
      </c>
      <c r="BA11" s="71">
        <v>29</v>
      </c>
      <c r="BB11" s="71">
        <v>20</v>
      </c>
      <c r="BC11" s="72">
        <v>257</v>
      </c>
      <c r="BD11" s="73">
        <v>349</v>
      </c>
      <c r="BE11" s="70">
        <v>96</v>
      </c>
      <c r="BF11" s="71">
        <v>55</v>
      </c>
      <c r="BG11" s="72">
        <v>151</v>
      </c>
      <c r="BH11" s="276"/>
      <c r="BI11" s="71">
        <v>163</v>
      </c>
      <c r="BJ11" s="71">
        <v>99</v>
      </c>
      <c r="BK11" s="71">
        <v>84</v>
      </c>
      <c r="BL11" s="71">
        <v>63</v>
      </c>
      <c r="BM11" s="71">
        <v>27</v>
      </c>
      <c r="BN11" s="72">
        <v>436</v>
      </c>
      <c r="BO11" s="73">
        <v>587</v>
      </c>
      <c r="BP11" s="70">
        <v>70</v>
      </c>
      <c r="BQ11" s="71">
        <v>47</v>
      </c>
      <c r="BR11" s="72">
        <v>117</v>
      </c>
      <c r="BS11" s="276"/>
      <c r="BT11" s="71">
        <v>198</v>
      </c>
      <c r="BU11" s="71">
        <v>117</v>
      </c>
      <c r="BV11" s="71">
        <v>68</v>
      </c>
      <c r="BW11" s="71">
        <v>77</v>
      </c>
      <c r="BX11" s="71">
        <v>22</v>
      </c>
      <c r="BY11" s="72">
        <v>482</v>
      </c>
      <c r="BZ11" s="73">
        <v>599</v>
      </c>
      <c r="CA11" s="70">
        <v>0</v>
      </c>
      <c r="CB11" s="71">
        <v>0</v>
      </c>
      <c r="CC11" s="72">
        <v>0</v>
      </c>
      <c r="CD11" s="276"/>
      <c r="CE11" s="71">
        <v>0</v>
      </c>
      <c r="CF11" s="71">
        <v>0</v>
      </c>
      <c r="CG11" s="71">
        <v>0</v>
      </c>
      <c r="CH11" s="71">
        <v>0</v>
      </c>
      <c r="CI11" s="71">
        <v>0</v>
      </c>
      <c r="CJ11" s="72">
        <v>0</v>
      </c>
      <c r="CK11" s="73">
        <v>0</v>
      </c>
      <c r="CL11" s="70">
        <v>256</v>
      </c>
      <c r="CM11" s="71">
        <v>169</v>
      </c>
      <c r="CN11" s="72">
        <v>425</v>
      </c>
      <c r="CO11" s="276"/>
      <c r="CP11" s="71">
        <v>539</v>
      </c>
      <c r="CQ11" s="71">
        <v>340</v>
      </c>
      <c r="CR11" s="71">
        <v>230</v>
      </c>
      <c r="CS11" s="71">
        <v>192</v>
      </c>
      <c r="CT11" s="71">
        <v>84</v>
      </c>
      <c r="CU11" s="72">
        <v>1385</v>
      </c>
      <c r="CV11" s="73">
        <v>1810</v>
      </c>
      <c r="CW11" s="126">
        <v>35</v>
      </c>
      <c r="CX11" s="82">
        <v>28</v>
      </c>
      <c r="CY11" s="83">
        <v>63</v>
      </c>
      <c r="CZ11" s="273"/>
      <c r="DA11" s="82">
        <v>68</v>
      </c>
      <c r="DB11" s="82">
        <v>37</v>
      </c>
      <c r="DC11" s="82">
        <v>30</v>
      </c>
      <c r="DD11" s="82">
        <v>26</v>
      </c>
      <c r="DE11" s="82">
        <v>18</v>
      </c>
      <c r="DF11" s="84">
        <v>179</v>
      </c>
      <c r="DG11" s="85">
        <v>242</v>
      </c>
      <c r="DH11" s="70">
        <v>1</v>
      </c>
      <c r="DI11" s="71">
        <v>0</v>
      </c>
      <c r="DJ11" s="72">
        <v>1</v>
      </c>
      <c r="DK11" s="276"/>
      <c r="DL11" s="71">
        <v>2</v>
      </c>
      <c r="DM11" s="71">
        <v>0</v>
      </c>
      <c r="DN11" s="71">
        <v>1</v>
      </c>
      <c r="DO11" s="71">
        <v>0</v>
      </c>
      <c r="DP11" s="71">
        <v>0</v>
      </c>
      <c r="DQ11" s="72">
        <v>3</v>
      </c>
      <c r="DR11" s="73">
        <v>4</v>
      </c>
      <c r="DS11" s="70">
        <v>4</v>
      </c>
      <c r="DT11" s="71">
        <v>0</v>
      </c>
      <c r="DU11" s="72">
        <v>4</v>
      </c>
      <c r="DV11" s="276"/>
      <c r="DW11" s="71">
        <v>2</v>
      </c>
      <c r="DX11" s="71">
        <v>4</v>
      </c>
      <c r="DY11" s="71">
        <v>0</v>
      </c>
      <c r="DZ11" s="71">
        <v>5</v>
      </c>
      <c r="EA11" s="71">
        <v>2</v>
      </c>
      <c r="EB11" s="72">
        <v>13</v>
      </c>
      <c r="EC11" s="73">
        <v>17</v>
      </c>
      <c r="ED11" s="70">
        <v>4</v>
      </c>
      <c r="EE11" s="71">
        <v>4</v>
      </c>
      <c r="EF11" s="72">
        <v>8</v>
      </c>
      <c r="EG11" s="276"/>
      <c r="EH11" s="71">
        <v>4</v>
      </c>
      <c r="EI11" s="71">
        <v>3</v>
      </c>
      <c r="EJ11" s="71">
        <v>3</v>
      </c>
      <c r="EK11" s="71">
        <v>0</v>
      </c>
      <c r="EL11" s="71">
        <v>3</v>
      </c>
      <c r="EM11" s="72">
        <v>13</v>
      </c>
      <c r="EN11" s="73">
        <v>21</v>
      </c>
      <c r="EO11" s="70">
        <v>11</v>
      </c>
      <c r="EP11" s="71">
        <v>8</v>
      </c>
      <c r="EQ11" s="72">
        <v>19</v>
      </c>
      <c r="ER11" s="276"/>
      <c r="ES11" s="71">
        <v>10</v>
      </c>
      <c r="ET11" s="71">
        <v>4</v>
      </c>
      <c r="EU11" s="71">
        <v>5</v>
      </c>
      <c r="EV11" s="71">
        <v>2</v>
      </c>
      <c r="EW11" s="71">
        <v>2</v>
      </c>
      <c r="EX11" s="72">
        <v>23</v>
      </c>
      <c r="EY11" s="73">
        <v>42</v>
      </c>
      <c r="EZ11" s="70">
        <v>8</v>
      </c>
      <c r="FA11" s="71">
        <v>7</v>
      </c>
      <c r="FB11" s="72">
        <v>15</v>
      </c>
      <c r="FC11" s="276"/>
      <c r="FD11" s="71">
        <v>19</v>
      </c>
      <c r="FE11" s="71">
        <v>9</v>
      </c>
      <c r="FF11" s="71">
        <v>5</v>
      </c>
      <c r="FG11" s="71">
        <v>7</v>
      </c>
      <c r="FH11" s="71">
        <v>4</v>
      </c>
      <c r="FI11" s="72">
        <v>44</v>
      </c>
      <c r="FJ11" s="73">
        <v>59</v>
      </c>
      <c r="FK11" s="70">
        <v>7</v>
      </c>
      <c r="FL11" s="71">
        <v>9</v>
      </c>
      <c r="FM11" s="72">
        <v>16</v>
      </c>
      <c r="FN11" s="276"/>
      <c r="FO11" s="71">
        <v>31</v>
      </c>
      <c r="FP11" s="71">
        <v>17</v>
      </c>
      <c r="FQ11" s="71">
        <v>16</v>
      </c>
      <c r="FR11" s="71">
        <v>12</v>
      </c>
      <c r="FS11" s="71">
        <v>7</v>
      </c>
      <c r="FT11" s="72">
        <v>83</v>
      </c>
      <c r="FU11" s="73">
        <v>99</v>
      </c>
      <c r="FV11" s="70">
        <v>0</v>
      </c>
      <c r="FW11" s="71">
        <v>0</v>
      </c>
      <c r="FX11" s="72">
        <v>0</v>
      </c>
      <c r="FY11" s="276"/>
      <c r="FZ11" s="71">
        <v>0</v>
      </c>
      <c r="GA11" s="71">
        <v>0</v>
      </c>
      <c r="GB11" s="71">
        <v>0</v>
      </c>
      <c r="GC11" s="71">
        <v>0</v>
      </c>
      <c r="GD11" s="71">
        <v>0</v>
      </c>
      <c r="GE11" s="72">
        <v>0</v>
      </c>
      <c r="GF11" s="73">
        <v>0</v>
      </c>
      <c r="GG11" s="70">
        <v>35</v>
      </c>
      <c r="GH11" s="71">
        <v>28</v>
      </c>
      <c r="GI11" s="72">
        <v>63</v>
      </c>
      <c r="GJ11" s="276"/>
      <c r="GK11" s="71">
        <v>68</v>
      </c>
      <c r="GL11" s="71">
        <v>37</v>
      </c>
      <c r="GM11" s="71">
        <v>30</v>
      </c>
      <c r="GN11" s="71">
        <v>26</v>
      </c>
      <c r="GO11" s="71">
        <v>18</v>
      </c>
      <c r="GP11" s="72">
        <v>179</v>
      </c>
      <c r="GQ11" s="73">
        <v>242</v>
      </c>
      <c r="GR11" s="126">
        <v>291</v>
      </c>
      <c r="GS11" s="82">
        <v>197</v>
      </c>
      <c r="GT11" s="83">
        <v>488</v>
      </c>
      <c r="GU11" s="273"/>
      <c r="GV11" s="82">
        <v>607</v>
      </c>
      <c r="GW11" s="82">
        <v>377</v>
      </c>
      <c r="GX11" s="82">
        <v>260</v>
      </c>
      <c r="GY11" s="82">
        <v>218</v>
      </c>
      <c r="GZ11" s="82">
        <v>102</v>
      </c>
      <c r="HA11" s="84">
        <v>1564</v>
      </c>
      <c r="HB11" s="85">
        <v>2052</v>
      </c>
      <c r="HC11" s="70">
        <v>3</v>
      </c>
      <c r="HD11" s="71">
        <v>3</v>
      </c>
      <c r="HE11" s="72">
        <v>6</v>
      </c>
      <c r="HF11" s="276"/>
      <c r="HG11" s="71">
        <v>4</v>
      </c>
      <c r="HH11" s="71">
        <v>10</v>
      </c>
      <c r="HI11" s="71">
        <v>8</v>
      </c>
      <c r="HJ11" s="71">
        <v>2</v>
      </c>
      <c r="HK11" s="71">
        <v>1</v>
      </c>
      <c r="HL11" s="72">
        <v>25</v>
      </c>
      <c r="HM11" s="73">
        <v>31</v>
      </c>
      <c r="HN11" s="70">
        <v>17</v>
      </c>
      <c r="HO11" s="71">
        <v>8</v>
      </c>
      <c r="HP11" s="72">
        <v>25</v>
      </c>
      <c r="HQ11" s="276"/>
      <c r="HR11" s="71">
        <v>20</v>
      </c>
      <c r="HS11" s="71">
        <v>18</v>
      </c>
      <c r="HT11" s="71">
        <v>14</v>
      </c>
      <c r="HU11" s="71">
        <v>12</v>
      </c>
      <c r="HV11" s="71">
        <v>5</v>
      </c>
      <c r="HW11" s="72">
        <v>69</v>
      </c>
      <c r="HX11" s="73">
        <v>94</v>
      </c>
      <c r="HY11" s="70">
        <v>25</v>
      </c>
      <c r="HZ11" s="71">
        <v>22</v>
      </c>
      <c r="IA11" s="72">
        <v>47</v>
      </c>
      <c r="IB11" s="276"/>
      <c r="IC11" s="71">
        <v>62</v>
      </c>
      <c r="ID11" s="71">
        <v>33</v>
      </c>
      <c r="IE11" s="71">
        <v>22</v>
      </c>
      <c r="IF11" s="71">
        <v>14</v>
      </c>
      <c r="IG11" s="71">
        <v>14</v>
      </c>
      <c r="IH11" s="72">
        <v>145</v>
      </c>
      <c r="II11" s="73">
        <v>192</v>
      </c>
      <c r="IJ11" s="70">
        <v>65</v>
      </c>
      <c r="IK11" s="71">
        <v>46</v>
      </c>
      <c r="IL11" s="72">
        <v>111</v>
      </c>
      <c r="IM11" s="276"/>
      <c r="IN11" s="71">
        <v>110</v>
      </c>
      <c r="IO11" s="71">
        <v>74</v>
      </c>
      <c r="IP11" s="71">
        <v>43</v>
      </c>
      <c r="IQ11" s="71">
        <v>31</v>
      </c>
      <c r="IR11" s="71">
        <v>22</v>
      </c>
      <c r="IS11" s="72">
        <v>280</v>
      </c>
      <c r="IT11" s="73">
        <v>391</v>
      </c>
      <c r="IU11" s="70">
        <v>104</v>
      </c>
      <c r="IV11" s="71">
        <v>62</v>
      </c>
      <c r="IW11" s="72">
        <v>166</v>
      </c>
      <c r="IX11" s="276"/>
      <c r="IY11" s="71">
        <v>182</v>
      </c>
      <c r="IZ11" s="71">
        <v>108</v>
      </c>
      <c r="JA11" s="71">
        <v>89</v>
      </c>
      <c r="JB11" s="71">
        <v>70</v>
      </c>
      <c r="JC11" s="71">
        <v>31</v>
      </c>
      <c r="JD11" s="72">
        <v>480</v>
      </c>
      <c r="JE11" s="73">
        <v>646</v>
      </c>
      <c r="JF11" s="70">
        <v>77</v>
      </c>
      <c r="JG11" s="71">
        <v>56</v>
      </c>
      <c r="JH11" s="72">
        <v>133</v>
      </c>
      <c r="JI11" s="276"/>
      <c r="JJ11" s="71">
        <v>229</v>
      </c>
      <c r="JK11" s="71">
        <v>134</v>
      </c>
      <c r="JL11" s="71">
        <v>84</v>
      </c>
      <c r="JM11" s="71">
        <v>89</v>
      </c>
      <c r="JN11" s="71">
        <v>29</v>
      </c>
      <c r="JO11" s="72">
        <v>565</v>
      </c>
      <c r="JP11" s="73">
        <v>698</v>
      </c>
      <c r="JQ11" s="70">
        <v>0</v>
      </c>
      <c r="JR11" s="71">
        <v>0</v>
      </c>
      <c r="JS11" s="72">
        <v>0</v>
      </c>
      <c r="JT11" s="276"/>
      <c r="JU11" s="71">
        <v>0</v>
      </c>
      <c r="JV11" s="71">
        <v>0</v>
      </c>
      <c r="JW11" s="71">
        <v>0</v>
      </c>
      <c r="JX11" s="71">
        <v>0</v>
      </c>
      <c r="JY11" s="71">
        <v>0</v>
      </c>
      <c r="JZ11" s="72">
        <v>0</v>
      </c>
      <c r="KA11" s="73">
        <v>0</v>
      </c>
      <c r="KB11" s="70">
        <v>291</v>
      </c>
      <c r="KC11" s="71">
        <v>197</v>
      </c>
      <c r="KD11" s="72">
        <v>488</v>
      </c>
      <c r="KE11" s="276"/>
      <c r="KF11" s="71">
        <v>607</v>
      </c>
      <c r="KG11" s="71">
        <v>377</v>
      </c>
      <c r="KH11" s="71">
        <v>260</v>
      </c>
      <c r="KI11" s="71">
        <v>218</v>
      </c>
      <c r="KJ11" s="71">
        <v>102</v>
      </c>
      <c r="KK11" s="72">
        <v>1564</v>
      </c>
      <c r="KL11" s="73">
        <v>2052</v>
      </c>
    </row>
    <row r="12" spans="1:298" ht="19.5" customHeight="1" x14ac:dyDescent="0.2">
      <c r="A12" s="129" t="s">
        <v>8</v>
      </c>
      <c r="B12" s="350">
        <v>99</v>
      </c>
      <c r="C12" s="82">
        <v>62</v>
      </c>
      <c r="D12" s="83">
        <v>161</v>
      </c>
      <c r="E12" s="273"/>
      <c r="F12" s="82">
        <v>152</v>
      </c>
      <c r="G12" s="82">
        <v>116</v>
      </c>
      <c r="H12" s="82">
        <v>93</v>
      </c>
      <c r="I12" s="82">
        <v>61</v>
      </c>
      <c r="J12" s="82">
        <v>34</v>
      </c>
      <c r="K12" s="84">
        <v>456</v>
      </c>
      <c r="L12" s="85">
        <v>617</v>
      </c>
      <c r="M12" s="70">
        <v>2</v>
      </c>
      <c r="N12" s="71">
        <v>3</v>
      </c>
      <c r="O12" s="72">
        <v>5</v>
      </c>
      <c r="P12" s="276"/>
      <c r="Q12" s="71">
        <v>1</v>
      </c>
      <c r="R12" s="71">
        <v>1</v>
      </c>
      <c r="S12" s="71">
        <v>1</v>
      </c>
      <c r="T12" s="71">
        <v>2</v>
      </c>
      <c r="U12" s="71">
        <v>1</v>
      </c>
      <c r="V12" s="72">
        <v>6</v>
      </c>
      <c r="W12" s="73">
        <v>11</v>
      </c>
      <c r="X12" s="70">
        <v>4</v>
      </c>
      <c r="Y12" s="71">
        <v>5</v>
      </c>
      <c r="Z12" s="72">
        <v>9</v>
      </c>
      <c r="AA12" s="276"/>
      <c r="AB12" s="71">
        <v>6</v>
      </c>
      <c r="AC12" s="71">
        <v>8</v>
      </c>
      <c r="AD12" s="71">
        <v>2</v>
      </c>
      <c r="AE12" s="71">
        <v>6</v>
      </c>
      <c r="AF12" s="71">
        <v>1</v>
      </c>
      <c r="AG12" s="72">
        <v>23</v>
      </c>
      <c r="AH12" s="73">
        <v>32</v>
      </c>
      <c r="AI12" s="70">
        <v>5</v>
      </c>
      <c r="AJ12" s="71">
        <v>5</v>
      </c>
      <c r="AK12" s="72">
        <v>10</v>
      </c>
      <c r="AL12" s="276"/>
      <c r="AM12" s="71">
        <v>11</v>
      </c>
      <c r="AN12" s="71">
        <v>16</v>
      </c>
      <c r="AO12" s="71">
        <v>6</v>
      </c>
      <c r="AP12" s="71">
        <v>3</v>
      </c>
      <c r="AQ12" s="71">
        <v>5</v>
      </c>
      <c r="AR12" s="72">
        <v>41</v>
      </c>
      <c r="AS12" s="73">
        <v>51</v>
      </c>
      <c r="AT12" s="70">
        <v>26</v>
      </c>
      <c r="AU12" s="71">
        <v>6</v>
      </c>
      <c r="AV12" s="72">
        <v>32</v>
      </c>
      <c r="AW12" s="276"/>
      <c r="AX12" s="71">
        <v>23</v>
      </c>
      <c r="AY12" s="71">
        <v>20</v>
      </c>
      <c r="AZ12" s="71">
        <v>11</v>
      </c>
      <c r="BA12" s="71">
        <v>15</v>
      </c>
      <c r="BB12" s="71">
        <v>8</v>
      </c>
      <c r="BC12" s="72">
        <v>77</v>
      </c>
      <c r="BD12" s="73">
        <v>109</v>
      </c>
      <c r="BE12" s="70">
        <v>27</v>
      </c>
      <c r="BF12" s="71">
        <v>20</v>
      </c>
      <c r="BG12" s="72">
        <v>47</v>
      </c>
      <c r="BH12" s="276"/>
      <c r="BI12" s="71">
        <v>50</v>
      </c>
      <c r="BJ12" s="71">
        <v>31</v>
      </c>
      <c r="BK12" s="71">
        <v>28</v>
      </c>
      <c r="BL12" s="71">
        <v>16</v>
      </c>
      <c r="BM12" s="71">
        <v>9</v>
      </c>
      <c r="BN12" s="72">
        <v>134</v>
      </c>
      <c r="BO12" s="73">
        <v>181</v>
      </c>
      <c r="BP12" s="70">
        <v>35</v>
      </c>
      <c r="BQ12" s="71">
        <v>23</v>
      </c>
      <c r="BR12" s="72">
        <v>58</v>
      </c>
      <c r="BS12" s="276"/>
      <c r="BT12" s="71">
        <v>61</v>
      </c>
      <c r="BU12" s="71">
        <v>40</v>
      </c>
      <c r="BV12" s="71">
        <v>45</v>
      </c>
      <c r="BW12" s="71">
        <v>19</v>
      </c>
      <c r="BX12" s="71">
        <v>10</v>
      </c>
      <c r="BY12" s="72">
        <v>175</v>
      </c>
      <c r="BZ12" s="73">
        <v>233</v>
      </c>
      <c r="CA12" s="70">
        <v>0</v>
      </c>
      <c r="CB12" s="71">
        <v>0</v>
      </c>
      <c r="CC12" s="72">
        <v>0</v>
      </c>
      <c r="CD12" s="276"/>
      <c r="CE12" s="71">
        <v>0</v>
      </c>
      <c r="CF12" s="71">
        <v>0</v>
      </c>
      <c r="CG12" s="71">
        <v>0</v>
      </c>
      <c r="CH12" s="71">
        <v>0</v>
      </c>
      <c r="CI12" s="71">
        <v>0</v>
      </c>
      <c r="CJ12" s="72">
        <v>0</v>
      </c>
      <c r="CK12" s="73">
        <v>0</v>
      </c>
      <c r="CL12" s="70">
        <v>99</v>
      </c>
      <c r="CM12" s="71">
        <v>62</v>
      </c>
      <c r="CN12" s="72">
        <v>161</v>
      </c>
      <c r="CO12" s="276"/>
      <c r="CP12" s="71">
        <v>152</v>
      </c>
      <c r="CQ12" s="71">
        <v>116</v>
      </c>
      <c r="CR12" s="71">
        <v>93</v>
      </c>
      <c r="CS12" s="71">
        <v>61</v>
      </c>
      <c r="CT12" s="71">
        <v>34</v>
      </c>
      <c r="CU12" s="72">
        <v>456</v>
      </c>
      <c r="CV12" s="73">
        <v>617</v>
      </c>
      <c r="CW12" s="126">
        <v>13</v>
      </c>
      <c r="CX12" s="82">
        <v>14</v>
      </c>
      <c r="CY12" s="83">
        <v>27</v>
      </c>
      <c r="CZ12" s="273"/>
      <c r="DA12" s="82">
        <v>22</v>
      </c>
      <c r="DB12" s="82">
        <v>22</v>
      </c>
      <c r="DC12" s="82">
        <v>14</v>
      </c>
      <c r="DD12" s="82">
        <v>8</v>
      </c>
      <c r="DE12" s="82">
        <v>7</v>
      </c>
      <c r="DF12" s="84">
        <v>73</v>
      </c>
      <c r="DG12" s="85">
        <v>100</v>
      </c>
      <c r="DH12" s="70">
        <v>1</v>
      </c>
      <c r="DI12" s="71">
        <v>0</v>
      </c>
      <c r="DJ12" s="72">
        <v>1</v>
      </c>
      <c r="DK12" s="276"/>
      <c r="DL12" s="71">
        <v>0</v>
      </c>
      <c r="DM12" s="71">
        <v>0</v>
      </c>
      <c r="DN12" s="71">
        <v>0</v>
      </c>
      <c r="DO12" s="71">
        <v>0</v>
      </c>
      <c r="DP12" s="71">
        <v>0</v>
      </c>
      <c r="DQ12" s="72">
        <v>0</v>
      </c>
      <c r="DR12" s="73">
        <v>1</v>
      </c>
      <c r="DS12" s="70">
        <v>0</v>
      </c>
      <c r="DT12" s="71">
        <v>1</v>
      </c>
      <c r="DU12" s="72">
        <v>1</v>
      </c>
      <c r="DV12" s="276"/>
      <c r="DW12" s="71">
        <v>1</v>
      </c>
      <c r="DX12" s="71">
        <v>1</v>
      </c>
      <c r="DY12" s="71">
        <v>1</v>
      </c>
      <c r="DZ12" s="71">
        <v>1</v>
      </c>
      <c r="EA12" s="71">
        <v>0</v>
      </c>
      <c r="EB12" s="72">
        <v>4</v>
      </c>
      <c r="EC12" s="73">
        <v>5</v>
      </c>
      <c r="ED12" s="70">
        <v>3</v>
      </c>
      <c r="EE12" s="71">
        <v>2</v>
      </c>
      <c r="EF12" s="72">
        <v>5</v>
      </c>
      <c r="EG12" s="276"/>
      <c r="EH12" s="71">
        <v>1</v>
      </c>
      <c r="EI12" s="71">
        <v>2</v>
      </c>
      <c r="EJ12" s="71">
        <v>0</v>
      </c>
      <c r="EK12" s="71">
        <v>1</v>
      </c>
      <c r="EL12" s="71">
        <v>1</v>
      </c>
      <c r="EM12" s="72">
        <v>5</v>
      </c>
      <c r="EN12" s="73">
        <v>10</v>
      </c>
      <c r="EO12" s="70">
        <v>3</v>
      </c>
      <c r="EP12" s="71">
        <v>2</v>
      </c>
      <c r="EQ12" s="72">
        <v>5</v>
      </c>
      <c r="ER12" s="276"/>
      <c r="ES12" s="71">
        <v>5</v>
      </c>
      <c r="ET12" s="71">
        <v>6</v>
      </c>
      <c r="EU12" s="71">
        <v>3</v>
      </c>
      <c r="EV12" s="71">
        <v>0</v>
      </c>
      <c r="EW12" s="71">
        <v>1</v>
      </c>
      <c r="EX12" s="72">
        <v>15</v>
      </c>
      <c r="EY12" s="73">
        <v>20</v>
      </c>
      <c r="EZ12" s="70">
        <v>2</v>
      </c>
      <c r="FA12" s="71">
        <v>3</v>
      </c>
      <c r="FB12" s="72">
        <v>5</v>
      </c>
      <c r="FC12" s="276"/>
      <c r="FD12" s="71">
        <v>6</v>
      </c>
      <c r="FE12" s="71">
        <v>3</v>
      </c>
      <c r="FF12" s="71">
        <v>2</v>
      </c>
      <c r="FG12" s="71">
        <v>2</v>
      </c>
      <c r="FH12" s="71">
        <v>1</v>
      </c>
      <c r="FI12" s="72">
        <v>14</v>
      </c>
      <c r="FJ12" s="73">
        <v>19</v>
      </c>
      <c r="FK12" s="70">
        <v>4</v>
      </c>
      <c r="FL12" s="71">
        <v>6</v>
      </c>
      <c r="FM12" s="72">
        <v>10</v>
      </c>
      <c r="FN12" s="276"/>
      <c r="FO12" s="71">
        <v>9</v>
      </c>
      <c r="FP12" s="71">
        <v>10</v>
      </c>
      <c r="FQ12" s="71">
        <v>8</v>
      </c>
      <c r="FR12" s="71">
        <v>4</v>
      </c>
      <c r="FS12" s="71">
        <v>4</v>
      </c>
      <c r="FT12" s="72">
        <v>35</v>
      </c>
      <c r="FU12" s="73">
        <v>45</v>
      </c>
      <c r="FV12" s="70">
        <v>0</v>
      </c>
      <c r="FW12" s="71">
        <v>0</v>
      </c>
      <c r="FX12" s="72">
        <v>0</v>
      </c>
      <c r="FY12" s="276"/>
      <c r="FZ12" s="71">
        <v>0</v>
      </c>
      <c r="GA12" s="71">
        <v>0</v>
      </c>
      <c r="GB12" s="71">
        <v>0</v>
      </c>
      <c r="GC12" s="71">
        <v>0</v>
      </c>
      <c r="GD12" s="71">
        <v>0</v>
      </c>
      <c r="GE12" s="72">
        <v>0</v>
      </c>
      <c r="GF12" s="73">
        <v>0</v>
      </c>
      <c r="GG12" s="70">
        <v>13</v>
      </c>
      <c r="GH12" s="71">
        <v>14</v>
      </c>
      <c r="GI12" s="72">
        <v>27</v>
      </c>
      <c r="GJ12" s="276"/>
      <c r="GK12" s="71">
        <v>22</v>
      </c>
      <c r="GL12" s="71">
        <v>22</v>
      </c>
      <c r="GM12" s="71">
        <v>14</v>
      </c>
      <c r="GN12" s="71">
        <v>8</v>
      </c>
      <c r="GO12" s="71">
        <v>7</v>
      </c>
      <c r="GP12" s="72">
        <v>73</v>
      </c>
      <c r="GQ12" s="73">
        <v>100</v>
      </c>
      <c r="GR12" s="126">
        <v>112</v>
      </c>
      <c r="GS12" s="82">
        <v>76</v>
      </c>
      <c r="GT12" s="83">
        <v>188</v>
      </c>
      <c r="GU12" s="273"/>
      <c r="GV12" s="82">
        <v>174</v>
      </c>
      <c r="GW12" s="82">
        <v>138</v>
      </c>
      <c r="GX12" s="82">
        <v>107</v>
      </c>
      <c r="GY12" s="82">
        <v>69</v>
      </c>
      <c r="GZ12" s="82">
        <v>41</v>
      </c>
      <c r="HA12" s="84">
        <v>529</v>
      </c>
      <c r="HB12" s="85">
        <v>717</v>
      </c>
      <c r="HC12" s="70">
        <v>3</v>
      </c>
      <c r="HD12" s="71">
        <v>3</v>
      </c>
      <c r="HE12" s="72">
        <v>6</v>
      </c>
      <c r="HF12" s="276"/>
      <c r="HG12" s="71">
        <v>1</v>
      </c>
      <c r="HH12" s="71">
        <v>1</v>
      </c>
      <c r="HI12" s="71">
        <v>1</v>
      </c>
      <c r="HJ12" s="71">
        <v>2</v>
      </c>
      <c r="HK12" s="71">
        <v>1</v>
      </c>
      <c r="HL12" s="72">
        <v>6</v>
      </c>
      <c r="HM12" s="73">
        <v>12</v>
      </c>
      <c r="HN12" s="70">
        <v>4</v>
      </c>
      <c r="HO12" s="71">
        <v>6</v>
      </c>
      <c r="HP12" s="72">
        <v>10</v>
      </c>
      <c r="HQ12" s="276"/>
      <c r="HR12" s="71">
        <v>7</v>
      </c>
      <c r="HS12" s="71">
        <v>9</v>
      </c>
      <c r="HT12" s="71">
        <v>3</v>
      </c>
      <c r="HU12" s="71">
        <v>7</v>
      </c>
      <c r="HV12" s="71">
        <v>1</v>
      </c>
      <c r="HW12" s="72">
        <v>27</v>
      </c>
      <c r="HX12" s="73">
        <v>37</v>
      </c>
      <c r="HY12" s="70">
        <v>8</v>
      </c>
      <c r="HZ12" s="71">
        <v>7</v>
      </c>
      <c r="IA12" s="72">
        <v>15</v>
      </c>
      <c r="IB12" s="276"/>
      <c r="IC12" s="71">
        <v>12</v>
      </c>
      <c r="ID12" s="71">
        <v>18</v>
      </c>
      <c r="IE12" s="71">
        <v>6</v>
      </c>
      <c r="IF12" s="71">
        <v>4</v>
      </c>
      <c r="IG12" s="71">
        <v>6</v>
      </c>
      <c r="IH12" s="72">
        <v>46</v>
      </c>
      <c r="II12" s="73">
        <v>61</v>
      </c>
      <c r="IJ12" s="70">
        <v>29</v>
      </c>
      <c r="IK12" s="71">
        <v>8</v>
      </c>
      <c r="IL12" s="72">
        <v>37</v>
      </c>
      <c r="IM12" s="276"/>
      <c r="IN12" s="71">
        <v>28</v>
      </c>
      <c r="IO12" s="71">
        <v>26</v>
      </c>
      <c r="IP12" s="71">
        <v>14</v>
      </c>
      <c r="IQ12" s="71">
        <v>15</v>
      </c>
      <c r="IR12" s="71">
        <v>9</v>
      </c>
      <c r="IS12" s="72">
        <v>92</v>
      </c>
      <c r="IT12" s="73">
        <v>129</v>
      </c>
      <c r="IU12" s="70">
        <v>29</v>
      </c>
      <c r="IV12" s="71">
        <v>23</v>
      </c>
      <c r="IW12" s="72">
        <v>52</v>
      </c>
      <c r="IX12" s="276"/>
      <c r="IY12" s="71">
        <v>56</v>
      </c>
      <c r="IZ12" s="71">
        <v>34</v>
      </c>
      <c r="JA12" s="71">
        <v>30</v>
      </c>
      <c r="JB12" s="71">
        <v>18</v>
      </c>
      <c r="JC12" s="71">
        <v>10</v>
      </c>
      <c r="JD12" s="72">
        <v>148</v>
      </c>
      <c r="JE12" s="73">
        <v>200</v>
      </c>
      <c r="JF12" s="70">
        <v>39</v>
      </c>
      <c r="JG12" s="71">
        <v>29</v>
      </c>
      <c r="JH12" s="72">
        <v>68</v>
      </c>
      <c r="JI12" s="276"/>
      <c r="JJ12" s="71">
        <v>70</v>
      </c>
      <c r="JK12" s="71">
        <v>50</v>
      </c>
      <c r="JL12" s="71">
        <v>53</v>
      </c>
      <c r="JM12" s="71">
        <v>23</v>
      </c>
      <c r="JN12" s="71">
        <v>14</v>
      </c>
      <c r="JO12" s="72">
        <v>210</v>
      </c>
      <c r="JP12" s="73">
        <v>278</v>
      </c>
      <c r="JQ12" s="70">
        <v>0</v>
      </c>
      <c r="JR12" s="71">
        <v>0</v>
      </c>
      <c r="JS12" s="72">
        <v>0</v>
      </c>
      <c r="JT12" s="276"/>
      <c r="JU12" s="71">
        <v>0</v>
      </c>
      <c r="JV12" s="71">
        <v>0</v>
      </c>
      <c r="JW12" s="71">
        <v>0</v>
      </c>
      <c r="JX12" s="71">
        <v>0</v>
      </c>
      <c r="JY12" s="71">
        <v>0</v>
      </c>
      <c r="JZ12" s="72">
        <v>0</v>
      </c>
      <c r="KA12" s="73">
        <v>0</v>
      </c>
      <c r="KB12" s="70">
        <v>112</v>
      </c>
      <c r="KC12" s="71">
        <v>76</v>
      </c>
      <c r="KD12" s="72">
        <v>188</v>
      </c>
      <c r="KE12" s="276"/>
      <c r="KF12" s="71">
        <v>174</v>
      </c>
      <c r="KG12" s="71">
        <v>138</v>
      </c>
      <c r="KH12" s="71">
        <v>107</v>
      </c>
      <c r="KI12" s="71">
        <v>69</v>
      </c>
      <c r="KJ12" s="71">
        <v>41</v>
      </c>
      <c r="KK12" s="72">
        <v>529</v>
      </c>
      <c r="KL12" s="73">
        <v>717</v>
      </c>
    </row>
    <row r="13" spans="1:298" ht="19.5" customHeight="1" x14ac:dyDescent="0.2">
      <c r="A13" s="129" t="s">
        <v>9</v>
      </c>
      <c r="B13" s="350">
        <v>168</v>
      </c>
      <c r="C13" s="82">
        <v>123</v>
      </c>
      <c r="D13" s="83">
        <v>291</v>
      </c>
      <c r="E13" s="273"/>
      <c r="F13" s="82">
        <v>218</v>
      </c>
      <c r="G13" s="82">
        <v>148</v>
      </c>
      <c r="H13" s="82">
        <v>116</v>
      </c>
      <c r="I13" s="82">
        <v>104</v>
      </c>
      <c r="J13" s="82">
        <v>46</v>
      </c>
      <c r="K13" s="84">
        <v>632</v>
      </c>
      <c r="L13" s="85">
        <v>923</v>
      </c>
      <c r="M13" s="70">
        <v>3</v>
      </c>
      <c r="N13" s="71">
        <v>2</v>
      </c>
      <c r="O13" s="72">
        <v>5</v>
      </c>
      <c r="P13" s="276"/>
      <c r="Q13" s="71">
        <v>0</v>
      </c>
      <c r="R13" s="71">
        <v>0</v>
      </c>
      <c r="S13" s="71">
        <v>0</v>
      </c>
      <c r="T13" s="71">
        <v>0</v>
      </c>
      <c r="U13" s="71">
        <v>0</v>
      </c>
      <c r="V13" s="72">
        <v>0</v>
      </c>
      <c r="W13" s="73">
        <v>5</v>
      </c>
      <c r="X13" s="70">
        <v>7</v>
      </c>
      <c r="Y13" s="71">
        <v>4</v>
      </c>
      <c r="Z13" s="72">
        <v>11</v>
      </c>
      <c r="AA13" s="276"/>
      <c r="AB13" s="71">
        <v>5</v>
      </c>
      <c r="AC13" s="71">
        <v>5</v>
      </c>
      <c r="AD13" s="71">
        <v>1</v>
      </c>
      <c r="AE13" s="71">
        <v>3</v>
      </c>
      <c r="AF13" s="71">
        <v>2</v>
      </c>
      <c r="AG13" s="72">
        <v>16</v>
      </c>
      <c r="AH13" s="73">
        <v>27</v>
      </c>
      <c r="AI13" s="70">
        <v>9</v>
      </c>
      <c r="AJ13" s="71">
        <v>4</v>
      </c>
      <c r="AK13" s="72">
        <v>13</v>
      </c>
      <c r="AL13" s="276"/>
      <c r="AM13" s="71">
        <v>10</v>
      </c>
      <c r="AN13" s="71">
        <v>7</v>
      </c>
      <c r="AO13" s="71">
        <v>6</v>
      </c>
      <c r="AP13" s="71">
        <v>3</v>
      </c>
      <c r="AQ13" s="71">
        <v>4</v>
      </c>
      <c r="AR13" s="72">
        <v>30</v>
      </c>
      <c r="AS13" s="73">
        <v>43</v>
      </c>
      <c r="AT13" s="70">
        <v>26</v>
      </c>
      <c r="AU13" s="71">
        <v>29</v>
      </c>
      <c r="AV13" s="72">
        <v>55</v>
      </c>
      <c r="AW13" s="276"/>
      <c r="AX13" s="71">
        <v>30</v>
      </c>
      <c r="AY13" s="71">
        <v>26</v>
      </c>
      <c r="AZ13" s="71">
        <v>13</v>
      </c>
      <c r="BA13" s="71">
        <v>11</v>
      </c>
      <c r="BB13" s="71">
        <v>7</v>
      </c>
      <c r="BC13" s="72">
        <v>87</v>
      </c>
      <c r="BD13" s="73">
        <v>142</v>
      </c>
      <c r="BE13" s="70">
        <v>72</v>
      </c>
      <c r="BF13" s="71">
        <v>39</v>
      </c>
      <c r="BG13" s="72">
        <v>111</v>
      </c>
      <c r="BH13" s="276"/>
      <c r="BI13" s="71">
        <v>89</v>
      </c>
      <c r="BJ13" s="71">
        <v>43</v>
      </c>
      <c r="BK13" s="71">
        <v>43</v>
      </c>
      <c r="BL13" s="71">
        <v>47</v>
      </c>
      <c r="BM13" s="71">
        <v>10</v>
      </c>
      <c r="BN13" s="72">
        <v>232</v>
      </c>
      <c r="BO13" s="73">
        <v>343</v>
      </c>
      <c r="BP13" s="70">
        <v>51</v>
      </c>
      <c r="BQ13" s="71">
        <v>45</v>
      </c>
      <c r="BR13" s="72">
        <v>96</v>
      </c>
      <c r="BS13" s="276"/>
      <c r="BT13" s="71">
        <v>84</v>
      </c>
      <c r="BU13" s="71">
        <v>67</v>
      </c>
      <c r="BV13" s="71">
        <v>53</v>
      </c>
      <c r="BW13" s="71">
        <v>40</v>
      </c>
      <c r="BX13" s="71">
        <v>23</v>
      </c>
      <c r="BY13" s="72">
        <v>267</v>
      </c>
      <c r="BZ13" s="73">
        <v>363</v>
      </c>
      <c r="CA13" s="70">
        <v>0</v>
      </c>
      <c r="CB13" s="71">
        <v>0</v>
      </c>
      <c r="CC13" s="72">
        <v>0</v>
      </c>
      <c r="CD13" s="276"/>
      <c r="CE13" s="71">
        <v>0</v>
      </c>
      <c r="CF13" s="71">
        <v>0</v>
      </c>
      <c r="CG13" s="71">
        <v>0</v>
      </c>
      <c r="CH13" s="71">
        <v>0</v>
      </c>
      <c r="CI13" s="71">
        <v>0</v>
      </c>
      <c r="CJ13" s="72">
        <v>0</v>
      </c>
      <c r="CK13" s="73">
        <v>0</v>
      </c>
      <c r="CL13" s="70">
        <v>168</v>
      </c>
      <c r="CM13" s="71">
        <v>123</v>
      </c>
      <c r="CN13" s="72">
        <v>291</v>
      </c>
      <c r="CO13" s="276"/>
      <c r="CP13" s="71">
        <v>218</v>
      </c>
      <c r="CQ13" s="71">
        <v>148</v>
      </c>
      <c r="CR13" s="71">
        <v>116</v>
      </c>
      <c r="CS13" s="71">
        <v>104</v>
      </c>
      <c r="CT13" s="71">
        <v>46</v>
      </c>
      <c r="CU13" s="72">
        <v>632</v>
      </c>
      <c r="CV13" s="73">
        <v>923</v>
      </c>
      <c r="CW13" s="126">
        <v>35</v>
      </c>
      <c r="CX13" s="82">
        <v>20</v>
      </c>
      <c r="CY13" s="83">
        <v>55</v>
      </c>
      <c r="CZ13" s="273"/>
      <c r="DA13" s="82">
        <v>35</v>
      </c>
      <c r="DB13" s="82">
        <v>27</v>
      </c>
      <c r="DC13" s="82">
        <v>21</v>
      </c>
      <c r="DD13" s="82">
        <v>9</v>
      </c>
      <c r="DE13" s="82">
        <v>14</v>
      </c>
      <c r="DF13" s="84">
        <v>106</v>
      </c>
      <c r="DG13" s="85">
        <v>161</v>
      </c>
      <c r="DH13" s="70">
        <v>2</v>
      </c>
      <c r="DI13" s="71">
        <v>0</v>
      </c>
      <c r="DJ13" s="72">
        <v>2</v>
      </c>
      <c r="DK13" s="276"/>
      <c r="DL13" s="71">
        <v>0</v>
      </c>
      <c r="DM13" s="71">
        <v>0</v>
      </c>
      <c r="DN13" s="71">
        <v>0</v>
      </c>
      <c r="DO13" s="71">
        <v>0</v>
      </c>
      <c r="DP13" s="71">
        <v>0</v>
      </c>
      <c r="DQ13" s="72">
        <v>0</v>
      </c>
      <c r="DR13" s="73">
        <v>2</v>
      </c>
      <c r="DS13" s="70">
        <v>2</v>
      </c>
      <c r="DT13" s="71">
        <v>2</v>
      </c>
      <c r="DU13" s="72">
        <v>4</v>
      </c>
      <c r="DV13" s="276"/>
      <c r="DW13" s="71">
        <v>0</v>
      </c>
      <c r="DX13" s="71">
        <v>0</v>
      </c>
      <c r="DY13" s="71">
        <v>0</v>
      </c>
      <c r="DZ13" s="71">
        <v>0</v>
      </c>
      <c r="EA13" s="71">
        <v>0</v>
      </c>
      <c r="EB13" s="72">
        <v>0</v>
      </c>
      <c r="EC13" s="73">
        <v>4</v>
      </c>
      <c r="ED13" s="70">
        <v>6</v>
      </c>
      <c r="EE13" s="71">
        <v>2</v>
      </c>
      <c r="EF13" s="72">
        <v>8</v>
      </c>
      <c r="EG13" s="276"/>
      <c r="EH13" s="71">
        <v>2</v>
      </c>
      <c r="EI13" s="71">
        <v>3</v>
      </c>
      <c r="EJ13" s="71">
        <v>4</v>
      </c>
      <c r="EK13" s="71">
        <v>0</v>
      </c>
      <c r="EL13" s="71">
        <v>1</v>
      </c>
      <c r="EM13" s="72">
        <v>10</v>
      </c>
      <c r="EN13" s="73">
        <v>18</v>
      </c>
      <c r="EO13" s="70">
        <v>6</v>
      </c>
      <c r="EP13" s="71">
        <v>7</v>
      </c>
      <c r="EQ13" s="72">
        <v>13</v>
      </c>
      <c r="ER13" s="276"/>
      <c r="ES13" s="71">
        <v>5</v>
      </c>
      <c r="ET13" s="71">
        <v>2</v>
      </c>
      <c r="EU13" s="71">
        <v>0</v>
      </c>
      <c r="EV13" s="71">
        <v>1</v>
      </c>
      <c r="EW13" s="71">
        <v>3</v>
      </c>
      <c r="EX13" s="72">
        <v>11</v>
      </c>
      <c r="EY13" s="73">
        <v>24</v>
      </c>
      <c r="EZ13" s="70">
        <v>10</v>
      </c>
      <c r="FA13" s="71">
        <v>5</v>
      </c>
      <c r="FB13" s="72">
        <v>15</v>
      </c>
      <c r="FC13" s="276"/>
      <c r="FD13" s="71">
        <v>13</v>
      </c>
      <c r="FE13" s="71">
        <v>8</v>
      </c>
      <c r="FF13" s="71">
        <v>5</v>
      </c>
      <c r="FG13" s="71">
        <v>2</v>
      </c>
      <c r="FH13" s="71">
        <v>2</v>
      </c>
      <c r="FI13" s="72">
        <v>30</v>
      </c>
      <c r="FJ13" s="73">
        <v>45</v>
      </c>
      <c r="FK13" s="70">
        <v>9</v>
      </c>
      <c r="FL13" s="71">
        <v>4</v>
      </c>
      <c r="FM13" s="72">
        <v>13</v>
      </c>
      <c r="FN13" s="276"/>
      <c r="FO13" s="71">
        <v>15</v>
      </c>
      <c r="FP13" s="71">
        <v>14</v>
      </c>
      <c r="FQ13" s="71">
        <v>12</v>
      </c>
      <c r="FR13" s="71">
        <v>6</v>
      </c>
      <c r="FS13" s="71">
        <v>8</v>
      </c>
      <c r="FT13" s="72">
        <v>55</v>
      </c>
      <c r="FU13" s="73">
        <v>68</v>
      </c>
      <c r="FV13" s="70">
        <v>0</v>
      </c>
      <c r="FW13" s="71">
        <v>0</v>
      </c>
      <c r="FX13" s="72">
        <v>0</v>
      </c>
      <c r="FY13" s="276"/>
      <c r="FZ13" s="71">
        <v>0</v>
      </c>
      <c r="GA13" s="71">
        <v>0</v>
      </c>
      <c r="GB13" s="71">
        <v>0</v>
      </c>
      <c r="GC13" s="71">
        <v>0</v>
      </c>
      <c r="GD13" s="71">
        <v>0</v>
      </c>
      <c r="GE13" s="72">
        <v>0</v>
      </c>
      <c r="GF13" s="73">
        <v>0</v>
      </c>
      <c r="GG13" s="70">
        <v>35</v>
      </c>
      <c r="GH13" s="71">
        <v>20</v>
      </c>
      <c r="GI13" s="72">
        <v>55</v>
      </c>
      <c r="GJ13" s="276"/>
      <c r="GK13" s="71">
        <v>35</v>
      </c>
      <c r="GL13" s="71">
        <v>27</v>
      </c>
      <c r="GM13" s="71">
        <v>21</v>
      </c>
      <c r="GN13" s="71">
        <v>9</v>
      </c>
      <c r="GO13" s="71">
        <v>14</v>
      </c>
      <c r="GP13" s="72">
        <v>106</v>
      </c>
      <c r="GQ13" s="73">
        <v>161</v>
      </c>
      <c r="GR13" s="126">
        <v>203</v>
      </c>
      <c r="GS13" s="82">
        <v>143</v>
      </c>
      <c r="GT13" s="83">
        <v>346</v>
      </c>
      <c r="GU13" s="273"/>
      <c r="GV13" s="82">
        <v>253</v>
      </c>
      <c r="GW13" s="82">
        <v>175</v>
      </c>
      <c r="GX13" s="82">
        <v>137</v>
      </c>
      <c r="GY13" s="82">
        <v>113</v>
      </c>
      <c r="GZ13" s="82">
        <v>60</v>
      </c>
      <c r="HA13" s="84">
        <v>738</v>
      </c>
      <c r="HB13" s="85">
        <v>1084</v>
      </c>
      <c r="HC13" s="70">
        <v>5</v>
      </c>
      <c r="HD13" s="71">
        <v>2</v>
      </c>
      <c r="HE13" s="72">
        <v>7</v>
      </c>
      <c r="HF13" s="276"/>
      <c r="HG13" s="71">
        <v>0</v>
      </c>
      <c r="HH13" s="71">
        <v>0</v>
      </c>
      <c r="HI13" s="71">
        <v>0</v>
      </c>
      <c r="HJ13" s="71">
        <v>0</v>
      </c>
      <c r="HK13" s="71">
        <v>0</v>
      </c>
      <c r="HL13" s="72">
        <v>0</v>
      </c>
      <c r="HM13" s="73">
        <v>7</v>
      </c>
      <c r="HN13" s="70">
        <v>9</v>
      </c>
      <c r="HO13" s="71">
        <v>6</v>
      </c>
      <c r="HP13" s="72">
        <v>15</v>
      </c>
      <c r="HQ13" s="276"/>
      <c r="HR13" s="71">
        <v>5</v>
      </c>
      <c r="HS13" s="71">
        <v>5</v>
      </c>
      <c r="HT13" s="71">
        <v>1</v>
      </c>
      <c r="HU13" s="71">
        <v>3</v>
      </c>
      <c r="HV13" s="71">
        <v>2</v>
      </c>
      <c r="HW13" s="72">
        <v>16</v>
      </c>
      <c r="HX13" s="73">
        <v>31</v>
      </c>
      <c r="HY13" s="70">
        <v>15</v>
      </c>
      <c r="HZ13" s="71">
        <v>6</v>
      </c>
      <c r="IA13" s="72">
        <v>21</v>
      </c>
      <c r="IB13" s="276"/>
      <c r="IC13" s="71">
        <v>12</v>
      </c>
      <c r="ID13" s="71">
        <v>10</v>
      </c>
      <c r="IE13" s="71">
        <v>10</v>
      </c>
      <c r="IF13" s="71">
        <v>3</v>
      </c>
      <c r="IG13" s="71">
        <v>5</v>
      </c>
      <c r="IH13" s="72">
        <v>40</v>
      </c>
      <c r="II13" s="73">
        <v>61</v>
      </c>
      <c r="IJ13" s="70">
        <v>32</v>
      </c>
      <c r="IK13" s="71">
        <v>36</v>
      </c>
      <c r="IL13" s="72">
        <v>68</v>
      </c>
      <c r="IM13" s="276"/>
      <c r="IN13" s="71">
        <v>35</v>
      </c>
      <c r="IO13" s="71">
        <v>28</v>
      </c>
      <c r="IP13" s="71">
        <v>13</v>
      </c>
      <c r="IQ13" s="71">
        <v>12</v>
      </c>
      <c r="IR13" s="71">
        <v>10</v>
      </c>
      <c r="IS13" s="72">
        <v>98</v>
      </c>
      <c r="IT13" s="73">
        <v>166</v>
      </c>
      <c r="IU13" s="70">
        <v>82</v>
      </c>
      <c r="IV13" s="71">
        <v>44</v>
      </c>
      <c r="IW13" s="72">
        <v>126</v>
      </c>
      <c r="IX13" s="276"/>
      <c r="IY13" s="71">
        <v>102</v>
      </c>
      <c r="IZ13" s="71">
        <v>51</v>
      </c>
      <c r="JA13" s="71">
        <v>48</v>
      </c>
      <c r="JB13" s="71">
        <v>49</v>
      </c>
      <c r="JC13" s="71">
        <v>12</v>
      </c>
      <c r="JD13" s="72">
        <v>262</v>
      </c>
      <c r="JE13" s="73">
        <v>388</v>
      </c>
      <c r="JF13" s="70">
        <v>60</v>
      </c>
      <c r="JG13" s="71">
        <v>49</v>
      </c>
      <c r="JH13" s="72">
        <v>109</v>
      </c>
      <c r="JI13" s="276"/>
      <c r="JJ13" s="71">
        <v>99</v>
      </c>
      <c r="JK13" s="71">
        <v>81</v>
      </c>
      <c r="JL13" s="71">
        <v>65</v>
      </c>
      <c r="JM13" s="71">
        <v>46</v>
      </c>
      <c r="JN13" s="71">
        <v>31</v>
      </c>
      <c r="JO13" s="72">
        <v>322</v>
      </c>
      <c r="JP13" s="73">
        <v>431</v>
      </c>
      <c r="JQ13" s="70">
        <v>0</v>
      </c>
      <c r="JR13" s="71">
        <v>0</v>
      </c>
      <c r="JS13" s="72">
        <v>0</v>
      </c>
      <c r="JT13" s="276"/>
      <c r="JU13" s="71">
        <v>0</v>
      </c>
      <c r="JV13" s="71">
        <v>0</v>
      </c>
      <c r="JW13" s="71">
        <v>0</v>
      </c>
      <c r="JX13" s="71">
        <v>0</v>
      </c>
      <c r="JY13" s="71">
        <v>0</v>
      </c>
      <c r="JZ13" s="72">
        <v>0</v>
      </c>
      <c r="KA13" s="73">
        <v>0</v>
      </c>
      <c r="KB13" s="70">
        <v>203</v>
      </c>
      <c r="KC13" s="71">
        <v>143</v>
      </c>
      <c r="KD13" s="72">
        <v>346</v>
      </c>
      <c r="KE13" s="276"/>
      <c r="KF13" s="71">
        <v>253</v>
      </c>
      <c r="KG13" s="71">
        <v>175</v>
      </c>
      <c r="KH13" s="71">
        <v>137</v>
      </c>
      <c r="KI13" s="71">
        <v>113</v>
      </c>
      <c r="KJ13" s="71">
        <v>60</v>
      </c>
      <c r="KK13" s="72">
        <v>738</v>
      </c>
      <c r="KL13" s="73">
        <v>1084</v>
      </c>
    </row>
    <row r="14" spans="1:298" ht="19.5" customHeight="1" x14ac:dyDescent="0.2">
      <c r="A14" s="129" t="s">
        <v>10</v>
      </c>
      <c r="B14" s="350">
        <v>343</v>
      </c>
      <c r="C14" s="82">
        <v>232</v>
      </c>
      <c r="D14" s="83">
        <v>575</v>
      </c>
      <c r="E14" s="273"/>
      <c r="F14" s="82">
        <v>341</v>
      </c>
      <c r="G14" s="82">
        <v>199</v>
      </c>
      <c r="H14" s="82">
        <v>150</v>
      </c>
      <c r="I14" s="82">
        <v>128</v>
      </c>
      <c r="J14" s="82">
        <v>70</v>
      </c>
      <c r="K14" s="84">
        <v>888</v>
      </c>
      <c r="L14" s="85">
        <v>1463</v>
      </c>
      <c r="M14" s="70">
        <v>3</v>
      </c>
      <c r="N14" s="71">
        <v>2</v>
      </c>
      <c r="O14" s="72">
        <v>5</v>
      </c>
      <c r="P14" s="276"/>
      <c r="Q14" s="71">
        <v>6</v>
      </c>
      <c r="R14" s="71">
        <v>6</v>
      </c>
      <c r="S14" s="71">
        <v>0</v>
      </c>
      <c r="T14" s="71">
        <v>2</v>
      </c>
      <c r="U14" s="71">
        <v>2</v>
      </c>
      <c r="V14" s="72">
        <v>16</v>
      </c>
      <c r="W14" s="73">
        <v>21</v>
      </c>
      <c r="X14" s="70">
        <v>10</v>
      </c>
      <c r="Y14" s="71">
        <v>11</v>
      </c>
      <c r="Z14" s="72">
        <v>21</v>
      </c>
      <c r="AA14" s="276"/>
      <c r="AB14" s="71">
        <v>15</v>
      </c>
      <c r="AC14" s="71">
        <v>12</v>
      </c>
      <c r="AD14" s="71">
        <v>3</v>
      </c>
      <c r="AE14" s="71">
        <v>6</v>
      </c>
      <c r="AF14" s="71">
        <v>4</v>
      </c>
      <c r="AG14" s="72">
        <v>40</v>
      </c>
      <c r="AH14" s="73">
        <v>61</v>
      </c>
      <c r="AI14" s="70">
        <v>21</v>
      </c>
      <c r="AJ14" s="71">
        <v>22</v>
      </c>
      <c r="AK14" s="72">
        <v>43</v>
      </c>
      <c r="AL14" s="276"/>
      <c r="AM14" s="71">
        <v>22</v>
      </c>
      <c r="AN14" s="71">
        <v>17</v>
      </c>
      <c r="AO14" s="71">
        <v>16</v>
      </c>
      <c r="AP14" s="71">
        <v>6</v>
      </c>
      <c r="AQ14" s="71">
        <v>5</v>
      </c>
      <c r="AR14" s="72">
        <v>66</v>
      </c>
      <c r="AS14" s="73">
        <v>109</v>
      </c>
      <c r="AT14" s="70">
        <v>73</v>
      </c>
      <c r="AU14" s="71">
        <v>52</v>
      </c>
      <c r="AV14" s="72">
        <v>125</v>
      </c>
      <c r="AW14" s="276"/>
      <c r="AX14" s="71">
        <v>64</v>
      </c>
      <c r="AY14" s="71">
        <v>34</v>
      </c>
      <c r="AZ14" s="71">
        <v>27</v>
      </c>
      <c r="BA14" s="71">
        <v>19</v>
      </c>
      <c r="BB14" s="71">
        <v>15</v>
      </c>
      <c r="BC14" s="72">
        <v>159</v>
      </c>
      <c r="BD14" s="73">
        <v>284</v>
      </c>
      <c r="BE14" s="70">
        <v>128</v>
      </c>
      <c r="BF14" s="71">
        <v>75</v>
      </c>
      <c r="BG14" s="72">
        <v>203</v>
      </c>
      <c r="BH14" s="276"/>
      <c r="BI14" s="71">
        <v>102</v>
      </c>
      <c r="BJ14" s="71">
        <v>55</v>
      </c>
      <c r="BK14" s="71">
        <v>39</v>
      </c>
      <c r="BL14" s="71">
        <v>46</v>
      </c>
      <c r="BM14" s="71">
        <v>18</v>
      </c>
      <c r="BN14" s="72">
        <v>260</v>
      </c>
      <c r="BO14" s="73">
        <v>463</v>
      </c>
      <c r="BP14" s="70">
        <v>108</v>
      </c>
      <c r="BQ14" s="71">
        <v>70</v>
      </c>
      <c r="BR14" s="72">
        <v>178</v>
      </c>
      <c r="BS14" s="276"/>
      <c r="BT14" s="71">
        <v>132</v>
      </c>
      <c r="BU14" s="71">
        <v>75</v>
      </c>
      <c r="BV14" s="71">
        <v>65</v>
      </c>
      <c r="BW14" s="71">
        <v>49</v>
      </c>
      <c r="BX14" s="71">
        <v>26</v>
      </c>
      <c r="BY14" s="72">
        <v>347</v>
      </c>
      <c r="BZ14" s="73">
        <v>525</v>
      </c>
      <c r="CA14" s="70">
        <v>0</v>
      </c>
      <c r="CB14" s="71">
        <v>0</v>
      </c>
      <c r="CC14" s="72">
        <v>0</v>
      </c>
      <c r="CD14" s="276"/>
      <c r="CE14" s="71">
        <v>0</v>
      </c>
      <c r="CF14" s="71">
        <v>0</v>
      </c>
      <c r="CG14" s="71">
        <v>0</v>
      </c>
      <c r="CH14" s="71">
        <v>0</v>
      </c>
      <c r="CI14" s="71">
        <v>0</v>
      </c>
      <c r="CJ14" s="72">
        <v>0</v>
      </c>
      <c r="CK14" s="73">
        <v>0</v>
      </c>
      <c r="CL14" s="70">
        <v>343</v>
      </c>
      <c r="CM14" s="71">
        <v>232</v>
      </c>
      <c r="CN14" s="72">
        <v>575</v>
      </c>
      <c r="CO14" s="276"/>
      <c r="CP14" s="71">
        <v>341</v>
      </c>
      <c r="CQ14" s="71">
        <v>199</v>
      </c>
      <c r="CR14" s="71">
        <v>150</v>
      </c>
      <c r="CS14" s="71">
        <v>128</v>
      </c>
      <c r="CT14" s="71">
        <v>70</v>
      </c>
      <c r="CU14" s="72">
        <v>888</v>
      </c>
      <c r="CV14" s="73">
        <v>1463</v>
      </c>
      <c r="CW14" s="126">
        <v>39</v>
      </c>
      <c r="CX14" s="82">
        <v>30</v>
      </c>
      <c r="CY14" s="83">
        <v>69</v>
      </c>
      <c r="CZ14" s="273"/>
      <c r="DA14" s="82">
        <v>50</v>
      </c>
      <c r="DB14" s="82">
        <v>18</v>
      </c>
      <c r="DC14" s="82">
        <v>22</v>
      </c>
      <c r="DD14" s="82">
        <v>16</v>
      </c>
      <c r="DE14" s="82">
        <v>21</v>
      </c>
      <c r="DF14" s="84">
        <v>127</v>
      </c>
      <c r="DG14" s="85">
        <v>196</v>
      </c>
      <c r="DH14" s="70">
        <v>0</v>
      </c>
      <c r="DI14" s="71">
        <v>1</v>
      </c>
      <c r="DJ14" s="72">
        <v>1</v>
      </c>
      <c r="DK14" s="276"/>
      <c r="DL14" s="71">
        <v>1</v>
      </c>
      <c r="DM14" s="71">
        <v>0</v>
      </c>
      <c r="DN14" s="71">
        <v>0</v>
      </c>
      <c r="DO14" s="71">
        <v>0</v>
      </c>
      <c r="DP14" s="71">
        <v>0</v>
      </c>
      <c r="DQ14" s="72">
        <v>1</v>
      </c>
      <c r="DR14" s="73">
        <v>2</v>
      </c>
      <c r="DS14" s="70">
        <v>2</v>
      </c>
      <c r="DT14" s="71">
        <v>1</v>
      </c>
      <c r="DU14" s="72">
        <v>3</v>
      </c>
      <c r="DV14" s="276"/>
      <c r="DW14" s="71">
        <v>2</v>
      </c>
      <c r="DX14" s="71">
        <v>2</v>
      </c>
      <c r="DY14" s="71">
        <v>0</v>
      </c>
      <c r="DZ14" s="71">
        <v>1</v>
      </c>
      <c r="EA14" s="71">
        <v>1</v>
      </c>
      <c r="EB14" s="72">
        <v>6</v>
      </c>
      <c r="EC14" s="73">
        <v>9</v>
      </c>
      <c r="ED14" s="70">
        <v>5</v>
      </c>
      <c r="EE14" s="71">
        <v>6</v>
      </c>
      <c r="EF14" s="72">
        <v>11</v>
      </c>
      <c r="EG14" s="276"/>
      <c r="EH14" s="71">
        <v>2</v>
      </c>
      <c r="EI14" s="71">
        <v>1</v>
      </c>
      <c r="EJ14" s="71">
        <v>0</v>
      </c>
      <c r="EK14" s="71">
        <v>0</v>
      </c>
      <c r="EL14" s="71">
        <v>0</v>
      </c>
      <c r="EM14" s="72">
        <v>3</v>
      </c>
      <c r="EN14" s="73">
        <v>14</v>
      </c>
      <c r="EO14" s="70">
        <v>11</v>
      </c>
      <c r="EP14" s="71">
        <v>6</v>
      </c>
      <c r="EQ14" s="72">
        <v>17</v>
      </c>
      <c r="ER14" s="276"/>
      <c r="ES14" s="71">
        <v>6</v>
      </c>
      <c r="ET14" s="71">
        <v>0</v>
      </c>
      <c r="EU14" s="71">
        <v>6</v>
      </c>
      <c r="EV14" s="71">
        <v>1</v>
      </c>
      <c r="EW14" s="71">
        <v>1</v>
      </c>
      <c r="EX14" s="72">
        <v>14</v>
      </c>
      <c r="EY14" s="73">
        <v>31</v>
      </c>
      <c r="EZ14" s="70">
        <v>12</v>
      </c>
      <c r="FA14" s="71">
        <v>7</v>
      </c>
      <c r="FB14" s="72">
        <v>19</v>
      </c>
      <c r="FC14" s="276"/>
      <c r="FD14" s="71">
        <v>14</v>
      </c>
      <c r="FE14" s="71">
        <v>5</v>
      </c>
      <c r="FF14" s="71">
        <v>4</v>
      </c>
      <c r="FG14" s="71">
        <v>6</v>
      </c>
      <c r="FH14" s="71">
        <v>5</v>
      </c>
      <c r="FI14" s="72">
        <v>34</v>
      </c>
      <c r="FJ14" s="73">
        <v>53</v>
      </c>
      <c r="FK14" s="70">
        <v>9</v>
      </c>
      <c r="FL14" s="71">
        <v>9</v>
      </c>
      <c r="FM14" s="72">
        <v>18</v>
      </c>
      <c r="FN14" s="276"/>
      <c r="FO14" s="71">
        <v>25</v>
      </c>
      <c r="FP14" s="71">
        <v>10</v>
      </c>
      <c r="FQ14" s="71">
        <v>12</v>
      </c>
      <c r="FR14" s="71">
        <v>8</v>
      </c>
      <c r="FS14" s="71">
        <v>14</v>
      </c>
      <c r="FT14" s="72">
        <v>69</v>
      </c>
      <c r="FU14" s="73">
        <v>87</v>
      </c>
      <c r="FV14" s="70">
        <v>0</v>
      </c>
      <c r="FW14" s="71">
        <v>0</v>
      </c>
      <c r="FX14" s="72">
        <v>0</v>
      </c>
      <c r="FY14" s="276"/>
      <c r="FZ14" s="71">
        <v>0</v>
      </c>
      <c r="GA14" s="71">
        <v>0</v>
      </c>
      <c r="GB14" s="71">
        <v>0</v>
      </c>
      <c r="GC14" s="71">
        <v>0</v>
      </c>
      <c r="GD14" s="71">
        <v>0</v>
      </c>
      <c r="GE14" s="72">
        <v>0</v>
      </c>
      <c r="GF14" s="73">
        <v>0</v>
      </c>
      <c r="GG14" s="70">
        <v>39</v>
      </c>
      <c r="GH14" s="71">
        <v>30</v>
      </c>
      <c r="GI14" s="72">
        <v>69</v>
      </c>
      <c r="GJ14" s="276"/>
      <c r="GK14" s="71">
        <v>50</v>
      </c>
      <c r="GL14" s="71">
        <v>18</v>
      </c>
      <c r="GM14" s="71">
        <v>22</v>
      </c>
      <c r="GN14" s="71">
        <v>16</v>
      </c>
      <c r="GO14" s="71">
        <v>21</v>
      </c>
      <c r="GP14" s="72">
        <v>127</v>
      </c>
      <c r="GQ14" s="73">
        <v>196</v>
      </c>
      <c r="GR14" s="126">
        <v>382</v>
      </c>
      <c r="GS14" s="82">
        <v>262</v>
      </c>
      <c r="GT14" s="83">
        <v>644</v>
      </c>
      <c r="GU14" s="273"/>
      <c r="GV14" s="82">
        <v>391</v>
      </c>
      <c r="GW14" s="82">
        <v>217</v>
      </c>
      <c r="GX14" s="82">
        <v>172</v>
      </c>
      <c r="GY14" s="82">
        <v>144</v>
      </c>
      <c r="GZ14" s="82">
        <v>91</v>
      </c>
      <c r="HA14" s="84">
        <v>1015</v>
      </c>
      <c r="HB14" s="85">
        <v>1659</v>
      </c>
      <c r="HC14" s="70">
        <v>3</v>
      </c>
      <c r="HD14" s="71">
        <v>3</v>
      </c>
      <c r="HE14" s="72">
        <v>6</v>
      </c>
      <c r="HF14" s="276"/>
      <c r="HG14" s="71">
        <v>7</v>
      </c>
      <c r="HH14" s="71">
        <v>6</v>
      </c>
      <c r="HI14" s="71">
        <v>0</v>
      </c>
      <c r="HJ14" s="71">
        <v>2</v>
      </c>
      <c r="HK14" s="71">
        <v>2</v>
      </c>
      <c r="HL14" s="72">
        <v>17</v>
      </c>
      <c r="HM14" s="73">
        <v>23</v>
      </c>
      <c r="HN14" s="70">
        <v>12</v>
      </c>
      <c r="HO14" s="71">
        <v>12</v>
      </c>
      <c r="HP14" s="72">
        <v>24</v>
      </c>
      <c r="HQ14" s="276"/>
      <c r="HR14" s="71">
        <v>17</v>
      </c>
      <c r="HS14" s="71">
        <v>14</v>
      </c>
      <c r="HT14" s="71">
        <v>3</v>
      </c>
      <c r="HU14" s="71">
        <v>7</v>
      </c>
      <c r="HV14" s="71">
        <v>5</v>
      </c>
      <c r="HW14" s="72">
        <v>46</v>
      </c>
      <c r="HX14" s="73">
        <v>70</v>
      </c>
      <c r="HY14" s="70">
        <v>26</v>
      </c>
      <c r="HZ14" s="71">
        <v>28</v>
      </c>
      <c r="IA14" s="72">
        <v>54</v>
      </c>
      <c r="IB14" s="276"/>
      <c r="IC14" s="71">
        <v>24</v>
      </c>
      <c r="ID14" s="71">
        <v>18</v>
      </c>
      <c r="IE14" s="71">
        <v>16</v>
      </c>
      <c r="IF14" s="71">
        <v>6</v>
      </c>
      <c r="IG14" s="71">
        <v>5</v>
      </c>
      <c r="IH14" s="72">
        <v>69</v>
      </c>
      <c r="II14" s="73">
        <v>123</v>
      </c>
      <c r="IJ14" s="70">
        <v>84</v>
      </c>
      <c r="IK14" s="71">
        <v>58</v>
      </c>
      <c r="IL14" s="72">
        <v>142</v>
      </c>
      <c r="IM14" s="276"/>
      <c r="IN14" s="71">
        <v>70</v>
      </c>
      <c r="IO14" s="71">
        <v>34</v>
      </c>
      <c r="IP14" s="71">
        <v>33</v>
      </c>
      <c r="IQ14" s="71">
        <v>20</v>
      </c>
      <c r="IR14" s="71">
        <v>16</v>
      </c>
      <c r="IS14" s="72">
        <v>173</v>
      </c>
      <c r="IT14" s="73">
        <v>315</v>
      </c>
      <c r="IU14" s="70">
        <v>140</v>
      </c>
      <c r="IV14" s="71">
        <v>82</v>
      </c>
      <c r="IW14" s="72">
        <v>222</v>
      </c>
      <c r="IX14" s="276"/>
      <c r="IY14" s="71">
        <v>116</v>
      </c>
      <c r="IZ14" s="71">
        <v>60</v>
      </c>
      <c r="JA14" s="71">
        <v>43</v>
      </c>
      <c r="JB14" s="71">
        <v>52</v>
      </c>
      <c r="JC14" s="71">
        <v>23</v>
      </c>
      <c r="JD14" s="72">
        <v>294</v>
      </c>
      <c r="JE14" s="73">
        <v>516</v>
      </c>
      <c r="JF14" s="70">
        <v>117</v>
      </c>
      <c r="JG14" s="71">
        <v>79</v>
      </c>
      <c r="JH14" s="72">
        <v>196</v>
      </c>
      <c r="JI14" s="276"/>
      <c r="JJ14" s="71">
        <v>157</v>
      </c>
      <c r="JK14" s="71">
        <v>85</v>
      </c>
      <c r="JL14" s="71">
        <v>77</v>
      </c>
      <c r="JM14" s="71">
        <v>57</v>
      </c>
      <c r="JN14" s="71">
        <v>40</v>
      </c>
      <c r="JO14" s="72">
        <v>416</v>
      </c>
      <c r="JP14" s="73">
        <v>612</v>
      </c>
      <c r="JQ14" s="70">
        <v>0</v>
      </c>
      <c r="JR14" s="71">
        <v>0</v>
      </c>
      <c r="JS14" s="72">
        <v>0</v>
      </c>
      <c r="JT14" s="276"/>
      <c r="JU14" s="71">
        <v>0</v>
      </c>
      <c r="JV14" s="71">
        <v>0</v>
      </c>
      <c r="JW14" s="71">
        <v>0</v>
      </c>
      <c r="JX14" s="71">
        <v>0</v>
      </c>
      <c r="JY14" s="71">
        <v>0</v>
      </c>
      <c r="JZ14" s="72">
        <v>0</v>
      </c>
      <c r="KA14" s="73">
        <v>0</v>
      </c>
      <c r="KB14" s="70">
        <v>382</v>
      </c>
      <c r="KC14" s="71">
        <v>262</v>
      </c>
      <c r="KD14" s="72">
        <v>644</v>
      </c>
      <c r="KE14" s="276"/>
      <c r="KF14" s="71">
        <v>391</v>
      </c>
      <c r="KG14" s="71">
        <v>217</v>
      </c>
      <c r="KH14" s="71">
        <v>172</v>
      </c>
      <c r="KI14" s="71">
        <v>144</v>
      </c>
      <c r="KJ14" s="71">
        <v>91</v>
      </c>
      <c r="KK14" s="72">
        <v>1015</v>
      </c>
      <c r="KL14" s="73">
        <v>1659</v>
      </c>
    </row>
    <row r="15" spans="1:298" ht="19.5" customHeight="1" x14ac:dyDescent="0.2">
      <c r="A15" s="129" t="s">
        <v>11</v>
      </c>
      <c r="B15" s="350">
        <v>80</v>
      </c>
      <c r="C15" s="82">
        <v>50</v>
      </c>
      <c r="D15" s="83">
        <v>130</v>
      </c>
      <c r="E15" s="273"/>
      <c r="F15" s="82">
        <v>145</v>
      </c>
      <c r="G15" s="82">
        <v>86</v>
      </c>
      <c r="H15" s="82">
        <v>68</v>
      </c>
      <c r="I15" s="82">
        <v>59</v>
      </c>
      <c r="J15" s="82">
        <v>26</v>
      </c>
      <c r="K15" s="84">
        <v>384</v>
      </c>
      <c r="L15" s="85">
        <v>514</v>
      </c>
      <c r="M15" s="70">
        <v>4</v>
      </c>
      <c r="N15" s="71">
        <v>0</v>
      </c>
      <c r="O15" s="72">
        <v>4</v>
      </c>
      <c r="P15" s="276"/>
      <c r="Q15" s="71">
        <v>5</v>
      </c>
      <c r="R15" s="71">
        <v>2</v>
      </c>
      <c r="S15" s="71">
        <v>0</v>
      </c>
      <c r="T15" s="71">
        <v>0</v>
      </c>
      <c r="U15" s="71">
        <v>0</v>
      </c>
      <c r="V15" s="72">
        <v>7</v>
      </c>
      <c r="W15" s="73">
        <v>11</v>
      </c>
      <c r="X15" s="70">
        <v>2</v>
      </c>
      <c r="Y15" s="71">
        <v>6</v>
      </c>
      <c r="Z15" s="72">
        <v>8</v>
      </c>
      <c r="AA15" s="276"/>
      <c r="AB15" s="71">
        <v>8</v>
      </c>
      <c r="AC15" s="71">
        <v>2</v>
      </c>
      <c r="AD15" s="71">
        <v>4</v>
      </c>
      <c r="AE15" s="71">
        <v>4</v>
      </c>
      <c r="AF15" s="71">
        <v>3</v>
      </c>
      <c r="AG15" s="72">
        <v>21</v>
      </c>
      <c r="AH15" s="73">
        <v>29</v>
      </c>
      <c r="AI15" s="70">
        <v>6</v>
      </c>
      <c r="AJ15" s="71">
        <v>2</v>
      </c>
      <c r="AK15" s="72">
        <v>8</v>
      </c>
      <c r="AL15" s="276"/>
      <c r="AM15" s="71">
        <v>9</v>
      </c>
      <c r="AN15" s="71">
        <v>7</v>
      </c>
      <c r="AO15" s="71">
        <v>8</v>
      </c>
      <c r="AP15" s="71">
        <v>5</v>
      </c>
      <c r="AQ15" s="71">
        <v>4</v>
      </c>
      <c r="AR15" s="72">
        <v>33</v>
      </c>
      <c r="AS15" s="73">
        <v>41</v>
      </c>
      <c r="AT15" s="70">
        <v>17</v>
      </c>
      <c r="AU15" s="71">
        <v>11</v>
      </c>
      <c r="AV15" s="72">
        <v>28</v>
      </c>
      <c r="AW15" s="276"/>
      <c r="AX15" s="71">
        <v>23</v>
      </c>
      <c r="AY15" s="71">
        <v>17</v>
      </c>
      <c r="AZ15" s="71">
        <v>10</v>
      </c>
      <c r="BA15" s="71">
        <v>7</v>
      </c>
      <c r="BB15" s="71">
        <v>6</v>
      </c>
      <c r="BC15" s="72">
        <v>63</v>
      </c>
      <c r="BD15" s="73">
        <v>91</v>
      </c>
      <c r="BE15" s="70">
        <v>29</v>
      </c>
      <c r="BF15" s="71">
        <v>16</v>
      </c>
      <c r="BG15" s="72">
        <v>45</v>
      </c>
      <c r="BH15" s="276"/>
      <c r="BI15" s="71">
        <v>48</v>
      </c>
      <c r="BJ15" s="71">
        <v>25</v>
      </c>
      <c r="BK15" s="71">
        <v>14</v>
      </c>
      <c r="BL15" s="71">
        <v>19</v>
      </c>
      <c r="BM15" s="71">
        <v>7</v>
      </c>
      <c r="BN15" s="72">
        <v>113</v>
      </c>
      <c r="BO15" s="73">
        <v>158</v>
      </c>
      <c r="BP15" s="70">
        <v>22</v>
      </c>
      <c r="BQ15" s="71">
        <v>15</v>
      </c>
      <c r="BR15" s="72">
        <v>37</v>
      </c>
      <c r="BS15" s="276"/>
      <c r="BT15" s="71">
        <v>52</v>
      </c>
      <c r="BU15" s="71">
        <v>33</v>
      </c>
      <c r="BV15" s="71">
        <v>32</v>
      </c>
      <c r="BW15" s="71">
        <v>24</v>
      </c>
      <c r="BX15" s="71">
        <v>6</v>
      </c>
      <c r="BY15" s="72">
        <v>147</v>
      </c>
      <c r="BZ15" s="73">
        <v>184</v>
      </c>
      <c r="CA15" s="70">
        <v>0</v>
      </c>
      <c r="CB15" s="71">
        <v>0</v>
      </c>
      <c r="CC15" s="72">
        <v>0</v>
      </c>
      <c r="CD15" s="276"/>
      <c r="CE15" s="71">
        <v>0</v>
      </c>
      <c r="CF15" s="71">
        <v>0</v>
      </c>
      <c r="CG15" s="71">
        <v>0</v>
      </c>
      <c r="CH15" s="71">
        <v>0</v>
      </c>
      <c r="CI15" s="71">
        <v>0</v>
      </c>
      <c r="CJ15" s="72">
        <v>0</v>
      </c>
      <c r="CK15" s="73">
        <v>0</v>
      </c>
      <c r="CL15" s="70">
        <v>80</v>
      </c>
      <c r="CM15" s="71">
        <v>50</v>
      </c>
      <c r="CN15" s="72">
        <v>130</v>
      </c>
      <c r="CO15" s="276"/>
      <c r="CP15" s="71">
        <v>145</v>
      </c>
      <c r="CQ15" s="71">
        <v>86</v>
      </c>
      <c r="CR15" s="71">
        <v>68</v>
      </c>
      <c r="CS15" s="71">
        <v>59</v>
      </c>
      <c r="CT15" s="71">
        <v>26</v>
      </c>
      <c r="CU15" s="72">
        <v>384</v>
      </c>
      <c r="CV15" s="73">
        <v>514</v>
      </c>
      <c r="CW15" s="126">
        <v>17</v>
      </c>
      <c r="CX15" s="82">
        <v>12</v>
      </c>
      <c r="CY15" s="83">
        <v>29</v>
      </c>
      <c r="CZ15" s="273"/>
      <c r="DA15" s="82">
        <v>18</v>
      </c>
      <c r="DB15" s="82">
        <v>22</v>
      </c>
      <c r="DC15" s="82">
        <v>13</v>
      </c>
      <c r="DD15" s="82">
        <v>17</v>
      </c>
      <c r="DE15" s="82">
        <v>6</v>
      </c>
      <c r="DF15" s="84">
        <v>76</v>
      </c>
      <c r="DG15" s="85">
        <v>105</v>
      </c>
      <c r="DH15" s="70">
        <v>1</v>
      </c>
      <c r="DI15" s="71">
        <v>0</v>
      </c>
      <c r="DJ15" s="72">
        <v>1</v>
      </c>
      <c r="DK15" s="276"/>
      <c r="DL15" s="71">
        <v>1</v>
      </c>
      <c r="DM15" s="71">
        <v>0</v>
      </c>
      <c r="DN15" s="71">
        <v>0</v>
      </c>
      <c r="DO15" s="71">
        <v>0</v>
      </c>
      <c r="DP15" s="71">
        <v>0</v>
      </c>
      <c r="DQ15" s="72">
        <v>1</v>
      </c>
      <c r="DR15" s="73">
        <v>2</v>
      </c>
      <c r="DS15" s="70">
        <v>1</v>
      </c>
      <c r="DT15" s="71">
        <v>1</v>
      </c>
      <c r="DU15" s="72">
        <v>2</v>
      </c>
      <c r="DV15" s="276"/>
      <c r="DW15" s="71">
        <v>1</v>
      </c>
      <c r="DX15" s="71">
        <v>0</v>
      </c>
      <c r="DY15" s="71">
        <v>1</v>
      </c>
      <c r="DZ15" s="71">
        <v>1</v>
      </c>
      <c r="EA15" s="71">
        <v>1</v>
      </c>
      <c r="EB15" s="72">
        <v>4</v>
      </c>
      <c r="EC15" s="73">
        <v>6</v>
      </c>
      <c r="ED15" s="70">
        <v>0</v>
      </c>
      <c r="EE15" s="71">
        <v>0</v>
      </c>
      <c r="EF15" s="72">
        <v>0</v>
      </c>
      <c r="EG15" s="276"/>
      <c r="EH15" s="71">
        <v>0</v>
      </c>
      <c r="EI15" s="71">
        <v>1</v>
      </c>
      <c r="EJ15" s="71">
        <v>1</v>
      </c>
      <c r="EK15" s="71">
        <v>0</v>
      </c>
      <c r="EL15" s="71">
        <v>0</v>
      </c>
      <c r="EM15" s="72">
        <v>2</v>
      </c>
      <c r="EN15" s="73">
        <v>2</v>
      </c>
      <c r="EO15" s="70">
        <v>5</v>
      </c>
      <c r="EP15" s="71">
        <v>2</v>
      </c>
      <c r="EQ15" s="72">
        <v>7</v>
      </c>
      <c r="ER15" s="276"/>
      <c r="ES15" s="71">
        <v>3</v>
      </c>
      <c r="ET15" s="71">
        <v>2</v>
      </c>
      <c r="EU15" s="71">
        <v>0</v>
      </c>
      <c r="EV15" s="71">
        <v>2</v>
      </c>
      <c r="EW15" s="71">
        <v>0</v>
      </c>
      <c r="EX15" s="72">
        <v>7</v>
      </c>
      <c r="EY15" s="73">
        <v>14</v>
      </c>
      <c r="EZ15" s="70">
        <v>7</v>
      </c>
      <c r="FA15" s="71">
        <v>8</v>
      </c>
      <c r="FB15" s="72">
        <v>15</v>
      </c>
      <c r="FC15" s="276"/>
      <c r="FD15" s="71">
        <v>8</v>
      </c>
      <c r="FE15" s="71">
        <v>10</v>
      </c>
      <c r="FF15" s="71">
        <v>2</v>
      </c>
      <c r="FG15" s="71">
        <v>4</v>
      </c>
      <c r="FH15" s="71">
        <v>3</v>
      </c>
      <c r="FI15" s="72">
        <v>27</v>
      </c>
      <c r="FJ15" s="73">
        <v>42</v>
      </c>
      <c r="FK15" s="70">
        <v>3</v>
      </c>
      <c r="FL15" s="71">
        <v>1</v>
      </c>
      <c r="FM15" s="72">
        <v>4</v>
      </c>
      <c r="FN15" s="276"/>
      <c r="FO15" s="71">
        <v>5</v>
      </c>
      <c r="FP15" s="71">
        <v>9</v>
      </c>
      <c r="FQ15" s="71">
        <v>9</v>
      </c>
      <c r="FR15" s="71">
        <v>10</v>
      </c>
      <c r="FS15" s="71">
        <v>2</v>
      </c>
      <c r="FT15" s="72">
        <v>35</v>
      </c>
      <c r="FU15" s="73">
        <v>39</v>
      </c>
      <c r="FV15" s="70">
        <v>0</v>
      </c>
      <c r="FW15" s="71">
        <v>0</v>
      </c>
      <c r="FX15" s="72">
        <v>0</v>
      </c>
      <c r="FY15" s="276"/>
      <c r="FZ15" s="71">
        <v>0</v>
      </c>
      <c r="GA15" s="71">
        <v>0</v>
      </c>
      <c r="GB15" s="71">
        <v>0</v>
      </c>
      <c r="GC15" s="71">
        <v>0</v>
      </c>
      <c r="GD15" s="71">
        <v>0</v>
      </c>
      <c r="GE15" s="72">
        <v>0</v>
      </c>
      <c r="GF15" s="73">
        <v>0</v>
      </c>
      <c r="GG15" s="70">
        <v>17</v>
      </c>
      <c r="GH15" s="71">
        <v>12</v>
      </c>
      <c r="GI15" s="72">
        <v>29</v>
      </c>
      <c r="GJ15" s="276"/>
      <c r="GK15" s="71">
        <v>18</v>
      </c>
      <c r="GL15" s="71">
        <v>22</v>
      </c>
      <c r="GM15" s="71">
        <v>13</v>
      </c>
      <c r="GN15" s="71">
        <v>17</v>
      </c>
      <c r="GO15" s="71">
        <v>6</v>
      </c>
      <c r="GP15" s="72">
        <v>76</v>
      </c>
      <c r="GQ15" s="73">
        <v>105</v>
      </c>
      <c r="GR15" s="126">
        <v>97</v>
      </c>
      <c r="GS15" s="82">
        <v>62</v>
      </c>
      <c r="GT15" s="83">
        <v>159</v>
      </c>
      <c r="GU15" s="273"/>
      <c r="GV15" s="82">
        <v>163</v>
      </c>
      <c r="GW15" s="82">
        <v>108</v>
      </c>
      <c r="GX15" s="82">
        <v>81</v>
      </c>
      <c r="GY15" s="82">
        <v>76</v>
      </c>
      <c r="GZ15" s="82">
        <v>32</v>
      </c>
      <c r="HA15" s="84">
        <v>460</v>
      </c>
      <c r="HB15" s="85">
        <v>619</v>
      </c>
      <c r="HC15" s="70">
        <v>5</v>
      </c>
      <c r="HD15" s="71">
        <v>0</v>
      </c>
      <c r="HE15" s="72">
        <v>5</v>
      </c>
      <c r="HF15" s="276"/>
      <c r="HG15" s="71">
        <v>6</v>
      </c>
      <c r="HH15" s="71">
        <v>2</v>
      </c>
      <c r="HI15" s="71">
        <v>0</v>
      </c>
      <c r="HJ15" s="71">
        <v>0</v>
      </c>
      <c r="HK15" s="71">
        <v>0</v>
      </c>
      <c r="HL15" s="72">
        <v>8</v>
      </c>
      <c r="HM15" s="73">
        <v>13</v>
      </c>
      <c r="HN15" s="70">
        <v>3</v>
      </c>
      <c r="HO15" s="71">
        <v>7</v>
      </c>
      <c r="HP15" s="72">
        <v>10</v>
      </c>
      <c r="HQ15" s="276"/>
      <c r="HR15" s="71">
        <v>9</v>
      </c>
      <c r="HS15" s="71">
        <v>2</v>
      </c>
      <c r="HT15" s="71">
        <v>5</v>
      </c>
      <c r="HU15" s="71">
        <v>5</v>
      </c>
      <c r="HV15" s="71">
        <v>4</v>
      </c>
      <c r="HW15" s="72">
        <v>25</v>
      </c>
      <c r="HX15" s="73">
        <v>35</v>
      </c>
      <c r="HY15" s="70">
        <v>6</v>
      </c>
      <c r="HZ15" s="71">
        <v>2</v>
      </c>
      <c r="IA15" s="72">
        <v>8</v>
      </c>
      <c r="IB15" s="276"/>
      <c r="IC15" s="71">
        <v>9</v>
      </c>
      <c r="ID15" s="71">
        <v>8</v>
      </c>
      <c r="IE15" s="71">
        <v>9</v>
      </c>
      <c r="IF15" s="71">
        <v>5</v>
      </c>
      <c r="IG15" s="71">
        <v>4</v>
      </c>
      <c r="IH15" s="72">
        <v>35</v>
      </c>
      <c r="II15" s="73">
        <v>43</v>
      </c>
      <c r="IJ15" s="70">
        <v>22</v>
      </c>
      <c r="IK15" s="71">
        <v>13</v>
      </c>
      <c r="IL15" s="72">
        <v>35</v>
      </c>
      <c r="IM15" s="276"/>
      <c r="IN15" s="71">
        <v>26</v>
      </c>
      <c r="IO15" s="71">
        <v>19</v>
      </c>
      <c r="IP15" s="71">
        <v>10</v>
      </c>
      <c r="IQ15" s="71">
        <v>9</v>
      </c>
      <c r="IR15" s="71">
        <v>6</v>
      </c>
      <c r="IS15" s="72">
        <v>70</v>
      </c>
      <c r="IT15" s="73">
        <v>105</v>
      </c>
      <c r="IU15" s="70">
        <v>36</v>
      </c>
      <c r="IV15" s="71">
        <v>24</v>
      </c>
      <c r="IW15" s="72">
        <v>60</v>
      </c>
      <c r="IX15" s="276"/>
      <c r="IY15" s="71">
        <v>56</v>
      </c>
      <c r="IZ15" s="71">
        <v>35</v>
      </c>
      <c r="JA15" s="71">
        <v>16</v>
      </c>
      <c r="JB15" s="71">
        <v>23</v>
      </c>
      <c r="JC15" s="71">
        <v>10</v>
      </c>
      <c r="JD15" s="72">
        <v>140</v>
      </c>
      <c r="JE15" s="73">
        <v>200</v>
      </c>
      <c r="JF15" s="70">
        <v>25</v>
      </c>
      <c r="JG15" s="71">
        <v>16</v>
      </c>
      <c r="JH15" s="72">
        <v>41</v>
      </c>
      <c r="JI15" s="276"/>
      <c r="JJ15" s="71">
        <v>57</v>
      </c>
      <c r="JK15" s="71">
        <v>42</v>
      </c>
      <c r="JL15" s="71">
        <v>41</v>
      </c>
      <c r="JM15" s="71">
        <v>34</v>
      </c>
      <c r="JN15" s="71">
        <v>8</v>
      </c>
      <c r="JO15" s="72">
        <v>182</v>
      </c>
      <c r="JP15" s="73">
        <v>223</v>
      </c>
      <c r="JQ15" s="70">
        <v>0</v>
      </c>
      <c r="JR15" s="71">
        <v>0</v>
      </c>
      <c r="JS15" s="72">
        <v>0</v>
      </c>
      <c r="JT15" s="276"/>
      <c r="JU15" s="71">
        <v>0</v>
      </c>
      <c r="JV15" s="71">
        <v>0</v>
      </c>
      <c r="JW15" s="71">
        <v>0</v>
      </c>
      <c r="JX15" s="71">
        <v>0</v>
      </c>
      <c r="JY15" s="71">
        <v>0</v>
      </c>
      <c r="JZ15" s="72">
        <v>0</v>
      </c>
      <c r="KA15" s="73">
        <v>0</v>
      </c>
      <c r="KB15" s="70">
        <v>97</v>
      </c>
      <c r="KC15" s="71">
        <v>62</v>
      </c>
      <c r="KD15" s="72">
        <v>159</v>
      </c>
      <c r="KE15" s="276"/>
      <c r="KF15" s="71">
        <v>163</v>
      </c>
      <c r="KG15" s="71">
        <v>108</v>
      </c>
      <c r="KH15" s="71">
        <v>81</v>
      </c>
      <c r="KI15" s="71">
        <v>76</v>
      </c>
      <c r="KJ15" s="71">
        <v>32</v>
      </c>
      <c r="KK15" s="72">
        <v>460</v>
      </c>
      <c r="KL15" s="73">
        <v>619</v>
      </c>
    </row>
    <row r="16" spans="1:298" ht="19.5" customHeight="1" x14ac:dyDescent="0.2">
      <c r="A16" s="129" t="s">
        <v>12</v>
      </c>
      <c r="B16" s="350">
        <v>164</v>
      </c>
      <c r="C16" s="82">
        <v>121</v>
      </c>
      <c r="D16" s="83">
        <v>285</v>
      </c>
      <c r="E16" s="273"/>
      <c r="F16" s="82">
        <v>169</v>
      </c>
      <c r="G16" s="82">
        <v>112</v>
      </c>
      <c r="H16" s="82">
        <v>99</v>
      </c>
      <c r="I16" s="82">
        <v>90</v>
      </c>
      <c r="J16" s="82">
        <v>41</v>
      </c>
      <c r="K16" s="84">
        <v>511</v>
      </c>
      <c r="L16" s="85">
        <v>796</v>
      </c>
      <c r="M16" s="86">
        <v>3</v>
      </c>
      <c r="N16" s="71">
        <v>2</v>
      </c>
      <c r="O16" s="72">
        <v>5</v>
      </c>
      <c r="P16" s="276"/>
      <c r="Q16" s="71">
        <v>1</v>
      </c>
      <c r="R16" s="71">
        <v>1</v>
      </c>
      <c r="S16" s="71">
        <v>3</v>
      </c>
      <c r="T16" s="71">
        <v>1</v>
      </c>
      <c r="U16" s="71">
        <v>1</v>
      </c>
      <c r="V16" s="72">
        <v>7</v>
      </c>
      <c r="W16" s="73">
        <v>12</v>
      </c>
      <c r="X16" s="70">
        <v>7</v>
      </c>
      <c r="Y16" s="71">
        <v>8</v>
      </c>
      <c r="Z16" s="72">
        <v>15</v>
      </c>
      <c r="AA16" s="276"/>
      <c r="AB16" s="71">
        <v>6</v>
      </c>
      <c r="AC16" s="71">
        <v>4</v>
      </c>
      <c r="AD16" s="71">
        <v>2</v>
      </c>
      <c r="AE16" s="71">
        <v>5</v>
      </c>
      <c r="AF16" s="71">
        <v>3</v>
      </c>
      <c r="AG16" s="72">
        <v>20</v>
      </c>
      <c r="AH16" s="73">
        <v>35</v>
      </c>
      <c r="AI16" s="86">
        <v>12</v>
      </c>
      <c r="AJ16" s="71">
        <v>8</v>
      </c>
      <c r="AK16" s="72">
        <v>20</v>
      </c>
      <c r="AL16" s="276"/>
      <c r="AM16" s="71">
        <v>11</v>
      </c>
      <c r="AN16" s="71">
        <v>9</v>
      </c>
      <c r="AO16" s="71">
        <v>13</v>
      </c>
      <c r="AP16" s="71">
        <v>8</v>
      </c>
      <c r="AQ16" s="71">
        <v>4</v>
      </c>
      <c r="AR16" s="72">
        <v>45</v>
      </c>
      <c r="AS16" s="73">
        <v>65</v>
      </c>
      <c r="AT16" s="70">
        <v>30</v>
      </c>
      <c r="AU16" s="71">
        <v>25</v>
      </c>
      <c r="AV16" s="72">
        <v>55</v>
      </c>
      <c r="AW16" s="276"/>
      <c r="AX16" s="71">
        <v>38</v>
      </c>
      <c r="AY16" s="71">
        <v>22</v>
      </c>
      <c r="AZ16" s="71">
        <v>14</v>
      </c>
      <c r="BA16" s="71">
        <v>11</v>
      </c>
      <c r="BB16" s="71">
        <v>11</v>
      </c>
      <c r="BC16" s="72">
        <v>96</v>
      </c>
      <c r="BD16" s="73">
        <v>151</v>
      </c>
      <c r="BE16" s="86">
        <v>59</v>
      </c>
      <c r="BF16" s="71">
        <v>35</v>
      </c>
      <c r="BG16" s="72">
        <v>94</v>
      </c>
      <c r="BH16" s="276"/>
      <c r="BI16" s="71">
        <v>65</v>
      </c>
      <c r="BJ16" s="71">
        <v>32</v>
      </c>
      <c r="BK16" s="71">
        <v>28</v>
      </c>
      <c r="BL16" s="71">
        <v>25</v>
      </c>
      <c r="BM16" s="71">
        <v>9</v>
      </c>
      <c r="BN16" s="72">
        <v>159</v>
      </c>
      <c r="BO16" s="73">
        <v>253</v>
      </c>
      <c r="BP16" s="70">
        <v>53</v>
      </c>
      <c r="BQ16" s="71">
        <v>43</v>
      </c>
      <c r="BR16" s="72">
        <v>96</v>
      </c>
      <c r="BS16" s="276"/>
      <c r="BT16" s="71">
        <v>48</v>
      </c>
      <c r="BU16" s="71">
        <v>44</v>
      </c>
      <c r="BV16" s="71">
        <v>39</v>
      </c>
      <c r="BW16" s="71">
        <v>40</v>
      </c>
      <c r="BX16" s="71">
        <v>13</v>
      </c>
      <c r="BY16" s="72">
        <v>184</v>
      </c>
      <c r="BZ16" s="73">
        <v>280</v>
      </c>
      <c r="CA16" s="70">
        <v>0</v>
      </c>
      <c r="CB16" s="71">
        <v>0</v>
      </c>
      <c r="CC16" s="72">
        <v>0</v>
      </c>
      <c r="CD16" s="276"/>
      <c r="CE16" s="71">
        <v>0</v>
      </c>
      <c r="CF16" s="71">
        <v>0</v>
      </c>
      <c r="CG16" s="71">
        <v>0</v>
      </c>
      <c r="CH16" s="71">
        <v>0</v>
      </c>
      <c r="CI16" s="71">
        <v>0</v>
      </c>
      <c r="CJ16" s="72">
        <v>0</v>
      </c>
      <c r="CK16" s="73">
        <v>0</v>
      </c>
      <c r="CL16" s="70">
        <v>164</v>
      </c>
      <c r="CM16" s="71">
        <v>121</v>
      </c>
      <c r="CN16" s="72">
        <v>285</v>
      </c>
      <c r="CO16" s="276"/>
      <c r="CP16" s="71">
        <v>169</v>
      </c>
      <c r="CQ16" s="71">
        <v>112</v>
      </c>
      <c r="CR16" s="71">
        <v>99</v>
      </c>
      <c r="CS16" s="71">
        <v>90</v>
      </c>
      <c r="CT16" s="71">
        <v>41</v>
      </c>
      <c r="CU16" s="72">
        <v>511</v>
      </c>
      <c r="CV16" s="73">
        <v>796</v>
      </c>
      <c r="CW16" s="126">
        <v>15</v>
      </c>
      <c r="CX16" s="82">
        <v>26</v>
      </c>
      <c r="CY16" s="83">
        <v>41</v>
      </c>
      <c r="CZ16" s="273"/>
      <c r="DA16" s="82">
        <v>16</v>
      </c>
      <c r="DB16" s="82">
        <v>13</v>
      </c>
      <c r="DC16" s="82">
        <v>10</v>
      </c>
      <c r="DD16" s="82">
        <v>15</v>
      </c>
      <c r="DE16" s="82">
        <v>6</v>
      </c>
      <c r="DF16" s="84">
        <v>60</v>
      </c>
      <c r="DG16" s="85">
        <v>101</v>
      </c>
      <c r="DH16" s="86">
        <v>0</v>
      </c>
      <c r="DI16" s="71">
        <v>1</v>
      </c>
      <c r="DJ16" s="72">
        <v>1</v>
      </c>
      <c r="DK16" s="276"/>
      <c r="DL16" s="71">
        <v>0</v>
      </c>
      <c r="DM16" s="71">
        <v>0</v>
      </c>
      <c r="DN16" s="71">
        <v>1</v>
      </c>
      <c r="DO16" s="71">
        <v>0</v>
      </c>
      <c r="DP16" s="71">
        <v>0</v>
      </c>
      <c r="DQ16" s="72">
        <v>1</v>
      </c>
      <c r="DR16" s="73">
        <v>2</v>
      </c>
      <c r="DS16" s="70">
        <v>1</v>
      </c>
      <c r="DT16" s="71">
        <v>2</v>
      </c>
      <c r="DU16" s="72">
        <v>3</v>
      </c>
      <c r="DV16" s="276"/>
      <c r="DW16" s="71">
        <v>2</v>
      </c>
      <c r="DX16" s="71">
        <v>0</v>
      </c>
      <c r="DY16" s="71">
        <v>0</v>
      </c>
      <c r="DZ16" s="71">
        <v>1</v>
      </c>
      <c r="EA16" s="71">
        <v>1</v>
      </c>
      <c r="EB16" s="72">
        <v>4</v>
      </c>
      <c r="EC16" s="73">
        <v>7</v>
      </c>
      <c r="ED16" s="86">
        <v>1</v>
      </c>
      <c r="EE16" s="71">
        <v>0</v>
      </c>
      <c r="EF16" s="72">
        <v>1</v>
      </c>
      <c r="EG16" s="276"/>
      <c r="EH16" s="71">
        <v>1</v>
      </c>
      <c r="EI16" s="71">
        <v>1</v>
      </c>
      <c r="EJ16" s="71">
        <v>1</v>
      </c>
      <c r="EK16" s="71">
        <v>1</v>
      </c>
      <c r="EL16" s="71">
        <v>1</v>
      </c>
      <c r="EM16" s="72">
        <v>5</v>
      </c>
      <c r="EN16" s="73">
        <v>6</v>
      </c>
      <c r="EO16" s="70">
        <v>6</v>
      </c>
      <c r="EP16" s="71">
        <v>6</v>
      </c>
      <c r="EQ16" s="72">
        <v>12</v>
      </c>
      <c r="ER16" s="276"/>
      <c r="ES16" s="71">
        <v>1</v>
      </c>
      <c r="ET16" s="71">
        <v>1</v>
      </c>
      <c r="EU16" s="71">
        <v>1</v>
      </c>
      <c r="EV16" s="71">
        <v>3</v>
      </c>
      <c r="EW16" s="71">
        <v>0</v>
      </c>
      <c r="EX16" s="72">
        <v>6</v>
      </c>
      <c r="EY16" s="73">
        <v>18</v>
      </c>
      <c r="EZ16" s="86">
        <v>4</v>
      </c>
      <c r="FA16" s="71">
        <v>11</v>
      </c>
      <c r="FB16" s="72">
        <v>15</v>
      </c>
      <c r="FC16" s="276"/>
      <c r="FD16" s="71">
        <v>5</v>
      </c>
      <c r="FE16" s="71">
        <v>1</v>
      </c>
      <c r="FF16" s="71">
        <v>2</v>
      </c>
      <c r="FG16" s="71">
        <v>0</v>
      </c>
      <c r="FH16" s="71">
        <v>1</v>
      </c>
      <c r="FI16" s="72">
        <v>9</v>
      </c>
      <c r="FJ16" s="73">
        <v>24</v>
      </c>
      <c r="FK16" s="70">
        <v>3</v>
      </c>
      <c r="FL16" s="71">
        <v>6</v>
      </c>
      <c r="FM16" s="72">
        <v>9</v>
      </c>
      <c r="FN16" s="276"/>
      <c r="FO16" s="71">
        <v>7</v>
      </c>
      <c r="FP16" s="71">
        <v>10</v>
      </c>
      <c r="FQ16" s="71">
        <v>5</v>
      </c>
      <c r="FR16" s="71">
        <v>10</v>
      </c>
      <c r="FS16" s="71">
        <v>3</v>
      </c>
      <c r="FT16" s="72">
        <v>35</v>
      </c>
      <c r="FU16" s="73">
        <v>44</v>
      </c>
      <c r="FV16" s="70">
        <v>0</v>
      </c>
      <c r="FW16" s="71">
        <v>0</v>
      </c>
      <c r="FX16" s="72">
        <v>0</v>
      </c>
      <c r="FY16" s="276"/>
      <c r="FZ16" s="71">
        <v>0</v>
      </c>
      <c r="GA16" s="71">
        <v>0</v>
      </c>
      <c r="GB16" s="71">
        <v>0</v>
      </c>
      <c r="GC16" s="71">
        <v>0</v>
      </c>
      <c r="GD16" s="71">
        <v>0</v>
      </c>
      <c r="GE16" s="72">
        <v>0</v>
      </c>
      <c r="GF16" s="73">
        <v>0</v>
      </c>
      <c r="GG16" s="70">
        <v>15</v>
      </c>
      <c r="GH16" s="71">
        <v>26</v>
      </c>
      <c r="GI16" s="72">
        <v>41</v>
      </c>
      <c r="GJ16" s="276"/>
      <c r="GK16" s="71">
        <v>16</v>
      </c>
      <c r="GL16" s="71">
        <v>13</v>
      </c>
      <c r="GM16" s="71">
        <v>10</v>
      </c>
      <c r="GN16" s="71">
        <v>15</v>
      </c>
      <c r="GO16" s="71">
        <v>6</v>
      </c>
      <c r="GP16" s="72">
        <v>60</v>
      </c>
      <c r="GQ16" s="73">
        <v>101</v>
      </c>
      <c r="GR16" s="126">
        <v>179</v>
      </c>
      <c r="GS16" s="82">
        <v>147</v>
      </c>
      <c r="GT16" s="83">
        <v>326</v>
      </c>
      <c r="GU16" s="273"/>
      <c r="GV16" s="82">
        <v>185</v>
      </c>
      <c r="GW16" s="82">
        <v>125</v>
      </c>
      <c r="GX16" s="82">
        <v>109</v>
      </c>
      <c r="GY16" s="82">
        <v>105</v>
      </c>
      <c r="GZ16" s="82">
        <v>47</v>
      </c>
      <c r="HA16" s="84">
        <v>571</v>
      </c>
      <c r="HB16" s="85">
        <v>897</v>
      </c>
      <c r="HC16" s="86">
        <v>3</v>
      </c>
      <c r="HD16" s="71">
        <v>3</v>
      </c>
      <c r="HE16" s="72">
        <v>6</v>
      </c>
      <c r="HF16" s="276"/>
      <c r="HG16" s="71">
        <v>1</v>
      </c>
      <c r="HH16" s="71">
        <v>1</v>
      </c>
      <c r="HI16" s="71">
        <v>4</v>
      </c>
      <c r="HJ16" s="71">
        <v>1</v>
      </c>
      <c r="HK16" s="71">
        <v>1</v>
      </c>
      <c r="HL16" s="72">
        <v>8</v>
      </c>
      <c r="HM16" s="73">
        <v>14</v>
      </c>
      <c r="HN16" s="70">
        <v>8</v>
      </c>
      <c r="HO16" s="71">
        <v>10</v>
      </c>
      <c r="HP16" s="72">
        <v>18</v>
      </c>
      <c r="HQ16" s="276"/>
      <c r="HR16" s="71">
        <v>8</v>
      </c>
      <c r="HS16" s="71">
        <v>4</v>
      </c>
      <c r="HT16" s="71">
        <v>2</v>
      </c>
      <c r="HU16" s="71">
        <v>6</v>
      </c>
      <c r="HV16" s="71">
        <v>4</v>
      </c>
      <c r="HW16" s="72">
        <v>24</v>
      </c>
      <c r="HX16" s="73">
        <v>42</v>
      </c>
      <c r="HY16" s="86">
        <v>13</v>
      </c>
      <c r="HZ16" s="71">
        <v>8</v>
      </c>
      <c r="IA16" s="72">
        <v>21</v>
      </c>
      <c r="IB16" s="276"/>
      <c r="IC16" s="71">
        <v>12</v>
      </c>
      <c r="ID16" s="71">
        <v>10</v>
      </c>
      <c r="IE16" s="71">
        <v>14</v>
      </c>
      <c r="IF16" s="71">
        <v>9</v>
      </c>
      <c r="IG16" s="71">
        <v>5</v>
      </c>
      <c r="IH16" s="72">
        <v>50</v>
      </c>
      <c r="II16" s="73">
        <v>71</v>
      </c>
      <c r="IJ16" s="70">
        <v>36</v>
      </c>
      <c r="IK16" s="71">
        <v>31</v>
      </c>
      <c r="IL16" s="72">
        <v>67</v>
      </c>
      <c r="IM16" s="276"/>
      <c r="IN16" s="71">
        <v>39</v>
      </c>
      <c r="IO16" s="71">
        <v>23</v>
      </c>
      <c r="IP16" s="71">
        <v>15</v>
      </c>
      <c r="IQ16" s="71">
        <v>14</v>
      </c>
      <c r="IR16" s="71">
        <v>11</v>
      </c>
      <c r="IS16" s="72">
        <v>102</v>
      </c>
      <c r="IT16" s="73">
        <v>169</v>
      </c>
      <c r="IU16" s="86">
        <v>63</v>
      </c>
      <c r="IV16" s="71">
        <v>46</v>
      </c>
      <c r="IW16" s="72">
        <v>109</v>
      </c>
      <c r="IX16" s="276"/>
      <c r="IY16" s="71">
        <v>70</v>
      </c>
      <c r="IZ16" s="71">
        <v>33</v>
      </c>
      <c r="JA16" s="71">
        <v>30</v>
      </c>
      <c r="JB16" s="71">
        <v>25</v>
      </c>
      <c r="JC16" s="71">
        <v>10</v>
      </c>
      <c r="JD16" s="72">
        <v>168</v>
      </c>
      <c r="JE16" s="73">
        <v>277</v>
      </c>
      <c r="JF16" s="70">
        <v>56</v>
      </c>
      <c r="JG16" s="71">
        <v>49</v>
      </c>
      <c r="JH16" s="72">
        <v>105</v>
      </c>
      <c r="JI16" s="276"/>
      <c r="JJ16" s="71">
        <v>55</v>
      </c>
      <c r="JK16" s="71">
        <v>54</v>
      </c>
      <c r="JL16" s="71">
        <v>44</v>
      </c>
      <c r="JM16" s="71">
        <v>50</v>
      </c>
      <c r="JN16" s="71">
        <v>16</v>
      </c>
      <c r="JO16" s="72">
        <v>219</v>
      </c>
      <c r="JP16" s="73">
        <v>324</v>
      </c>
      <c r="JQ16" s="70">
        <v>0</v>
      </c>
      <c r="JR16" s="71">
        <v>0</v>
      </c>
      <c r="JS16" s="72">
        <v>0</v>
      </c>
      <c r="JT16" s="276"/>
      <c r="JU16" s="71">
        <v>0</v>
      </c>
      <c r="JV16" s="71">
        <v>0</v>
      </c>
      <c r="JW16" s="71">
        <v>0</v>
      </c>
      <c r="JX16" s="71">
        <v>0</v>
      </c>
      <c r="JY16" s="71">
        <v>0</v>
      </c>
      <c r="JZ16" s="72">
        <v>0</v>
      </c>
      <c r="KA16" s="73">
        <v>0</v>
      </c>
      <c r="KB16" s="70">
        <v>179</v>
      </c>
      <c r="KC16" s="71">
        <v>147</v>
      </c>
      <c r="KD16" s="72">
        <v>326</v>
      </c>
      <c r="KE16" s="276"/>
      <c r="KF16" s="71">
        <v>185</v>
      </c>
      <c r="KG16" s="71">
        <v>125</v>
      </c>
      <c r="KH16" s="71">
        <v>109</v>
      </c>
      <c r="KI16" s="71">
        <v>105</v>
      </c>
      <c r="KJ16" s="71">
        <v>47</v>
      </c>
      <c r="KK16" s="72">
        <v>571</v>
      </c>
      <c r="KL16" s="73">
        <v>897</v>
      </c>
    </row>
    <row r="17" spans="1:298" ht="19.5" customHeight="1" x14ac:dyDescent="0.2">
      <c r="A17" s="129" t="s">
        <v>13</v>
      </c>
      <c r="B17" s="350">
        <v>33</v>
      </c>
      <c r="C17" s="82">
        <v>47</v>
      </c>
      <c r="D17" s="83">
        <v>80</v>
      </c>
      <c r="E17" s="273"/>
      <c r="F17" s="82">
        <v>83</v>
      </c>
      <c r="G17" s="82">
        <v>64</v>
      </c>
      <c r="H17" s="82">
        <v>39</v>
      </c>
      <c r="I17" s="82">
        <v>39</v>
      </c>
      <c r="J17" s="82">
        <v>20</v>
      </c>
      <c r="K17" s="84">
        <v>245</v>
      </c>
      <c r="L17" s="85">
        <v>325</v>
      </c>
      <c r="M17" s="70">
        <v>0</v>
      </c>
      <c r="N17" s="71">
        <v>0</v>
      </c>
      <c r="O17" s="72">
        <v>0</v>
      </c>
      <c r="P17" s="276"/>
      <c r="Q17" s="71">
        <v>0</v>
      </c>
      <c r="R17" s="71">
        <v>0</v>
      </c>
      <c r="S17" s="71">
        <v>0</v>
      </c>
      <c r="T17" s="71">
        <v>0</v>
      </c>
      <c r="U17" s="71">
        <v>0</v>
      </c>
      <c r="V17" s="72">
        <v>0</v>
      </c>
      <c r="W17" s="73">
        <v>0</v>
      </c>
      <c r="X17" s="70">
        <v>0</v>
      </c>
      <c r="Y17" s="71">
        <v>2</v>
      </c>
      <c r="Z17" s="72">
        <v>2</v>
      </c>
      <c r="AA17" s="276"/>
      <c r="AB17" s="71">
        <v>1</v>
      </c>
      <c r="AC17" s="71">
        <v>3</v>
      </c>
      <c r="AD17" s="71">
        <v>0</v>
      </c>
      <c r="AE17" s="71">
        <v>1</v>
      </c>
      <c r="AF17" s="71">
        <v>1</v>
      </c>
      <c r="AG17" s="72">
        <v>6</v>
      </c>
      <c r="AH17" s="73">
        <v>8</v>
      </c>
      <c r="AI17" s="70">
        <v>3</v>
      </c>
      <c r="AJ17" s="71">
        <v>2</v>
      </c>
      <c r="AK17" s="72">
        <v>5</v>
      </c>
      <c r="AL17" s="276"/>
      <c r="AM17" s="71">
        <v>3</v>
      </c>
      <c r="AN17" s="71">
        <v>3</v>
      </c>
      <c r="AO17" s="71">
        <v>3</v>
      </c>
      <c r="AP17" s="71">
        <v>3</v>
      </c>
      <c r="AQ17" s="71">
        <v>0</v>
      </c>
      <c r="AR17" s="72">
        <v>12</v>
      </c>
      <c r="AS17" s="73">
        <v>17</v>
      </c>
      <c r="AT17" s="70">
        <v>1</v>
      </c>
      <c r="AU17" s="71">
        <v>17</v>
      </c>
      <c r="AV17" s="72">
        <v>18</v>
      </c>
      <c r="AW17" s="276"/>
      <c r="AX17" s="71">
        <v>15</v>
      </c>
      <c r="AY17" s="71">
        <v>10</v>
      </c>
      <c r="AZ17" s="71">
        <v>6</v>
      </c>
      <c r="BA17" s="71">
        <v>6</v>
      </c>
      <c r="BB17" s="71">
        <v>3</v>
      </c>
      <c r="BC17" s="72">
        <v>40</v>
      </c>
      <c r="BD17" s="73">
        <v>58</v>
      </c>
      <c r="BE17" s="70">
        <v>15</v>
      </c>
      <c r="BF17" s="71">
        <v>15</v>
      </c>
      <c r="BG17" s="72">
        <v>30</v>
      </c>
      <c r="BH17" s="276"/>
      <c r="BI17" s="71">
        <v>35</v>
      </c>
      <c r="BJ17" s="71">
        <v>22</v>
      </c>
      <c r="BK17" s="71">
        <v>15</v>
      </c>
      <c r="BL17" s="71">
        <v>12</v>
      </c>
      <c r="BM17" s="71">
        <v>5</v>
      </c>
      <c r="BN17" s="72">
        <v>89</v>
      </c>
      <c r="BO17" s="73">
        <v>119</v>
      </c>
      <c r="BP17" s="70">
        <v>14</v>
      </c>
      <c r="BQ17" s="71">
        <v>11</v>
      </c>
      <c r="BR17" s="72">
        <v>25</v>
      </c>
      <c r="BS17" s="276"/>
      <c r="BT17" s="71">
        <v>29</v>
      </c>
      <c r="BU17" s="71">
        <v>26</v>
      </c>
      <c r="BV17" s="71">
        <v>15</v>
      </c>
      <c r="BW17" s="71">
        <v>17</v>
      </c>
      <c r="BX17" s="71">
        <v>11</v>
      </c>
      <c r="BY17" s="72">
        <v>98</v>
      </c>
      <c r="BZ17" s="73">
        <v>123</v>
      </c>
      <c r="CA17" s="70">
        <v>0</v>
      </c>
      <c r="CB17" s="71">
        <v>0</v>
      </c>
      <c r="CC17" s="72">
        <v>0</v>
      </c>
      <c r="CD17" s="276"/>
      <c r="CE17" s="71">
        <v>0</v>
      </c>
      <c r="CF17" s="71">
        <v>0</v>
      </c>
      <c r="CG17" s="71">
        <v>0</v>
      </c>
      <c r="CH17" s="71">
        <v>0</v>
      </c>
      <c r="CI17" s="71">
        <v>0</v>
      </c>
      <c r="CJ17" s="72">
        <v>0</v>
      </c>
      <c r="CK17" s="73">
        <v>0</v>
      </c>
      <c r="CL17" s="70">
        <v>33</v>
      </c>
      <c r="CM17" s="71">
        <v>47</v>
      </c>
      <c r="CN17" s="72">
        <v>80</v>
      </c>
      <c r="CO17" s="276"/>
      <c r="CP17" s="71">
        <v>83</v>
      </c>
      <c r="CQ17" s="71">
        <v>64</v>
      </c>
      <c r="CR17" s="71">
        <v>39</v>
      </c>
      <c r="CS17" s="71">
        <v>39</v>
      </c>
      <c r="CT17" s="71">
        <v>20</v>
      </c>
      <c r="CU17" s="72">
        <v>245</v>
      </c>
      <c r="CV17" s="73">
        <v>325</v>
      </c>
      <c r="CW17" s="126">
        <v>4</v>
      </c>
      <c r="CX17" s="82">
        <v>3</v>
      </c>
      <c r="CY17" s="83">
        <v>7</v>
      </c>
      <c r="CZ17" s="273"/>
      <c r="DA17" s="82">
        <v>13</v>
      </c>
      <c r="DB17" s="82">
        <v>8</v>
      </c>
      <c r="DC17" s="82">
        <v>6</v>
      </c>
      <c r="DD17" s="82">
        <v>9</v>
      </c>
      <c r="DE17" s="82">
        <v>5</v>
      </c>
      <c r="DF17" s="84">
        <v>41</v>
      </c>
      <c r="DG17" s="85">
        <v>48</v>
      </c>
      <c r="DH17" s="70">
        <v>0</v>
      </c>
      <c r="DI17" s="71">
        <v>0</v>
      </c>
      <c r="DJ17" s="72">
        <v>0</v>
      </c>
      <c r="DK17" s="276"/>
      <c r="DL17" s="71">
        <v>0</v>
      </c>
      <c r="DM17" s="71">
        <v>0</v>
      </c>
      <c r="DN17" s="71">
        <v>0</v>
      </c>
      <c r="DO17" s="71">
        <v>0</v>
      </c>
      <c r="DP17" s="71">
        <v>0</v>
      </c>
      <c r="DQ17" s="72">
        <v>0</v>
      </c>
      <c r="DR17" s="73">
        <v>0</v>
      </c>
      <c r="DS17" s="70">
        <v>0</v>
      </c>
      <c r="DT17" s="71">
        <v>0</v>
      </c>
      <c r="DU17" s="72">
        <v>0</v>
      </c>
      <c r="DV17" s="276"/>
      <c r="DW17" s="71">
        <v>0</v>
      </c>
      <c r="DX17" s="71">
        <v>0</v>
      </c>
      <c r="DY17" s="71">
        <v>0</v>
      </c>
      <c r="DZ17" s="71">
        <v>0</v>
      </c>
      <c r="EA17" s="71">
        <v>0</v>
      </c>
      <c r="EB17" s="72">
        <v>0</v>
      </c>
      <c r="EC17" s="73">
        <v>0</v>
      </c>
      <c r="ED17" s="70">
        <v>0</v>
      </c>
      <c r="EE17" s="71">
        <v>0</v>
      </c>
      <c r="EF17" s="72">
        <v>0</v>
      </c>
      <c r="EG17" s="276"/>
      <c r="EH17" s="71">
        <v>1</v>
      </c>
      <c r="EI17" s="71">
        <v>1</v>
      </c>
      <c r="EJ17" s="71">
        <v>0</v>
      </c>
      <c r="EK17" s="71">
        <v>0</v>
      </c>
      <c r="EL17" s="71">
        <v>0</v>
      </c>
      <c r="EM17" s="72">
        <v>2</v>
      </c>
      <c r="EN17" s="73">
        <v>2</v>
      </c>
      <c r="EO17" s="70">
        <v>1</v>
      </c>
      <c r="EP17" s="71">
        <v>0</v>
      </c>
      <c r="EQ17" s="72">
        <v>1</v>
      </c>
      <c r="ER17" s="276"/>
      <c r="ES17" s="71">
        <v>5</v>
      </c>
      <c r="ET17" s="71">
        <v>0</v>
      </c>
      <c r="EU17" s="71">
        <v>1</v>
      </c>
      <c r="EV17" s="71">
        <v>1</v>
      </c>
      <c r="EW17" s="71">
        <v>1</v>
      </c>
      <c r="EX17" s="72">
        <v>8</v>
      </c>
      <c r="EY17" s="73">
        <v>9</v>
      </c>
      <c r="EZ17" s="70">
        <v>3</v>
      </c>
      <c r="FA17" s="71">
        <v>0</v>
      </c>
      <c r="FB17" s="72">
        <v>3</v>
      </c>
      <c r="FC17" s="276"/>
      <c r="FD17" s="71">
        <v>4</v>
      </c>
      <c r="FE17" s="71">
        <v>3</v>
      </c>
      <c r="FF17" s="71">
        <v>2</v>
      </c>
      <c r="FG17" s="71">
        <v>3</v>
      </c>
      <c r="FH17" s="71">
        <v>1</v>
      </c>
      <c r="FI17" s="72">
        <v>13</v>
      </c>
      <c r="FJ17" s="73">
        <v>16</v>
      </c>
      <c r="FK17" s="70">
        <v>0</v>
      </c>
      <c r="FL17" s="71">
        <v>3</v>
      </c>
      <c r="FM17" s="72">
        <v>3</v>
      </c>
      <c r="FN17" s="276"/>
      <c r="FO17" s="71">
        <v>3</v>
      </c>
      <c r="FP17" s="71">
        <v>4</v>
      </c>
      <c r="FQ17" s="71">
        <v>3</v>
      </c>
      <c r="FR17" s="71">
        <v>5</v>
      </c>
      <c r="FS17" s="71">
        <v>3</v>
      </c>
      <c r="FT17" s="72">
        <v>18</v>
      </c>
      <c r="FU17" s="73">
        <v>21</v>
      </c>
      <c r="FV17" s="70">
        <v>0</v>
      </c>
      <c r="FW17" s="71">
        <v>0</v>
      </c>
      <c r="FX17" s="72">
        <v>0</v>
      </c>
      <c r="FY17" s="276"/>
      <c r="FZ17" s="71">
        <v>0</v>
      </c>
      <c r="GA17" s="71">
        <v>0</v>
      </c>
      <c r="GB17" s="71">
        <v>0</v>
      </c>
      <c r="GC17" s="71">
        <v>0</v>
      </c>
      <c r="GD17" s="71">
        <v>0</v>
      </c>
      <c r="GE17" s="72">
        <v>0</v>
      </c>
      <c r="GF17" s="73">
        <v>0</v>
      </c>
      <c r="GG17" s="70">
        <v>4</v>
      </c>
      <c r="GH17" s="71">
        <v>3</v>
      </c>
      <c r="GI17" s="72">
        <v>7</v>
      </c>
      <c r="GJ17" s="276"/>
      <c r="GK17" s="71">
        <v>13</v>
      </c>
      <c r="GL17" s="71">
        <v>8</v>
      </c>
      <c r="GM17" s="71">
        <v>6</v>
      </c>
      <c r="GN17" s="71">
        <v>9</v>
      </c>
      <c r="GO17" s="71">
        <v>5</v>
      </c>
      <c r="GP17" s="72">
        <v>41</v>
      </c>
      <c r="GQ17" s="73">
        <v>48</v>
      </c>
      <c r="GR17" s="126">
        <v>37</v>
      </c>
      <c r="GS17" s="82">
        <v>50</v>
      </c>
      <c r="GT17" s="83">
        <v>87</v>
      </c>
      <c r="GU17" s="273"/>
      <c r="GV17" s="82">
        <v>96</v>
      </c>
      <c r="GW17" s="82">
        <v>72</v>
      </c>
      <c r="GX17" s="82">
        <v>45</v>
      </c>
      <c r="GY17" s="82">
        <v>48</v>
      </c>
      <c r="GZ17" s="82">
        <v>25</v>
      </c>
      <c r="HA17" s="84">
        <v>286</v>
      </c>
      <c r="HB17" s="85">
        <v>373</v>
      </c>
      <c r="HC17" s="70">
        <v>0</v>
      </c>
      <c r="HD17" s="71">
        <v>0</v>
      </c>
      <c r="HE17" s="72">
        <v>0</v>
      </c>
      <c r="HF17" s="276"/>
      <c r="HG17" s="71">
        <v>0</v>
      </c>
      <c r="HH17" s="71">
        <v>0</v>
      </c>
      <c r="HI17" s="71">
        <v>0</v>
      </c>
      <c r="HJ17" s="71">
        <v>0</v>
      </c>
      <c r="HK17" s="71">
        <v>0</v>
      </c>
      <c r="HL17" s="72">
        <v>0</v>
      </c>
      <c r="HM17" s="73">
        <v>0</v>
      </c>
      <c r="HN17" s="70">
        <v>0</v>
      </c>
      <c r="HO17" s="71">
        <v>2</v>
      </c>
      <c r="HP17" s="72">
        <v>2</v>
      </c>
      <c r="HQ17" s="276"/>
      <c r="HR17" s="71">
        <v>1</v>
      </c>
      <c r="HS17" s="71">
        <v>3</v>
      </c>
      <c r="HT17" s="71">
        <v>0</v>
      </c>
      <c r="HU17" s="71">
        <v>1</v>
      </c>
      <c r="HV17" s="71">
        <v>1</v>
      </c>
      <c r="HW17" s="72">
        <v>6</v>
      </c>
      <c r="HX17" s="73">
        <v>8</v>
      </c>
      <c r="HY17" s="70">
        <v>3</v>
      </c>
      <c r="HZ17" s="71">
        <v>2</v>
      </c>
      <c r="IA17" s="72">
        <v>5</v>
      </c>
      <c r="IB17" s="276"/>
      <c r="IC17" s="71">
        <v>4</v>
      </c>
      <c r="ID17" s="71">
        <v>4</v>
      </c>
      <c r="IE17" s="71">
        <v>3</v>
      </c>
      <c r="IF17" s="71">
        <v>3</v>
      </c>
      <c r="IG17" s="71">
        <v>0</v>
      </c>
      <c r="IH17" s="72">
        <v>14</v>
      </c>
      <c r="II17" s="73">
        <v>19</v>
      </c>
      <c r="IJ17" s="70">
        <v>2</v>
      </c>
      <c r="IK17" s="71">
        <v>17</v>
      </c>
      <c r="IL17" s="72">
        <v>19</v>
      </c>
      <c r="IM17" s="276"/>
      <c r="IN17" s="71">
        <v>20</v>
      </c>
      <c r="IO17" s="71">
        <v>10</v>
      </c>
      <c r="IP17" s="71">
        <v>7</v>
      </c>
      <c r="IQ17" s="71">
        <v>7</v>
      </c>
      <c r="IR17" s="71">
        <v>4</v>
      </c>
      <c r="IS17" s="72">
        <v>48</v>
      </c>
      <c r="IT17" s="73">
        <v>67</v>
      </c>
      <c r="IU17" s="70">
        <v>18</v>
      </c>
      <c r="IV17" s="71">
        <v>15</v>
      </c>
      <c r="IW17" s="72">
        <v>33</v>
      </c>
      <c r="IX17" s="276"/>
      <c r="IY17" s="71">
        <v>39</v>
      </c>
      <c r="IZ17" s="71">
        <v>25</v>
      </c>
      <c r="JA17" s="71">
        <v>17</v>
      </c>
      <c r="JB17" s="71">
        <v>15</v>
      </c>
      <c r="JC17" s="71">
        <v>6</v>
      </c>
      <c r="JD17" s="72">
        <v>102</v>
      </c>
      <c r="JE17" s="73">
        <v>135</v>
      </c>
      <c r="JF17" s="70">
        <v>14</v>
      </c>
      <c r="JG17" s="71">
        <v>14</v>
      </c>
      <c r="JH17" s="72">
        <v>28</v>
      </c>
      <c r="JI17" s="276"/>
      <c r="JJ17" s="71">
        <v>32</v>
      </c>
      <c r="JK17" s="71">
        <v>30</v>
      </c>
      <c r="JL17" s="71">
        <v>18</v>
      </c>
      <c r="JM17" s="71">
        <v>22</v>
      </c>
      <c r="JN17" s="71">
        <v>14</v>
      </c>
      <c r="JO17" s="72">
        <v>116</v>
      </c>
      <c r="JP17" s="73">
        <v>144</v>
      </c>
      <c r="JQ17" s="70">
        <v>0</v>
      </c>
      <c r="JR17" s="71">
        <v>0</v>
      </c>
      <c r="JS17" s="72">
        <v>0</v>
      </c>
      <c r="JT17" s="276"/>
      <c r="JU17" s="71">
        <v>0</v>
      </c>
      <c r="JV17" s="71">
        <v>0</v>
      </c>
      <c r="JW17" s="71">
        <v>0</v>
      </c>
      <c r="JX17" s="71">
        <v>0</v>
      </c>
      <c r="JY17" s="71">
        <v>0</v>
      </c>
      <c r="JZ17" s="72">
        <v>0</v>
      </c>
      <c r="KA17" s="73">
        <v>0</v>
      </c>
      <c r="KB17" s="70">
        <v>37</v>
      </c>
      <c r="KC17" s="71">
        <v>50</v>
      </c>
      <c r="KD17" s="72">
        <v>87</v>
      </c>
      <c r="KE17" s="276"/>
      <c r="KF17" s="71">
        <v>96</v>
      </c>
      <c r="KG17" s="71">
        <v>72</v>
      </c>
      <c r="KH17" s="71">
        <v>45</v>
      </c>
      <c r="KI17" s="71">
        <v>48</v>
      </c>
      <c r="KJ17" s="71">
        <v>25</v>
      </c>
      <c r="KK17" s="72">
        <v>286</v>
      </c>
      <c r="KL17" s="73">
        <v>373</v>
      </c>
    </row>
    <row r="18" spans="1:298" ht="19.5" customHeight="1" x14ac:dyDescent="0.2">
      <c r="A18" s="129" t="s">
        <v>15</v>
      </c>
      <c r="B18" s="350">
        <v>19</v>
      </c>
      <c r="C18" s="82">
        <v>22</v>
      </c>
      <c r="D18" s="83">
        <v>41</v>
      </c>
      <c r="E18" s="273"/>
      <c r="F18" s="82">
        <v>33</v>
      </c>
      <c r="G18" s="82">
        <v>28</v>
      </c>
      <c r="H18" s="82">
        <v>24</v>
      </c>
      <c r="I18" s="82">
        <v>16</v>
      </c>
      <c r="J18" s="82">
        <v>7</v>
      </c>
      <c r="K18" s="84">
        <v>108</v>
      </c>
      <c r="L18" s="85">
        <v>149</v>
      </c>
      <c r="M18" s="70">
        <v>1</v>
      </c>
      <c r="N18" s="71">
        <v>0</v>
      </c>
      <c r="O18" s="72">
        <v>1</v>
      </c>
      <c r="P18" s="276"/>
      <c r="Q18" s="71">
        <v>0</v>
      </c>
      <c r="R18" s="71">
        <v>0</v>
      </c>
      <c r="S18" s="71">
        <v>1</v>
      </c>
      <c r="T18" s="71">
        <v>0</v>
      </c>
      <c r="U18" s="71">
        <v>0</v>
      </c>
      <c r="V18" s="72">
        <v>1</v>
      </c>
      <c r="W18" s="73">
        <v>2</v>
      </c>
      <c r="X18" s="70">
        <v>2</v>
      </c>
      <c r="Y18" s="71">
        <v>2</v>
      </c>
      <c r="Z18" s="72">
        <v>4</v>
      </c>
      <c r="AA18" s="276"/>
      <c r="AB18" s="71">
        <v>4</v>
      </c>
      <c r="AC18" s="71">
        <v>1</v>
      </c>
      <c r="AD18" s="71">
        <v>4</v>
      </c>
      <c r="AE18" s="71">
        <v>1</v>
      </c>
      <c r="AF18" s="71">
        <v>2</v>
      </c>
      <c r="AG18" s="72">
        <v>12</v>
      </c>
      <c r="AH18" s="73">
        <v>16</v>
      </c>
      <c r="AI18" s="70">
        <v>3</v>
      </c>
      <c r="AJ18" s="71">
        <v>1</v>
      </c>
      <c r="AK18" s="72">
        <v>4</v>
      </c>
      <c r="AL18" s="276"/>
      <c r="AM18" s="71">
        <v>4</v>
      </c>
      <c r="AN18" s="71">
        <v>3</v>
      </c>
      <c r="AO18" s="71">
        <v>1</v>
      </c>
      <c r="AP18" s="71">
        <v>1</v>
      </c>
      <c r="AQ18" s="71">
        <v>3</v>
      </c>
      <c r="AR18" s="72">
        <v>12</v>
      </c>
      <c r="AS18" s="73">
        <v>16</v>
      </c>
      <c r="AT18" s="70">
        <v>6</v>
      </c>
      <c r="AU18" s="71">
        <v>3</v>
      </c>
      <c r="AV18" s="72">
        <v>9</v>
      </c>
      <c r="AW18" s="276"/>
      <c r="AX18" s="71">
        <v>6</v>
      </c>
      <c r="AY18" s="71">
        <v>5</v>
      </c>
      <c r="AZ18" s="71">
        <v>3</v>
      </c>
      <c r="BA18" s="71">
        <v>4</v>
      </c>
      <c r="BB18" s="71">
        <v>0</v>
      </c>
      <c r="BC18" s="72">
        <v>18</v>
      </c>
      <c r="BD18" s="73">
        <v>27</v>
      </c>
      <c r="BE18" s="70">
        <v>3</v>
      </c>
      <c r="BF18" s="71">
        <v>7</v>
      </c>
      <c r="BG18" s="72">
        <v>10</v>
      </c>
      <c r="BH18" s="276"/>
      <c r="BI18" s="71">
        <v>6</v>
      </c>
      <c r="BJ18" s="71">
        <v>6</v>
      </c>
      <c r="BK18" s="71">
        <v>3</v>
      </c>
      <c r="BL18" s="71">
        <v>3</v>
      </c>
      <c r="BM18" s="71">
        <v>1</v>
      </c>
      <c r="BN18" s="72">
        <v>19</v>
      </c>
      <c r="BO18" s="73">
        <v>29</v>
      </c>
      <c r="BP18" s="70">
        <v>4</v>
      </c>
      <c r="BQ18" s="71">
        <v>9</v>
      </c>
      <c r="BR18" s="72">
        <v>13</v>
      </c>
      <c r="BS18" s="276"/>
      <c r="BT18" s="71">
        <v>13</v>
      </c>
      <c r="BU18" s="71">
        <v>13</v>
      </c>
      <c r="BV18" s="71">
        <v>12</v>
      </c>
      <c r="BW18" s="71">
        <v>7</v>
      </c>
      <c r="BX18" s="71">
        <v>1</v>
      </c>
      <c r="BY18" s="72">
        <v>46</v>
      </c>
      <c r="BZ18" s="73">
        <v>59</v>
      </c>
      <c r="CA18" s="70">
        <v>0</v>
      </c>
      <c r="CB18" s="71">
        <v>0</v>
      </c>
      <c r="CC18" s="72">
        <v>0</v>
      </c>
      <c r="CD18" s="276"/>
      <c r="CE18" s="71">
        <v>0</v>
      </c>
      <c r="CF18" s="71">
        <v>0</v>
      </c>
      <c r="CG18" s="71">
        <v>0</v>
      </c>
      <c r="CH18" s="71">
        <v>0</v>
      </c>
      <c r="CI18" s="71">
        <v>0</v>
      </c>
      <c r="CJ18" s="72">
        <v>0</v>
      </c>
      <c r="CK18" s="73">
        <v>0</v>
      </c>
      <c r="CL18" s="70">
        <v>19</v>
      </c>
      <c r="CM18" s="71">
        <v>22</v>
      </c>
      <c r="CN18" s="72">
        <v>41</v>
      </c>
      <c r="CO18" s="276"/>
      <c r="CP18" s="71">
        <v>33</v>
      </c>
      <c r="CQ18" s="71">
        <v>28</v>
      </c>
      <c r="CR18" s="71">
        <v>24</v>
      </c>
      <c r="CS18" s="71">
        <v>16</v>
      </c>
      <c r="CT18" s="71">
        <v>7</v>
      </c>
      <c r="CU18" s="72">
        <v>108</v>
      </c>
      <c r="CV18" s="73">
        <v>149</v>
      </c>
      <c r="CW18" s="126">
        <v>2</v>
      </c>
      <c r="CX18" s="82">
        <v>1</v>
      </c>
      <c r="CY18" s="83">
        <v>3</v>
      </c>
      <c r="CZ18" s="273"/>
      <c r="DA18" s="82">
        <v>2</v>
      </c>
      <c r="DB18" s="82">
        <v>9</v>
      </c>
      <c r="DC18" s="82">
        <v>1</v>
      </c>
      <c r="DD18" s="82">
        <v>3</v>
      </c>
      <c r="DE18" s="82">
        <v>2</v>
      </c>
      <c r="DF18" s="84">
        <v>17</v>
      </c>
      <c r="DG18" s="85">
        <v>20</v>
      </c>
      <c r="DH18" s="70">
        <v>0</v>
      </c>
      <c r="DI18" s="71">
        <v>0</v>
      </c>
      <c r="DJ18" s="72">
        <v>0</v>
      </c>
      <c r="DK18" s="276"/>
      <c r="DL18" s="71">
        <v>0</v>
      </c>
      <c r="DM18" s="71">
        <v>0</v>
      </c>
      <c r="DN18" s="71">
        <v>0</v>
      </c>
      <c r="DO18" s="71">
        <v>0</v>
      </c>
      <c r="DP18" s="71">
        <v>0</v>
      </c>
      <c r="DQ18" s="72">
        <v>0</v>
      </c>
      <c r="DR18" s="73">
        <v>0</v>
      </c>
      <c r="DS18" s="70">
        <v>0</v>
      </c>
      <c r="DT18" s="71">
        <v>0</v>
      </c>
      <c r="DU18" s="72">
        <v>0</v>
      </c>
      <c r="DV18" s="276"/>
      <c r="DW18" s="71">
        <v>1</v>
      </c>
      <c r="DX18" s="71">
        <v>0</v>
      </c>
      <c r="DY18" s="71">
        <v>0</v>
      </c>
      <c r="DZ18" s="71">
        <v>0</v>
      </c>
      <c r="EA18" s="71">
        <v>0</v>
      </c>
      <c r="EB18" s="72">
        <v>1</v>
      </c>
      <c r="EC18" s="73">
        <v>1</v>
      </c>
      <c r="ED18" s="70">
        <v>0</v>
      </c>
      <c r="EE18" s="71">
        <v>0</v>
      </c>
      <c r="EF18" s="72">
        <v>0</v>
      </c>
      <c r="EG18" s="276"/>
      <c r="EH18" s="71">
        <v>0</v>
      </c>
      <c r="EI18" s="71">
        <v>0</v>
      </c>
      <c r="EJ18" s="71">
        <v>0</v>
      </c>
      <c r="EK18" s="71">
        <v>0</v>
      </c>
      <c r="EL18" s="71">
        <v>1</v>
      </c>
      <c r="EM18" s="72">
        <v>1</v>
      </c>
      <c r="EN18" s="73">
        <v>1</v>
      </c>
      <c r="EO18" s="70">
        <v>0</v>
      </c>
      <c r="EP18" s="71">
        <v>0</v>
      </c>
      <c r="EQ18" s="72">
        <v>0</v>
      </c>
      <c r="ER18" s="276"/>
      <c r="ES18" s="71">
        <v>0</v>
      </c>
      <c r="ET18" s="71">
        <v>1</v>
      </c>
      <c r="EU18" s="71">
        <v>0</v>
      </c>
      <c r="EV18" s="71">
        <v>0</v>
      </c>
      <c r="EW18" s="71">
        <v>0</v>
      </c>
      <c r="EX18" s="72">
        <v>1</v>
      </c>
      <c r="EY18" s="73">
        <v>1</v>
      </c>
      <c r="EZ18" s="70">
        <v>0</v>
      </c>
      <c r="FA18" s="71">
        <v>0</v>
      </c>
      <c r="FB18" s="72">
        <v>0</v>
      </c>
      <c r="FC18" s="276"/>
      <c r="FD18" s="71">
        <v>0</v>
      </c>
      <c r="FE18" s="71">
        <v>2</v>
      </c>
      <c r="FF18" s="71">
        <v>1</v>
      </c>
      <c r="FG18" s="71">
        <v>1</v>
      </c>
      <c r="FH18" s="71">
        <v>0</v>
      </c>
      <c r="FI18" s="72">
        <v>4</v>
      </c>
      <c r="FJ18" s="73">
        <v>4</v>
      </c>
      <c r="FK18" s="70">
        <v>2</v>
      </c>
      <c r="FL18" s="71">
        <v>1</v>
      </c>
      <c r="FM18" s="72">
        <v>3</v>
      </c>
      <c r="FN18" s="276"/>
      <c r="FO18" s="71">
        <v>1</v>
      </c>
      <c r="FP18" s="71">
        <v>6</v>
      </c>
      <c r="FQ18" s="71">
        <v>0</v>
      </c>
      <c r="FR18" s="71">
        <v>2</v>
      </c>
      <c r="FS18" s="71">
        <v>1</v>
      </c>
      <c r="FT18" s="72">
        <v>10</v>
      </c>
      <c r="FU18" s="73">
        <v>13</v>
      </c>
      <c r="FV18" s="70">
        <v>0</v>
      </c>
      <c r="FW18" s="71">
        <v>0</v>
      </c>
      <c r="FX18" s="72">
        <v>0</v>
      </c>
      <c r="FY18" s="276"/>
      <c r="FZ18" s="71">
        <v>0</v>
      </c>
      <c r="GA18" s="71">
        <v>0</v>
      </c>
      <c r="GB18" s="71">
        <v>0</v>
      </c>
      <c r="GC18" s="71">
        <v>0</v>
      </c>
      <c r="GD18" s="71">
        <v>0</v>
      </c>
      <c r="GE18" s="72">
        <v>0</v>
      </c>
      <c r="GF18" s="73">
        <v>0</v>
      </c>
      <c r="GG18" s="70">
        <v>2</v>
      </c>
      <c r="GH18" s="71">
        <v>1</v>
      </c>
      <c r="GI18" s="72">
        <v>3</v>
      </c>
      <c r="GJ18" s="276"/>
      <c r="GK18" s="71">
        <v>2</v>
      </c>
      <c r="GL18" s="71">
        <v>9</v>
      </c>
      <c r="GM18" s="71">
        <v>1</v>
      </c>
      <c r="GN18" s="71">
        <v>3</v>
      </c>
      <c r="GO18" s="71">
        <v>2</v>
      </c>
      <c r="GP18" s="72">
        <v>17</v>
      </c>
      <c r="GQ18" s="73">
        <v>20</v>
      </c>
      <c r="GR18" s="126">
        <v>21</v>
      </c>
      <c r="GS18" s="82">
        <v>23</v>
      </c>
      <c r="GT18" s="83">
        <v>44</v>
      </c>
      <c r="GU18" s="273"/>
      <c r="GV18" s="82">
        <v>35</v>
      </c>
      <c r="GW18" s="82">
        <v>37</v>
      </c>
      <c r="GX18" s="82">
        <v>25</v>
      </c>
      <c r="GY18" s="82">
        <v>19</v>
      </c>
      <c r="GZ18" s="82">
        <v>9</v>
      </c>
      <c r="HA18" s="84">
        <v>125</v>
      </c>
      <c r="HB18" s="85">
        <v>169</v>
      </c>
      <c r="HC18" s="70">
        <v>1</v>
      </c>
      <c r="HD18" s="71">
        <v>0</v>
      </c>
      <c r="HE18" s="72">
        <v>1</v>
      </c>
      <c r="HF18" s="276"/>
      <c r="HG18" s="71">
        <v>0</v>
      </c>
      <c r="HH18" s="71">
        <v>0</v>
      </c>
      <c r="HI18" s="71">
        <v>1</v>
      </c>
      <c r="HJ18" s="71">
        <v>0</v>
      </c>
      <c r="HK18" s="71">
        <v>0</v>
      </c>
      <c r="HL18" s="72">
        <v>1</v>
      </c>
      <c r="HM18" s="73">
        <v>2</v>
      </c>
      <c r="HN18" s="70">
        <v>2</v>
      </c>
      <c r="HO18" s="71">
        <v>2</v>
      </c>
      <c r="HP18" s="72">
        <v>4</v>
      </c>
      <c r="HQ18" s="276"/>
      <c r="HR18" s="71">
        <v>5</v>
      </c>
      <c r="HS18" s="71">
        <v>1</v>
      </c>
      <c r="HT18" s="71">
        <v>4</v>
      </c>
      <c r="HU18" s="71">
        <v>1</v>
      </c>
      <c r="HV18" s="71">
        <v>2</v>
      </c>
      <c r="HW18" s="72">
        <v>13</v>
      </c>
      <c r="HX18" s="73">
        <v>17</v>
      </c>
      <c r="HY18" s="70">
        <v>3</v>
      </c>
      <c r="HZ18" s="71">
        <v>1</v>
      </c>
      <c r="IA18" s="72">
        <v>4</v>
      </c>
      <c r="IB18" s="276"/>
      <c r="IC18" s="71">
        <v>4</v>
      </c>
      <c r="ID18" s="71">
        <v>3</v>
      </c>
      <c r="IE18" s="71">
        <v>1</v>
      </c>
      <c r="IF18" s="71">
        <v>1</v>
      </c>
      <c r="IG18" s="71">
        <v>4</v>
      </c>
      <c r="IH18" s="72">
        <v>13</v>
      </c>
      <c r="II18" s="73">
        <v>17</v>
      </c>
      <c r="IJ18" s="70">
        <v>6</v>
      </c>
      <c r="IK18" s="71">
        <v>3</v>
      </c>
      <c r="IL18" s="72">
        <v>9</v>
      </c>
      <c r="IM18" s="276"/>
      <c r="IN18" s="71">
        <v>6</v>
      </c>
      <c r="IO18" s="71">
        <v>6</v>
      </c>
      <c r="IP18" s="71">
        <v>3</v>
      </c>
      <c r="IQ18" s="71">
        <v>4</v>
      </c>
      <c r="IR18" s="71">
        <v>0</v>
      </c>
      <c r="IS18" s="72">
        <v>19</v>
      </c>
      <c r="IT18" s="73">
        <v>28</v>
      </c>
      <c r="IU18" s="70">
        <v>3</v>
      </c>
      <c r="IV18" s="71">
        <v>7</v>
      </c>
      <c r="IW18" s="72">
        <v>10</v>
      </c>
      <c r="IX18" s="276"/>
      <c r="IY18" s="71">
        <v>6</v>
      </c>
      <c r="IZ18" s="71">
        <v>8</v>
      </c>
      <c r="JA18" s="71">
        <v>4</v>
      </c>
      <c r="JB18" s="71">
        <v>4</v>
      </c>
      <c r="JC18" s="71">
        <v>1</v>
      </c>
      <c r="JD18" s="72">
        <v>23</v>
      </c>
      <c r="JE18" s="73">
        <v>33</v>
      </c>
      <c r="JF18" s="70">
        <v>6</v>
      </c>
      <c r="JG18" s="71">
        <v>10</v>
      </c>
      <c r="JH18" s="72">
        <v>16</v>
      </c>
      <c r="JI18" s="276"/>
      <c r="JJ18" s="71">
        <v>14</v>
      </c>
      <c r="JK18" s="71">
        <v>19</v>
      </c>
      <c r="JL18" s="71">
        <v>12</v>
      </c>
      <c r="JM18" s="71">
        <v>9</v>
      </c>
      <c r="JN18" s="71">
        <v>2</v>
      </c>
      <c r="JO18" s="72">
        <v>56</v>
      </c>
      <c r="JP18" s="73">
        <v>72</v>
      </c>
      <c r="JQ18" s="70">
        <v>0</v>
      </c>
      <c r="JR18" s="71">
        <v>0</v>
      </c>
      <c r="JS18" s="72">
        <v>0</v>
      </c>
      <c r="JT18" s="276"/>
      <c r="JU18" s="71">
        <v>0</v>
      </c>
      <c r="JV18" s="71">
        <v>0</v>
      </c>
      <c r="JW18" s="71">
        <v>0</v>
      </c>
      <c r="JX18" s="71">
        <v>0</v>
      </c>
      <c r="JY18" s="71">
        <v>0</v>
      </c>
      <c r="JZ18" s="72">
        <v>0</v>
      </c>
      <c r="KA18" s="73">
        <v>0</v>
      </c>
      <c r="KB18" s="70">
        <v>21</v>
      </c>
      <c r="KC18" s="71">
        <v>23</v>
      </c>
      <c r="KD18" s="72">
        <v>44</v>
      </c>
      <c r="KE18" s="276"/>
      <c r="KF18" s="71">
        <v>35</v>
      </c>
      <c r="KG18" s="71">
        <v>37</v>
      </c>
      <c r="KH18" s="71">
        <v>25</v>
      </c>
      <c r="KI18" s="71">
        <v>19</v>
      </c>
      <c r="KJ18" s="71">
        <v>9</v>
      </c>
      <c r="KK18" s="72">
        <v>125</v>
      </c>
      <c r="KL18" s="73">
        <v>169</v>
      </c>
    </row>
    <row r="19" spans="1:298" ht="19.5" customHeight="1" x14ac:dyDescent="0.2">
      <c r="A19" s="129" t="s">
        <v>16</v>
      </c>
      <c r="B19" s="350">
        <v>38</v>
      </c>
      <c r="C19" s="82">
        <v>33</v>
      </c>
      <c r="D19" s="83">
        <v>71</v>
      </c>
      <c r="E19" s="273"/>
      <c r="F19" s="82">
        <v>82</v>
      </c>
      <c r="G19" s="82">
        <v>94</v>
      </c>
      <c r="H19" s="82">
        <v>66</v>
      </c>
      <c r="I19" s="82">
        <v>47</v>
      </c>
      <c r="J19" s="82">
        <v>24</v>
      </c>
      <c r="K19" s="84">
        <v>313</v>
      </c>
      <c r="L19" s="85">
        <v>384</v>
      </c>
      <c r="M19" s="70">
        <v>0</v>
      </c>
      <c r="N19" s="71">
        <v>1</v>
      </c>
      <c r="O19" s="72">
        <v>1</v>
      </c>
      <c r="P19" s="276"/>
      <c r="Q19" s="71">
        <v>3</v>
      </c>
      <c r="R19" s="71">
        <v>2</v>
      </c>
      <c r="S19" s="71">
        <v>2</v>
      </c>
      <c r="T19" s="71">
        <v>2</v>
      </c>
      <c r="U19" s="71">
        <v>1</v>
      </c>
      <c r="V19" s="72">
        <v>10</v>
      </c>
      <c r="W19" s="73">
        <v>11</v>
      </c>
      <c r="X19" s="70">
        <v>6</v>
      </c>
      <c r="Y19" s="71">
        <v>3</v>
      </c>
      <c r="Z19" s="72">
        <v>9</v>
      </c>
      <c r="AA19" s="276"/>
      <c r="AB19" s="71">
        <v>4</v>
      </c>
      <c r="AC19" s="71">
        <v>10</v>
      </c>
      <c r="AD19" s="71">
        <v>4</v>
      </c>
      <c r="AE19" s="71">
        <v>0</v>
      </c>
      <c r="AF19" s="71">
        <v>3</v>
      </c>
      <c r="AG19" s="72">
        <v>21</v>
      </c>
      <c r="AH19" s="73">
        <v>30</v>
      </c>
      <c r="AI19" s="70">
        <v>5</v>
      </c>
      <c r="AJ19" s="71">
        <v>2</v>
      </c>
      <c r="AK19" s="72">
        <v>7</v>
      </c>
      <c r="AL19" s="276"/>
      <c r="AM19" s="71">
        <v>9</v>
      </c>
      <c r="AN19" s="71">
        <v>6</v>
      </c>
      <c r="AO19" s="71">
        <v>7</v>
      </c>
      <c r="AP19" s="71">
        <v>6</v>
      </c>
      <c r="AQ19" s="71">
        <v>1</v>
      </c>
      <c r="AR19" s="72">
        <v>29</v>
      </c>
      <c r="AS19" s="73">
        <v>36</v>
      </c>
      <c r="AT19" s="70">
        <v>7</v>
      </c>
      <c r="AU19" s="71">
        <v>4</v>
      </c>
      <c r="AV19" s="72">
        <v>11</v>
      </c>
      <c r="AW19" s="276"/>
      <c r="AX19" s="71">
        <v>17</v>
      </c>
      <c r="AY19" s="71">
        <v>23</v>
      </c>
      <c r="AZ19" s="71">
        <v>11</v>
      </c>
      <c r="BA19" s="71">
        <v>7</v>
      </c>
      <c r="BB19" s="71">
        <v>5</v>
      </c>
      <c r="BC19" s="72">
        <v>63</v>
      </c>
      <c r="BD19" s="73">
        <v>74</v>
      </c>
      <c r="BE19" s="70">
        <v>10</v>
      </c>
      <c r="BF19" s="71">
        <v>12</v>
      </c>
      <c r="BG19" s="72">
        <v>22</v>
      </c>
      <c r="BH19" s="276"/>
      <c r="BI19" s="71">
        <v>25</v>
      </c>
      <c r="BJ19" s="71">
        <v>28</v>
      </c>
      <c r="BK19" s="71">
        <v>19</v>
      </c>
      <c r="BL19" s="71">
        <v>14</v>
      </c>
      <c r="BM19" s="71">
        <v>8</v>
      </c>
      <c r="BN19" s="72">
        <v>94</v>
      </c>
      <c r="BO19" s="73">
        <v>116</v>
      </c>
      <c r="BP19" s="70">
        <v>10</v>
      </c>
      <c r="BQ19" s="71">
        <v>11</v>
      </c>
      <c r="BR19" s="72">
        <v>21</v>
      </c>
      <c r="BS19" s="276"/>
      <c r="BT19" s="71">
        <v>24</v>
      </c>
      <c r="BU19" s="71">
        <v>25</v>
      </c>
      <c r="BV19" s="71">
        <v>23</v>
      </c>
      <c r="BW19" s="71">
        <v>18</v>
      </c>
      <c r="BX19" s="71">
        <v>6</v>
      </c>
      <c r="BY19" s="72">
        <v>96</v>
      </c>
      <c r="BZ19" s="73">
        <v>117</v>
      </c>
      <c r="CA19" s="70">
        <v>0</v>
      </c>
      <c r="CB19" s="71">
        <v>0</v>
      </c>
      <c r="CC19" s="72">
        <v>0</v>
      </c>
      <c r="CD19" s="276"/>
      <c r="CE19" s="71">
        <v>0</v>
      </c>
      <c r="CF19" s="71">
        <v>0</v>
      </c>
      <c r="CG19" s="71">
        <v>0</v>
      </c>
      <c r="CH19" s="71">
        <v>0</v>
      </c>
      <c r="CI19" s="71">
        <v>0</v>
      </c>
      <c r="CJ19" s="72">
        <v>0</v>
      </c>
      <c r="CK19" s="73">
        <v>0</v>
      </c>
      <c r="CL19" s="70">
        <v>38</v>
      </c>
      <c r="CM19" s="71">
        <v>33</v>
      </c>
      <c r="CN19" s="72">
        <v>71</v>
      </c>
      <c r="CO19" s="276"/>
      <c r="CP19" s="71">
        <v>82</v>
      </c>
      <c r="CQ19" s="71">
        <v>94</v>
      </c>
      <c r="CR19" s="71">
        <v>66</v>
      </c>
      <c r="CS19" s="71">
        <v>47</v>
      </c>
      <c r="CT19" s="71">
        <v>24</v>
      </c>
      <c r="CU19" s="72">
        <v>313</v>
      </c>
      <c r="CV19" s="73">
        <v>384</v>
      </c>
      <c r="CW19" s="126">
        <v>7</v>
      </c>
      <c r="CX19" s="82">
        <v>7</v>
      </c>
      <c r="CY19" s="83">
        <v>14</v>
      </c>
      <c r="CZ19" s="273"/>
      <c r="DA19" s="82">
        <v>13</v>
      </c>
      <c r="DB19" s="82">
        <v>17</v>
      </c>
      <c r="DC19" s="82">
        <v>7</v>
      </c>
      <c r="DD19" s="82">
        <v>9</v>
      </c>
      <c r="DE19" s="82">
        <v>9</v>
      </c>
      <c r="DF19" s="84">
        <v>55</v>
      </c>
      <c r="DG19" s="85">
        <v>69</v>
      </c>
      <c r="DH19" s="70">
        <v>0</v>
      </c>
      <c r="DI19" s="71">
        <v>0</v>
      </c>
      <c r="DJ19" s="72">
        <v>0</v>
      </c>
      <c r="DK19" s="276"/>
      <c r="DL19" s="71">
        <v>0</v>
      </c>
      <c r="DM19" s="71">
        <v>0</v>
      </c>
      <c r="DN19" s="71">
        <v>0</v>
      </c>
      <c r="DO19" s="71">
        <v>0</v>
      </c>
      <c r="DP19" s="71">
        <v>0</v>
      </c>
      <c r="DQ19" s="72">
        <v>0</v>
      </c>
      <c r="DR19" s="73">
        <v>0</v>
      </c>
      <c r="DS19" s="70">
        <v>1</v>
      </c>
      <c r="DT19" s="71">
        <v>1</v>
      </c>
      <c r="DU19" s="72">
        <v>2</v>
      </c>
      <c r="DV19" s="276"/>
      <c r="DW19" s="71">
        <v>2</v>
      </c>
      <c r="DX19" s="71">
        <v>0</v>
      </c>
      <c r="DY19" s="71">
        <v>0</v>
      </c>
      <c r="DZ19" s="71">
        <v>0</v>
      </c>
      <c r="EA19" s="71">
        <v>0</v>
      </c>
      <c r="EB19" s="72">
        <v>2</v>
      </c>
      <c r="EC19" s="73">
        <v>4</v>
      </c>
      <c r="ED19" s="70">
        <v>2</v>
      </c>
      <c r="EE19" s="71">
        <v>0</v>
      </c>
      <c r="EF19" s="72">
        <v>2</v>
      </c>
      <c r="EG19" s="276"/>
      <c r="EH19" s="71">
        <v>1</v>
      </c>
      <c r="EI19" s="71">
        <v>1</v>
      </c>
      <c r="EJ19" s="71">
        <v>0</v>
      </c>
      <c r="EK19" s="71">
        <v>0</v>
      </c>
      <c r="EL19" s="71">
        <v>0</v>
      </c>
      <c r="EM19" s="72">
        <v>2</v>
      </c>
      <c r="EN19" s="73">
        <v>4</v>
      </c>
      <c r="EO19" s="70">
        <v>2</v>
      </c>
      <c r="EP19" s="71">
        <v>3</v>
      </c>
      <c r="EQ19" s="72">
        <v>5</v>
      </c>
      <c r="ER19" s="276"/>
      <c r="ES19" s="71">
        <v>2</v>
      </c>
      <c r="ET19" s="71">
        <v>4</v>
      </c>
      <c r="EU19" s="71">
        <v>1</v>
      </c>
      <c r="EV19" s="71">
        <v>1</v>
      </c>
      <c r="EW19" s="71">
        <v>0</v>
      </c>
      <c r="EX19" s="72">
        <v>8</v>
      </c>
      <c r="EY19" s="73">
        <v>13</v>
      </c>
      <c r="EZ19" s="70">
        <v>2</v>
      </c>
      <c r="FA19" s="71">
        <v>1</v>
      </c>
      <c r="FB19" s="72">
        <v>3</v>
      </c>
      <c r="FC19" s="276"/>
      <c r="FD19" s="71">
        <v>1</v>
      </c>
      <c r="FE19" s="71">
        <v>3</v>
      </c>
      <c r="FF19" s="71">
        <v>2</v>
      </c>
      <c r="FG19" s="71">
        <v>1</v>
      </c>
      <c r="FH19" s="71">
        <v>3</v>
      </c>
      <c r="FI19" s="72">
        <v>10</v>
      </c>
      <c r="FJ19" s="73">
        <v>13</v>
      </c>
      <c r="FK19" s="70">
        <v>0</v>
      </c>
      <c r="FL19" s="71">
        <v>2</v>
      </c>
      <c r="FM19" s="72">
        <v>2</v>
      </c>
      <c r="FN19" s="276"/>
      <c r="FO19" s="71">
        <v>7</v>
      </c>
      <c r="FP19" s="71">
        <v>9</v>
      </c>
      <c r="FQ19" s="71">
        <v>4</v>
      </c>
      <c r="FR19" s="71">
        <v>7</v>
      </c>
      <c r="FS19" s="71">
        <v>6</v>
      </c>
      <c r="FT19" s="72">
        <v>33</v>
      </c>
      <c r="FU19" s="73">
        <v>35</v>
      </c>
      <c r="FV19" s="70">
        <v>0</v>
      </c>
      <c r="FW19" s="71">
        <v>0</v>
      </c>
      <c r="FX19" s="72">
        <v>0</v>
      </c>
      <c r="FY19" s="276"/>
      <c r="FZ19" s="71">
        <v>0</v>
      </c>
      <c r="GA19" s="71">
        <v>0</v>
      </c>
      <c r="GB19" s="71">
        <v>0</v>
      </c>
      <c r="GC19" s="71">
        <v>0</v>
      </c>
      <c r="GD19" s="71">
        <v>0</v>
      </c>
      <c r="GE19" s="72">
        <v>0</v>
      </c>
      <c r="GF19" s="73">
        <v>0</v>
      </c>
      <c r="GG19" s="70">
        <v>7</v>
      </c>
      <c r="GH19" s="71">
        <v>7</v>
      </c>
      <c r="GI19" s="72">
        <v>14</v>
      </c>
      <c r="GJ19" s="276"/>
      <c r="GK19" s="71">
        <v>13</v>
      </c>
      <c r="GL19" s="71">
        <v>17</v>
      </c>
      <c r="GM19" s="71">
        <v>7</v>
      </c>
      <c r="GN19" s="71">
        <v>9</v>
      </c>
      <c r="GO19" s="71">
        <v>9</v>
      </c>
      <c r="GP19" s="72">
        <v>55</v>
      </c>
      <c r="GQ19" s="73">
        <v>69</v>
      </c>
      <c r="GR19" s="126">
        <v>45</v>
      </c>
      <c r="GS19" s="82">
        <v>40</v>
      </c>
      <c r="GT19" s="83">
        <v>85</v>
      </c>
      <c r="GU19" s="273"/>
      <c r="GV19" s="82">
        <v>95</v>
      </c>
      <c r="GW19" s="82">
        <v>111</v>
      </c>
      <c r="GX19" s="82">
        <v>73</v>
      </c>
      <c r="GY19" s="82">
        <v>56</v>
      </c>
      <c r="GZ19" s="82">
        <v>33</v>
      </c>
      <c r="HA19" s="84">
        <v>368</v>
      </c>
      <c r="HB19" s="85">
        <v>453</v>
      </c>
      <c r="HC19" s="70">
        <v>0</v>
      </c>
      <c r="HD19" s="71">
        <v>1</v>
      </c>
      <c r="HE19" s="72">
        <v>1</v>
      </c>
      <c r="HF19" s="276"/>
      <c r="HG19" s="71">
        <v>3</v>
      </c>
      <c r="HH19" s="71">
        <v>2</v>
      </c>
      <c r="HI19" s="71">
        <v>2</v>
      </c>
      <c r="HJ19" s="71">
        <v>2</v>
      </c>
      <c r="HK19" s="71">
        <v>1</v>
      </c>
      <c r="HL19" s="72">
        <v>10</v>
      </c>
      <c r="HM19" s="73">
        <v>11</v>
      </c>
      <c r="HN19" s="70">
        <v>7</v>
      </c>
      <c r="HO19" s="71">
        <v>4</v>
      </c>
      <c r="HP19" s="72">
        <v>11</v>
      </c>
      <c r="HQ19" s="276"/>
      <c r="HR19" s="71">
        <v>6</v>
      </c>
      <c r="HS19" s="71">
        <v>10</v>
      </c>
      <c r="HT19" s="71">
        <v>4</v>
      </c>
      <c r="HU19" s="71">
        <v>0</v>
      </c>
      <c r="HV19" s="71">
        <v>3</v>
      </c>
      <c r="HW19" s="72">
        <v>23</v>
      </c>
      <c r="HX19" s="73">
        <v>34</v>
      </c>
      <c r="HY19" s="70">
        <v>7</v>
      </c>
      <c r="HZ19" s="71">
        <v>2</v>
      </c>
      <c r="IA19" s="72">
        <v>9</v>
      </c>
      <c r="IB19" s="276"/>
      <c r="IC19" s="71">
        <v>10</v>
      </c>
      <c r="ID19" s="71">
        <v>7</v>
      </c>
      <c r="IE19" s="71">
        <v>7</v>
      </c>
      <c r="IF19" s="71">
        <v>6</v>
      </c>
      <c r="IG19" s="71">
        <v>1</v>
      </c>
      <c r="IH19" s="72">
        <v>31</v>
      </c>
      <c r="II19" s="73">
        <v>40</v>
      </c>
      <c r="IJ19" s="70">
        <v>9</v>
      </c>
      <c r="IK19" s="71">
        <v>7</v>
      </c>
      <c r="IL19" s="72">
        <v>16</v>
      </c>
      <c r="IM19" s="276"/>
      <c r="IN19" s="71">
        <v>19</v>
      </c>
      <c r="IO19" s="71">
        <v>27</v>
      </c>
      <c r="IP19" s="71">
        <v>12</v>
      </c>
      <c r="IQ19" s="71">
        <v>8</v>
      </c>
      <c r="IR19" s="71">
        <v>5</v>
      </c>
      <c r="IS19" s="72">
        <v>71</v>
      </c>
      <c r="IT19" s="73">
        <v>87</v>
      </c>
      <c r="IU19" s="70">
        <v>12</v>
      </c>
      <c r="IV19" s="71">
        <v>13</v>
      </c>
      <c r="IW19" s="72">
        <v>25</v>
      </c>
      <c r="IX19" s="276"/>
      <c r="IY19" s="71">
        <v>26</v>
      </c>
      <c r="IZ19" s="71">
        <v>31</v>
      </c>
      <c r="JA19" s="71">
        <v>21</v>
      </c>
      <c r="JB19" s="71">
        <v>15</v>
      </c>
      <c r="JC19" s="71">
        <v>11</v>
      </c>
      <c r="JD19" s="72">
        <v>104</v>
      </c>
      <c r="JE19" s="73">
        <v>129</v>
      </c>
      <c r="JF19" s="70">
        <v>10</v>
      </c>
      <c r="JG19" s="71">
        <v>13</v>
      </c>
      <c r="JH19" s="72">
        <v>23</v>
      </c>
      <c r="JI19" s="276"/>
      <c r="JJ19" s="71">
        <v>31</v>
      </c>
      <c r="JK19" s="71">
        <v>34</v>
      </c>
      <c r="JL19" s="71">
        <v>27</v>
      </c>
      <c r="JM19" s="71">
        <v>25</v>
      </c>
      <c r="JN19" s="71">
        <v>12</v>
      </c>
      <c r="JO19" s="72">
        <v>129</v>
      </c>
      <c r="JP19" s="73">
        <v>152</v>
      </c>
      <c r="JQ19" s="70">
        <v>0</v>
      </c>
      <c r="JR19" s="71">
        <v>0</v>
      </c>
      <c r="JS19" s="72">
        <v>0</v>
      </c>
      <c r="JT19" s="276"/>
      <c r="JU19" s="71">
        <v>0</v>
      </c>
      <c r="JV19" s="71">
        <v>0</v>
      </c>
      <c r="JW19" s="71">
        <v>0</v>
      </c>
      <c r="JX19" s="71">
        <v>0</v>
      </c>
      <c r="JY19" s="71">
        <v>0</v>
      </c>
      <c r="JZ19" s="72">
        <v>0</v>
      </c>
      <c r="KA19" s="73">
        <v>0</v>
      </c>
      <c r="KB19" s="70">
        <v>45</v>
      </c>
      <c r="KC19" s="71">
        <v>40</v>
      </c>
      <c r="KD19" s="72">
        <v>85</v>
      </c>
      <c r="KE19" s="276"/>
      <c r="KF19" s="71">
        <v>95</v>
      </c>
      <c r="KG19" s="71">
        <v>111</v>
      </c>
      <c r="KH19" s="71">
        <v>73</v>
      </c>
      <c r="KI19" s="71">
        <v>56</v>
      </c>
      <c r="KJ19" s="71">
        <v>33</v>
      </c>
      <c r="KK19" s="72">
        <v>368</v>
      </c>
      <c r="KL19" s="73">
        <v>453</v>
      </c>
    </row>
    <row r="20" spans="1:298" ht="19.5" customHeight="1" x14ac:dyDescent="0.2">
      <c r="A20" s="129" t="s">
        <v>17</v>
      </c>
      <c r="B20" s="350">
        <v>54</v>
      </c>
      <c r="C20" s="82">
        <v>51</v>
      </c>
      <c r="D20" s="83">
        <v>105</v>
      </c>
      <c r="E20" s="273"/>
      <c r="F20" s="82">
        <v>93</v>
      </c>
      <c r="G20" s="82">
        <v>96</v>
      </c>
      <c r="H20" s="82">
        <v>69</v>
      </c>
      <c r="I20" s="82">
        <v>54</v>
      </c>
      <c r="J20" s="82">
        <v>30</v>
      </c>
      <c r="K20" s="84">
        <v>342</v>
      </c>
      <c r="L20" s="85">
        <v>447</v>
      </c>
      <c r="M20" s="70">
        <v>0</v>
      </c>
      <c r="N20" s="71">
        <v>0</v>
      </c>
      <c r="O20" s="72">
        <v>0</v>
      </c>
      <c r="P20" s="276"/>
      <c r="Q20" s="71">
        <v>0</v>
      </c>
      <c r="R20" s="71">
        <v>4</v>
      </c>
      <c r="S20" s="71">
        <v>3</v>
      </c>
      <c r="T20" s="71">
        <v>0</v>
      </c>
      <c r="U20" s="71">
        <v>3</v>
      </c>
      <c r="V20" s="72">
        <v>10</v>
      </c>
      <c r="W20" s="73">
        <v>10</v>
      </c>
      <c r="X20" s="70">
        <v>2</v>
      </c>
      <c r="Y20" s="71">
        <v>4</v>
      </c>
      <c r="Z20" s="72">
        <v>6</v>
      </c>
      <c r="AA20" s="276"/>
      <c r="AB20" s="71">
        <v>0</v>
      </c>
      <c r="AC20" s="71">
        <v>11</v>
      </c>
      <c r="AD20" s="71">
        <v>3</v>
      </c>
      <c r="AE20" s="71">
        <v>4</v>
      </c>
      <c r="AF20" s="71">
        <v>1</v>
      </c>
      <c r="AG20" s="72">
        <v>19</v>
      </c>
      <c r="AH20" s="73">
        <v>25</v>
      </c>
      <c r="AI20" s="70">
        <v>10</v>
      </c>
      <c r="AJ20" s="71">
        <v>4</v>
      </c>
      <c r="AK20" s="72">
        <v>14</v>
      </c>
      <c r="AL20" s="276"/>
      <c r="AM20" s="71">
        <v>9</v>
      </c>
      <c r="AN20" s="71">
        <v>8</v>
      </c>
      <c r="AO20" s="71">
        <v>3</v>
      </c>
      <c r="AP20" s="71">
        <v>5</v>
      </c>
      <c r="AQ20" s="71">
        <v>1</v>
      </c>
      <c r="AR20" s="72">
        <v>26</v>
      </c>
      <c r="AS20" s="73">
        <v>40</v>
      </c>
      <c r="AT20" s="70">
        <v>10</v>
      </c>
      <c r="AU20" s="71">
        <v>12</v>
      </c>
      <c r="AV20" s="72">
        <v>22</v>
      </c>
      <c r="AW20" s="276"/>
      <c r="AX20" s="71">
        <v>31</v>
      </c>
      <c r="AY20" s="71">
        <v>19</v>
      </c>
      <c r="AZ20" s="71">
        <v>12</v>
      </c>
      <c r="BA20" s="71">
        <v>14</v>
      </c>
      <c r="BB20" s="71">
        <v>9</v>
      </c>
      <c r="BC20" s="72">
        <v>85</v>
      </c>
      <c r="BD20" s="73">
        <v>107</v>
      </c>
      <c r="BE20" s="70">
        <v>23</v>
      </c>
      <c r="BF20" s="71">
        <v>13</v>
      </c>
      <c r="BG20" s="72">
        <v>36</v>
      </c>
      <c r="BH20" s="276"/>
      <c r="BI20" s="71">
        <v>28</v>
      </c>
      <c r="BJ20" s="71">
        <v>30</v>
      </c>
      <c r="BK20" s="71">
        <v>26</v>
      </c>
      <c r="BL20" s="71">
        <v>17</v>
      </c>
      <c r="BM20" s="71">
        <v>7</v>
      </c>
      <c r="BN20" s="72">
        <v>108</v>
      </c>
      <c r="BO20" s="73">
        <v>144</v>
      </c>
      <c r="BP20" s="70">
        <v>9</v>
      </c>
      <c r="BQ20" s="71">
        <v>18</v>
      </c>
      <c r="BR20" s="72">
        <v>27</v>
      </c>
      <c r="BS20" s="276"/>
      <c r="BT20" s="71">
        <v>25</v>
      </c>
      <c r="BU20" s="71">
        <v>24</v>
      </c>
      <c r="BV20" s="71">
        <v>22</v>
      </c>
      <c r="BW20" s="71">
        <v>14</v>
      </c>
      <c r="BX20" s="71">
        <v>9</v>
      </c>
      <c r="BY20" s="72">
        <v>94</v>
      </c>
      <c r="BZ20" s="73">
        <v>121</v>
      </c>
      <c r="CA20" s="70">
        <v>0</v>
      </c>
      <c r="CB20" s="71">
        <v>0</v>
      </c>
      <c r="CC20" s="72">
        <v>0</v>
      </c>
      <c r="CD20" s="276"/>
      <c r="CE20" s="71">
        <v>0</v>
      </c>
      <c r="CF20" s="71">
        <v>0</v>
      </c>
      <c r="CG20" s="71">
        <v>0</v>
      </c>
      <c r="CH20" s="71">
        <v>0</v>
      </c>
      <c r="CI20" s="71">
        <v>0</v>
      </c>
      <c r="CJ20" s="72">
        <v>0</v>
      </c>
      <c r="CK20" s="73">
        <v>0</v>
      </c>
      <c r="CL20" s="70">
        <v>54</v>
      </c>
      <c r="CM20" s="71">
        <v>51</v>
      </c>
      <c r="CN20" s="72">
        <v>105</v>
      </c>
      <c r="CO20" s="276"/>
      <c r="CP20" s="71">
        <v>93</v>
      </c>
      <c r="CQ20" s="71">
        <v>96</v>
      </c>
      <c r="CR20" s="71">
        <v>69</v>
      </c>
      <c r="CS20" s="71">
        <v>54</v>
      </c>
      <c r="CT20" s="71">
        <v>30</v>
      </c>
      <c r="CU20" s="72">
        <v>342</v>
      </c>
      <c r="CV20" s="73">
        <v>447</v>
      </c>
      <c r="CW20" s="126">
        <v>5</v>
      </c>
      <c r="CX20" s="82">
        <v>14</v>
      </c>
      <c r="CY20" s="83">
        <v>19</v>
      </c>
      <c r="CZ20" s="273"/>
      <c r="DA20" s="82">
        <v>8</v>
      </c>
      <c r="DB20" s="82">
        <v>17</v>
      </c>
      <c r="DC20" s="82">
        <v>15</v>
      </c>
      <c r="DD20" s="82">
        <v>7</v>
      </c>
      <c r="DE20" s="82">
        <v>5</v>
      </c>
      <c r="DF20" s="84">
        <v>52</v>
      </c>
      <c r="DG20" s="85">
        <v>71</v>
      </c>
      <c r="DH20" s="70">
        <v>0</v>
      </c>
      <c r="DI20" s="71">
        <v>1</v>
      </c>
      <c r="DJ20" s="72">
        <v>1</v>
      </c>
      <c r="DK20" s="276"/>
      <c r="DL20" s="71">
        <v>0</v>
      </c>
      <c r="DM20" s="71">
        <v>1</v>
      </c>
      <c r="DN20" s="71">
        <v>1</v>
      </c>
      <c r="DO20" s="71">
        <v>0</v>
      </c>
      <c r="DP20" s="71">
        <v>0</v>
      </c>
      <c r="DQ20" s="72">
        <v>2</v>
      </c>
      <c r="DR20" s="73">
        <v>3</v>
      </c>
      <c r="DS20" s="70">
        <v>0</v>
      </c>
      <c r="DT20" s="71">
        <v>3</v>
      </c>
      <c r="DU20" s="72">
        <v>3</v>
      </c>
      <c r="DV20" s="276"/>
      <c r="DW20" s="71">
        <v>0</v>
      </c>
      <c r="DX20" s="71">
        <v>1</v>
      </c>
      <c r="DY20" s="71">
        <v>1</v>
      </c>
      <c r="DZ20" s="71">
        <v>0</v>
      </c>
      <c r="EA20" s="71">
        <v>1</v>
      </c>
      <c r="EB20" s="72">
        <v>3</v>
      </c>
      <c r="EC20" s="73">
        <v>6</v>
      </c>
      <c r="ED20" s="70">
        <v>0</v>
      </c>
      <c r="EE20" s="71">
        <v>1</v>
      </c>
      <c r="EF20" s="72">
        <v>1</v>
      </c>
      <c r="EG20" s="276"/>
      <c r="EH20" s="71">
        <v>1</v>
      </c>
      <c r="EI20" s="71">
        <v>1</v>
      </c>
      <c r="EJ20" s="71">
        <v>0</v>
      </c>
      <c r="EK20" s="71">
        <v>0</v>
      </c>
      <c r="EL20" s="71">
        <v>0</v>
      </c>
      <c r="EM20" s="72">
        <v>2</v>
      </c>
      <c r="EN20" s="73">
        <v>3</v>
      </c>
      <c r="EO20" s="70">
        <v>4</v>
      </c>
      <c r="EP20" s="71">
        <v>3</v>
      </c>
      <c r="EQ20" s="72">
        <v>7</v>
      </c>
      <c r="ER20" s="276"/>
      <c r="ES20" s="71">
        <v>3</v>
      </c>
      <c r="ET20" s="71">
        <v>2</v>
      </c>
      <c r="EU20" s="71">
        <v>3</v>
      </c>
      <c r="EV20" s="71">
        <v>1</v>
      </c>
      <c r="EW20" s="71">
        <v>2</v>
      </c>
      <c r="EX20" s="72">
        <v>11</v>
      </c>
      <c r="EY20" s="73">
        <v>18</v>
      </c>
      <c r="EZ20" s="70">
        <v>0</v>
      </c>
      <c r="FA20" s="71">
        <v>3</v>
      </c>
      <c r="FB20" s="72">
        <v>3</v>
      </c>
      <c r="FC20" s="276"/>
      <c r="FD20" s="71">
        <v>2</v>
      </c>
      <c r="FE20" s="71">
        <v>5</v>
      </c>
      <c r="FF20" s="71">
        <v>3</v>
      </c>
      <c r="FG20" s="71">
        <v>1</v>
      </c>
      <c r="FH20" s="71">
        <v>0</v>
      </c>
      <c r="FI20" s="72">
        <v>11</v>
      </c>
      <c r="FJ20" s="73">
        <v>14</v>
      </c>
      <c r="FK20" s="70">
        <v>1</v>
      </c>
      <c r="FL20" s="71">
        <v>3</v>
      </c>
      <c r="FM20" s="72">
        <v>4</v>
      </c>
      <c r="FN20" s="276"/>
      <c r="FO20" s="71">
        <v>2</v>
      </c>
      <c r="FP20" s="71">
        <v>7</v>
      </c>
      <c r="FQ20" s="71">
        <v>7</v>
      </c>
      <c r="FR20" s="71">
        <v>5</v>
      </c>
      <c r="FS20" s="71">
        <v>2</v>
      </c>
      <c r="FT20" s="72">
        <v>23</v>
      </c>
      <c r="FU20" s="73">
        <v>27</v>
      </c>
      <c r="FV20" s="70">
        <v>0</v>
      </c>
      <c r="FW20" s="71">
        <v>0</v>
      </c>
      <c r="FX20" s="72">
        <v>0</v>
      </c>
      <c r="FY20" s="276"/>
      <c r="FZ20" s="71">
        <v>0</v>
      </c>
      <c r="GA20" s="71">
        <v>0</v>
      </c>
      <c r="GB20" s="71">
        <v>0</v>
      </c>
      <c r="GC20" s="71">
        <v>0</v>
      </c>
      <c r="GD20" s="71">
        <v>0</v>
      </c>
      <c r="GE20" s="72">
        <v>0</v>
      </c>
      <c r="GF20" s="73">
        <v>0</v>
      </c>
      <c r="GG20" s="70">
        <v>5</v>
      </c>
      <c r="GH20" s="71">
        <v>14</v>
      </c>
      <c r="GI20" s="72">
        <v>19</v>
      </c>
      <c r="GJ20" s="276"/>
      <c r="GK20" s="71">
        <v>8</v>
      </c>
      <c r="GL20" s="71">
        <v>17</v>
      </c>
      <c r="GM20" s="71">
        <v>15</v>
      </c>
      <c r="GN20" s="71">
        <v>7</v>
      </c>
      <c r="GO20" s="71">
        <v>5</v>
      </c>
      <c r="GP20" s="72">
        <v>52</v>
      </c>
      <c r="GQ20" s="73">
        <v>71</v>
      </c>
      <c r="GR20" s="126">
        <v>59</v>
      </c>
      <c r="GS20" s="82">
        <v>65</v>
      </c>
      <c r="GT20" s="83">
        <v>124</v>
      </c>
      <c r="GU20" s="273"/>
      <c r="GV20" s="82">
        <v>101</v>
      </c>
      <c r="GW20" s="82">
        <v>113</v>
      </c>
      <c r="GX20" s="82">
        <v>84</v>
      </c>
      <c r="GY20" s="82">
        <v>61</v>
      </c>
      <c r="GZ20" s="82">
        <v>35</v>
      </c>
      <c r="HA20" s="84">
        <v>394</v>
      </c>
      <c r="HB20" s="85">
        <v>518</v>
      </c>
      <c r="HC20" s="70">
        <v>0</v>
      </c>
      <c r="HD20" s="71">
        <v>1</v>
      </c>
      <c r="HE20" s="72">
        <v>1</v>
      </c>
      <c r="HF20" s="276"/>
      <c r="HG20" s="71">
        <v>0</v>
      </c>
      <c r="HH20" s="71">
        <v>5</v>
      </c>
      <c r="HI20" s="71">
        <v>4</v>
      </c>
      <c r="HJ20" s="71">
        <v>0</v>
      </c>
      <c r="HK20" s="71">
        <v>3</v>
      </c>
      <c r="HL20" s="72">
        <v>12</v>
      </c>
      <c r="HM20" s="73">
        <v>13</v>
      </c>
      <c r="HN20" s="70">
        <v>2</v>
      </c>
      <c r="HO20" s="71">
        <v>7</v>
      </c>
      <c r="HP20" s="72">
        <v>9</v>
      </c>
      <c r="HQ20" s="276"/>
      <c r="HR20" s="71">
        <v>0</v>
      </c>
      <c r="HS20" s="71">
        <v>12</v>
      </c>
      <c r="HT20" s="71">
        <v>4</v>
      </c>
      <c r="HU20" s="71">
        <v>4</v>
      </c>
      <c r="HV20" s="71">
        <v>2</v>
      </c>
      <c r="HW20" s="72">
        <v>22</v>
      </c>
      <c r="HX20" s="73">
        <v>31</v>
      </c>
      <c r="HY20" s="70">
        <v>10</v>
      </c>
      <c r="HZ20" s="71">
        <v>5</v>
      </c>
      <c r="IA20" s="72">
        <v>15</v>
      </c>
      <c r="IB20" s="276"/>
      <c r="IC20" s="71">
        <v>10</v>
      </c>
      <c r="ID20" s="71">
        <v>9</v>
      </c>
      <c r="IE20" s="71">
        <v>3</v>
      </c>
      <c r="IF20" s="71">
        <v>5</v>
      </c>
      <c r="IG20" s="71">
        <v>1</v>
      </c>
      <c r="IH20" s="72">
        <v>28</v>
      </c>
      <c r="II20" s="73">
        <v>43</v>
      </c>
      <c r="IJ20" s="70">
        <v>14</v>
      </c>
      <c r="IK20" s="71">
        <v>15</v>
      </c>
      <c r="IL20" s="72">
        <v>29</v>
      </c>
      <c r="IM20" s="276"/>
      <c r="IN20" s="71">
        <v>34</v>
      </c>
      <c r="IO20" s="71">
        <v>21</v>
      </c>
      <c r="IP20" s="71">
        <v>15</v>
      </c>
      <c r="IQ20" s="71">
        <v>15</v>
      </c>
      <c r="IR20" s="71">
        <v>11</v>
      </c>
      <c r="IS20" s="72">
        <v>96</v>
      </c>
      <c r="IT20" s="73">
        <v>125</v>
      </c>
      <c r="IU20" s="70">
        <v>23</v>
      </c>
      <c r="IV20" s="71">
        <v>16</v>
      </c>
      <c r="IW20" s="72">
        <v>39</v>
      </c>
      <c r="IX20" s="276"/>
      <c r="IY20" s="71">
        <v>30</v>
      </c>
      <c r="IZ20" s="71">
        <v>35</v>
      </c>
      <c r="JA20" s="71">
        <v>29</v>
      </c>
      <c r="JB20" s="71">
        <v>18</v>
      </c>
      <c r="JC20" s="71">
        <v>7</v>
      </c>
      <c r="JD20" s="72">
        <v>119</v>
      </c>
      <c r="JE20" s="73">
        <v>158</v>
      </c>
      <c r="JF20" s="70">
        <v>10</v>
      </c>
      <c r="JG20" s="71">
        <v>21</v>
      </c>
      <c r="JH20" s="72">
        <v>31</v>
      </c>
      <c r="JI20" s="276"/>
      <c r="JJ20" s="71">
        <v>27</v>
      </c>
      <c r="JK20" s="71">
        <v>31</v>
      </c>
      <c r="JL20" s="71">
        <v>29</v>
      </c>
      <c r="JM20" s="71">
        <v>19</v>
      </c>
      <c r="JN20" s="71">
        <v>11</v>
      </c>
      <c r="JO20" s="72">
        <v>117</v>
      </c>
      <c r="JP20" s="73">
        <v>148</v>
      </c>
      <c r="JQ20" s="70">
        <v>0</v>
      </c>
      <c r="JR20" s="71">
        <v>0</v>
      </c>
      <c r="JS20" s="72">
        <v>0</v>
      </c>
      <c r="JT20" s="276"/>
      <c r="JU20" s="71">
        <v>0</v>
      </c>
      <c r="JV20" s="71">
        <v>0</v>
      </c>
      <c r="JW20" s="71">
        <v>0</v>
      </c>
      <c r="JX20" s="71">
        <v>0</v>
      </c>
      <c r="JY20" s="71">
        <v>0</v>
      </c>
      <c r="JZ20" s="72">
        <v>0</v>
      </c>
      <c r="KA20" s="73">
        <v>0</v>
      </c>
      <c r="KB20" s="70">
        <v>59</v>
      </c>
      <c r="KC20" s="71">
        <v>65</v>
      </c>
      <c r="KD20" s="72">
        <v>124</v>
      </c>
      <c r="KE20" s="276"/>
      <c r="KF20" s="71">
        <v>101</v>
      </c>
      <c r="KG20" s="71">
        <v>113</v>
      </c>
      <c r="KH20" s="71">
        <v>84</v>
      </c>
      <c r="KI20" s="71">
        <v>61</v>
      </c>
      <c r="KJ20" s="71">
        <v>35</v>
      </c>
      <c r="KK20" s="72">
        <v>394</v>
      </c>
      <c r="KL20" s="73">
        <v>518</v>
      </c>
    </row>
    <row r="21" spans="1:298" ht="19.5" customHeight="1" x14ac:dyDescent="0.2">
      <c r="A21" s="129" t="s">
        <v>18</v>
      </c>
      <c r="B21" s="350">
        <v>77</v>
      </c>
      <c r="C21" s="82">
        <v>94</v>
      </c>
      <c r="D21" s="83">
        <v>171</v>
      </c>
      <c r="E21" s="273"/>
      <c r="F21" s="82">
        <v>155</v>
      </c>
      <c r="G21" s="82">
        <v>122</v>
      </c>
      <c r="H21" s="82">
        <v>82</v>
      </c>
      <c r="I21" s="82">
        <v>71</v>
      </c>
      <c r="J21" s="82">
        <v>31</v>
      </c>
      <c r="K21" s="84">
        <v>461</v>
      </c>
      <c r="L21" s="85">
        <v>632</v>
      </c>
      <c r="M21" s="70">
        <v>0</v>
      </c>
      <c r="N21" s="71">
        <v>3</v>
      </c>
      <c r="O21" s="72">
        <v>3</v>
      </c>
      <c r="P21" s="276"/>
      <c r="Q21" s="71">
        <v>2</v>
      </c>
      <c r="R21" s="71">
        <v>4</v>
      </c>
      <c r="S21" s="71">
        <v>1</v>
      </c>
      <c r="T21" s="71">
        <v>3</v>
      </c>
      <c r="U21" s="71">
        <v>0</v>
      </c>
      <c r="V21" s="72">
        <v>10</v>
      </c>
      <c r="W21" s="73">
        <v>13</v>
      </c>
      <c r="X21" s="70">
        <v>2</v>
      </c>
      <c r="Y21" s="71">
        <v>5</v>
      </c>
      <c r="Z21" s="72">
        <v>7</v>
      </c>
      <c r="AA21" s="276"/>
      <c r="AB21" s="71">
        <v>6</v>
      </c>
      <c r="AC21" s="71">
        <v>4</v>
      </c>
      <c r="AD21" s="71">
        <v>7</v>
      </c>
      <c r="AE21" s="71">
        <v>5</v>
      </c>
      <c r="AF21" s="71">
        <v>0</v>
      </c>
      <c r="AG21" s="72">
        <v>22</v>
      </c>
      <c r="AH21" s="73">
        <v>29</v>
      </c>
      <c r="AI21" s="70">
        <v>6</v>
      </c>
      <c r="AJ21" s="71">
        <v>7</v>
      </c>
      <c r="AK21" s="72">
        <v>13</v>
      </c>
      <c r="AL21" s="276"/>
      <c r="AM21" s="71">
        <v>18</v>
      </c>
      <c r="AN21" s="71">
        <v>10</v>
      </c>
      <c r="AO21" s="71">
        <v>7</v>
      </c>
      <c r="AP21" s="71">
        <v>4</v>
      </c>
      <c r="AQ21" s="71">
        <v>5</v>
      </c>
      <c r="AR21" s="72">
        <v>44</v>
      </c>
      <c r="AS21" s="73">
        <v>57</v>
      </c>
      <c r="AT21" s="70">
        <v>22</v>
      </c>
      <c r="AU21" s="71">
        <v>16</v>
      </c>
      <c r="AV21" s="72">
        <v>38</v>
      </c>
      <c r="AW21" s="276"/>
      <c r="AX21" s="71">
        <v>27</v>
      </c>
      <c r="AY21" s="71">
        <v>25</v>
      </c>
      <c r="AZ21" s="71">
        <v>16</v>
      </c>
      <c r="BA21" s="71">
        <v>11</v>
      </c>
      <c r="BB21" s="71">
        <v>9</v>
      </c>
      <c r="BC21" s="72">
        <v>88</v>
      </c>
      <c r="BD21" s="73">
        <v>126</v>
      </c>
      <c r="BE21" s="70">
        <v>22</v>
      </c>
      <c r="BF21" s="71">
        <v>33</v>
      </c>
      <c r="BG21" s="72">
        <v>55</v>
      </c>
      <c r="BH21" s="276"/>
      <c r="BI21" s="71">
        <v>58</v>
      </c>
      <c r="BJ21" s="71">
        <v>41</v>
      </c>
      <c r="BK21" s="71">
        <v>25</v>
      </c>
      <c r="BL21" s="71">
        <v>27</v>
      </c>
      <c r="BM21" s="71">
        <v>5</v>
      </c>
      <c r="BN21" s="72">
        <v>156</v>
      </c>
      <c r="BO21" s="73">
        <v>211</v>
      </c>
      <c r="BP21" s="70">
        <v>25</v>
      </c>
      <c r="BQ21" s="71">
        <v>30</v>
      </c>
      <c r="BR21" s="72">
        <v>55</v>
      </c>
      <c r="BS21" s="276"/>
      <c r="BT21" s="71">
        <v>44</v>
      </c>
      <c r="BU21" s="71">
        <v>38</v>
      </c>
      <c r="BV21" s="71">
        <v>26</v>
      </c>
      <c r="BW21" s="71">
        <v>21</v>
      </c>
      <c r="BX21" s="71">
        <v>12</v>
      </c>
      <c r="BY21" s="72">
        <v>141</v>
      </c>
      <c r="BZ21" s="73">
        <v>196</v>
      </c>
      <c r="CA21" s="70">
        <v>0</v>
      </c>
      <c r="CB21" s="71">
        <v>0</v>
      </c>
      <c r="CC21" s="72">
        <v>0</v>
      </c>
      <c r="CD21" s="276"/>
      <c r="CE21" s="71">
        <v>0</v>
      </c>
      <c r="CF21" s="71">
        <v>0</v>
      </c>
      <c r="CG21" s="71">
        <v>0</v>
      </c>
      <c r="CH21" s="71">
        <v>0</v>
      </c>
      <c r="CI21" s="71">
        <v>0</v>
      </c>
      <c r="CJ21" s="72">
        <v>0</v>
      </c>
      <c r="CK21" s="73">
        <v>0</v>
      </c>
      <c r="CL21" s="70">
        <v>77</v>
      </c>
      <c r="CM21" s="71">
        <v>94</v>
      </c>
      <c r="CN21" s="72">
        <v>171</v>
      </c>
      <c r="CO21" s="276"/>
      <c r="CP21" s="71">
        <v>155</v>
      </c>
      <c r="CQ21" s="71">
        <v>122</v>
      </c>
      <c r="CR21" s="71">
        <v>82</v>
      </c>
      <c r="CS21" s="71">
        <v>71</v>
      </c>
      <c r="CT21" s="71">
        <v>31</v>
      </c>
      <c r="CU21" s="72">
        <v>461</v>
      </c>
      <c r="CV21" s="73">
        <v>632</v>
      </c>
      <c r="CW21" s="126">
        <v>9</v>
      </c>
      <c r="CX21" s="82">
        <v>15</v>
      </c>
      <c r="CY21" s="83">
        <v>24</v>
      </c>
      <c r="CZ21" s="273"/>
      <c r="DA21" s="82">
        <v>15</v>
      </c>
      <c r="DB21" s="82">
        <v>17</v>
      </c>
      <c r="DC21" s="82">
        <v>14</v>
      </c>
      <c r="DD21" s="82">
        <v>4</v>
      </c>
      <c r="DE21" s="82">
        <v>8</v>
      </c>
      <c r="DF21" s="84">
        <v>58</v>
      </c>
      <c r="DG21" s="85">
        <v>82</v>
      </c>
      <c r="DH21" s="70">
        <v>0</v>
      </c>
      <c r="DI21" s="71">
        <v>0</v>
      </c>
      <c r="DJ21" s="72">
        <v>0</v>
      </c>
      <c r="DK21" s="276"/>
      <c r="DL21" s="71">
        <v>0</v>
      </c>
      <c r="DM21" s="71">
        <v>0</v>
      </c>
      <c r="DN21" s="71">
        <v>1</v>
      </c>
      <c r="DO21" s="71">
        <v>0</v>
      </c>
      <c r="DP21" s="71">
        <v>1</v>
      </c>
      <c r="DQ21" s="72">
        <v>2</v>
      </c>
      <c r="DR21" s="73">
        <v>2</v>
      </c>
      <c r="DS21" s="70">
        <v>0</v>
      </c>
      <c r="DT21" s="71">
        <v>3</v>
      </c>
      <c r="DU21" s="72">
        <v>3</v>
      </c>
      <c r="DV21" s="276"/>
      <c r="DW21" s="71">
        <v>1</v>
      </c>
      <c r="DX21" s="71">
        <v>2</v>
      </c>
      <c r="DY21" s="71">
        <v>1</v>
      </c>
      <c r="DZ21" s="71">
        <v>1</v>
      </c>
      <c r="EA21" s="71">
        <v>0</v>
      </c>
      <c r="EB21" s="72">
        <v>5</v>
      </c>
      <c r="EC21" s="73">
        <v>8</v>
      </c>
      <c r="ED21" s="70">
        <v>0</v>
      </c>
      <c r="EE21" s="71">
        <v>5</v>
      </c>
      <c r="EF21" s="72">
        <v>5</v>
      </c>
      <c r="EG21" s="276"/>
      <c r="EH21" s="71">
        <v>1</v>
      </c>
      <c r="EI21" s="71">
        <v>1</v>
      </c>
      <c r="EJ21" s="71">
        <v>2</v>
      </c>
      <c r="EK21" s="71">
        <v>1</v>
      </c>
      <c r="EL21" s="71">
        <v>0</v>
      </c>
      <c r="EM21" s="72">
        <v>5</v>
      </c>
      <c r="EN21" s="73">
        <v>10</v>
      </c>
      <c r="EO21" s="70">
        <v>4</v>
      </c>
      <c r="EP21" s="71">
        <v>4</v>
      </c>
      <c r="EQ21" s="72">
        <v>8</v>
      </c>
      <c r="ER21" s="276"/>
      <c r="ES21" s="71">
        <v>4</v>
      </c>
      <c r="ET21" s="71">
        <v>2</v>
      </c>
      <c r="EU21" s="71">
        <v>2</v>
      </c>
      <c r="EV21" s="71">
        <v>0</v>
      </c>
      <c r="EW21" s="71">
        <v>3</v>
      </c>
      <c r="EX21" s="72">
        <v>11</v>
      </c>
      <c r="EY21" s="73">
        <v>19</v>
      </c>
      <c r="EZ21" s="70">
        <v>4</v>
      </c>
      <c r="FA21" s="71">
        <v>2</v>
      </c>
      <c r="FB21" s="72">
        <v>6</v>
      </c>
      <c r="FC21" s="276"/>
      <c r="FD21" s="71">
        <v>5</v>
      </c>
      <c r="FE21" s="71">
        <v>9</v>
      </c>
      <c r="FF21" s="71">
        <v>3</v>
      </c>
      <c r="FG21" s="71">
        <v>1</v>
      </c>
      <c r="FH21" s="71">
        <v>3</v>
      </c>
      <c r="FI21" s="72">
        <v>21</v>
      </c>
      <c r="FJ21" s="73">
        <v>27</v>
      </c>
      <c r="FK21" s="70">
        <v>1</v>
      </c>
      <c r="FL21" s="71">
        <v>1</v>
      </c>
      <c r="FM21" s="72">
        <v>2</v>
      </c>
      <c r="FN21" s="276"/>
      <c r="FO21" s="71">
        <v>4</v>
      </c>
      <c r="FP21" s="71">
        <v>3</v>
      </c>
      <c r="FQ21" s="71">
        <v>5</v>
      </c>
      <c r="FR21" s="71">
        <v>1</v>
      </c>
      <c r="FS21" s="71">
        <v>1</v>
      </c>
      <c r="FT21" s="72">
        <v>14</v>
      </c>
      <c r="FU21" s="73">
        <v>16</v>
      </c>
      <c r="FV21" s="70">
        <v>0</v>
      </c>
      <c r="FW21" s="71">
        <v>0</v>
      </c>
      <c r="FX21" s="72">
        <v>0</v>
      </c>
      <c r="FY21" s="276"/>
      <c r="FZ21" s="71">
        <v>0</v>
      </c>
      <c r="GA21" s="71">
        <v>0</v>
      </c>
      <c r="GB21" s="71">
        <v>0</v>
      </c>
      <c r="GC21" s="71">
        <v>0</v>
      </c>
      <c r="GD21" s="71">
        <v>0</v>
      </c>
      <c r="GE21" s="72">
        <v>0</v>
      </c>
      <c r="GF21" s="73">
        <v>0</v>
      </c>
      <c r="GG21" s="70">
        <v>9</v>
      </c>
      <c r="GH21" s="71">
        <v>15</v>
      </c>
      <c r="GI21" s="72">
        <v>24</v>
      </c>
      <c r="GJ21" s="276"/>
      <c r="GK21" s="71">
        <v>15</v>
      </c>
      <c r="GL21" s="71">
        <v>17</v>
      </c>
      <c r="GM21" s="71">
        <v>14</v>
      </c>
      <c r="GN21" s="71">
        <v>4</v>
      </c>
      <c r="GO21" s="71">
        <v>8</v>
      </c>
      <c r="GP21" s="72">
        <v>58</v>
      </c>
      <c r="GQ21" s="73">
        <v>82</v>
      </c>
      <c r="GR21" s="126">
        <v>86</v>
      </c>
      <c r="GS21" s="82">
        <v>109</v>
      </c>
      <c r="GT21" s="83">
        <v>195</v>
      </c>
      <c r="GU21" s="273"/>
      <c r="GV21" s="82">
        <v>170</v>
      </c>
      <c r="GW21" s="82">
        <v>139</v>
      </c>
      <c r="GX21" s="82">
        <v>96</v>
      </c>
      <c r="GY21" s="82">
        <v>75</v>
      </c>
      <c r="GZ21" s="82">
        <v>39</v>
      </c>
      <c r="HA21" s="84">
        <v>519</v>
      </c>
      <c r="HB21" s="85">
        <v>714</v>
      </c>
      <c r="HC21" s="70">
        <v>0</v>
      </c>
      <c r="HD21" s="71">
        <v>3</v>
      </c>
      <c r="HE21" s="72">
        <v>3</v>
      </c>
      <c r="HF21" s="276"/>
      <c r="HG21" s="71">
        <v>2</v>
      </c>
      <c r="HH21" s="71">
        <v>4</v>
      </c>
      <c r="HI21" s="71">
        <v>2</v>
      </c>
      <c r="HJ21" s="71">
        <v>3</v>
      </c>
      <c r="HK21" s="71">
        <v>1</v>
      </c>
      <c r="HL21" s="72">
        <v>12</v>
      </c>
      <c r="HM21" s="73">
        <v>15</v>
      </c>
      <c r="HN21" s="70">
        <v>2</v>
      </c>
      <c r="HO21" s="71">
        <v>8</v>
      </c>
      <c r="HP21" s="72">
        <v>10</v>
      </c>
      <c r="HQ21" s="276"/>
      <c r="HR21" s="71">
        <v>7</v>
      </c>
      <c r="HS21" s="71">
        <v>6</v>
      </c>
      <c r="HT21" s="71">
        <v>8</v>
      </c>
      <c r="HU21" s="71">
        <v>6</v>
      </c>
      <c r="HV21" s="71">
        <v>0</v>
      </c>
      <c r="HW21" s="72">
        <v>27</v>
      </c>
      <c r="HX21" s="73">
        <v>37</v>
      </c>
      <c r="HY21" s="70">
        <v>6</v>
      </c>
      <c r="HZ21" s="71">
        <v>12</v>
      </c>
      <c r="IA21" s="72">
        <v>18</v>
      </c>
      <c r="IB21" s="276"/>
      <c r="IC21" s="71">
        <v>19</v>
      </c>
      <c r="ID21" s="71">
        <v>11</v>
      </c>
      <c r="IE21" s="71">
        <v>9</v>
      </c>
      <c r="IF21" s="71">
        <v>5</v>
      </c>
      <c r="IG21" s="71">
        <v>5</v>
      </c>
      <c r="IH21" s="72">
        <v>49</v>
      </c>
      <c r="II21" s="73">
        <v>67</v>
      </c>
      <c r="IJ21" s="70">
        <v>26</v>
      </c>
      <c r="IK21" s="71">
        <v>20</v>
      </c>
      <c r="IL21" s="72">
        <v>46</v>
      </c>
      <c r="IM21" s="276"/>
      <c r="IN21" s="71">
        <v>31</v>
      </c>
      <c r="IO21" s="71">
        <v>27</v>
      </c>
      <c r="IP21" s="71">
        <v>18</v>
      </c>
      <c r="IQ21" s="71">
        <v>11</v>
      </c>
      <c r="IR21" s="71">
        <v>12</v>
      </c>
      <c r="IS21" s="72">
        <v>99</v>
      </c>
      <c r="IT21" s="73">
        <v>145</v>
      </c>
      <c r="IU21" s="70">
        <v>26</v>
      </c>
      <c r="IV21" s="71">
        <v>35</v>
      </c>
      <c r="IW21" s="72">
        <v>61</v>
      </c>
      <c r="IX21" s="276"/>
      <c r="IY21" s="71">
        <v>63</v>
      </c>
      <c r="IZ21" s="71">
        <v>50</v>
      </c>
      <c r="JA21" s="71">
        <v>28</v>
      </c>
      <c r="JB21" s="71">
        <v>28</v>
      </c>
      <c r="JC21" s="71">
        <v>8</v>
      </c>
      <c r="JD21" s="72">
        <v>177</v>
      </c>
      <c r="JE21" s="73">
        <v>238</v>
      </c>
      <c r="JF21" s="70">
        <v>26</v>
      </c>
      <c r="JG21" s="71">
        <v>31</v>
      </c>
      <c r="JH21" s="72">
        <v>57</v>
      </c>
      <c r="JI21" s="276"/>
      <c r="JJ21" s="71">
        <v>48</v>
      </c>
      <c r="JK21" s="71">
        <v>41</v>
      </c>
      <c r="JL21" s="71">
        <v>31</v>
      </c>
      <c r="JM21" s="71">
        <v>22</v>
      </c>
      <c r="JN21" s="71">
        <v>13</v>
      </c>
      <c r="JO21" s="72">
        <v>155</v>
      </c>
      <c r="JP21" s="73">
        <v>212</v>
      </c>
      <c r="JQ21" s="70">
        <v>0</v>
      </c>
      <c r="JR21" s="71">
        <v>0</v>
      </c>
      <c r="JS21" s="72">
        <v>0</v>
      </c>
      <c r="JT21" s="276"/>
      <c r="JU21" s="71">
        <v>0</v>
      </c>
      <c r="JV21" s="71">
        <v>0</v>
      </c>
      <c r="JW21" s="71">
        <v>0</v>
      </c>
      <c r="JX21" s="71">
        <v>0</v>
      </c>
      <c r="JY21" s="71">
        <v>0</v>
      </c>
      <c r="JZ21" s="72">
        <v>0</v>
      </c>
      <c r="KA21" s="73">
        <v>0</v>
      </c>
      <c r="KB21" s="70">
        <v>86</v>
      </c>
      <c r="KC21" s="71">
        <v>109</v>
      </c>
      <c r="KD21" s="72">
        <v>195</v>
      </c>
      <c r="KE21" s="276"/>
      <c r="KF21" s="71">
        <v>170</v>
      </c>
      <c r="KG21" s="71">
        <v>139</v>
      </c>
      <c r="KH21" s="71">
        <v>96</v>
      </c>
      <c r="KI21" s="71">
        <v>75</v>
      </c>
      <c r="KJ21" s="71">
        <v>39</v>
      </c>
      <c r="KK21" s="72">
        <v>519</v>
      </c>
      <c r="KL21" s="73">
        <v>714</v>
      </c>
    </row>
    <row r="22" spans="1:298" ht="19.5" customHeight="1" x14ac:dyDescent="0.2">
      <c r="A22" s="129" t="s">
        <v>19</v>
      </c>
      <c r="B22" s="350">
        <v>27</v>
      </c>
      <c r="C22" s="82">
        <v>31</v>
      </c>
      <c r="D22" s="83">
        <v>58</v>
      </c>
      <c r="E22" s="273"/>
      <c r="F22" s="82">
        <v>73</v>
      </c>
      <c r="G22" s="82">
        <v>54</v>
      </c>
      <c r="H22" s="82">
        <v>22</v>
      </c>
      <c r="I22" s="82">
        <v>24</v>
      </c>
      <c r="J22" s="82">
        <v>10</v>
      </c>
      <c r="K22" s="84">
        <v>183</v>
      </c>
      <c r="L22" s="85">
        <v>241</v>
      </c>
      <c r="M22" s="86">
        <v>0</v>
      </c>
      <c r="N22" s="71">
        <v>0</v>
      </c>
      <c r="O22" s="72">
        <v>0</v>
      </c>
      <c r="P22" s="276"/>
      <c r="Q22" s="71">
        <v>2</v>
      </c>
      <c r="R22" s="71">
        <v>3</v>
      </c>
      <c r="S22" s="71">
        <v>2</v>
      </c>
      <c r="T22" s="71">
        <v>0</v>
      </c>
      <c r="U22" s="71">
        <v>0</v>
      </c>
      <c r="V22" s="72">
        <v>7</v>
      </c>
      <c r="W22" s="73">
        <v>7</v>
      </c>
      <c r="X22" s="70">
        <v>0</v>
      </c>
      <c r="Y22" s="71">
        <v>1</v>
      </c>
      <c r="Z22" s="72">
        <v>1</v>
      </c>
      <c r="AA22" s="276"/>
      <c r="AB22" s="71">
        <v>0</v>
      </c>
      <c r="AC22" s="71">
        <v>2</v>
      </c>
      <c r="AD22" s="71">
        <v>1</v>
      </c>
      <c r="AE22" s="71">
        <v>1</v>
      </c>
      <c r="AF22" s="71">
        <v>0</v>
      </c>
      <c r="AG22" s="72">
        <v>4</v>
      </c>
      <c r="AH22" s="73">
        <v>5</v>
      </c>
      <c r="AI22" s="86">
        <v>2</v>
      </c>
      <c r="AJ22" s="71">
        <v>2</v>
      </c>
      <c r="AK22" s="72">
        <v>4</v>
      </c>
      <c r="AL22" s="276"/>
      <c r="AM22" s="71">
        <v>2</v>
      </c>
      <c r="AN22" s="71">
        <v>6</v>
      </c>
      <c r="AO22" s="71">
        <v>0</v>
      </c>
      <c r="AP22" s="71">
        <v>2</v>
      </c>
      <c r="AQ22" s="71">
        <v>0</v>
      </c>
      <c r="AR22" s="72">
        <v>10</v>
      </c>
      <c r="AS22" s="73">
        <v>14</v>
      </c>
      <c r="AT22" s="70">
        <v>10</v>
      </c>
      <c r="AU22" s="71">
        <v>5</v>
      </c>
      <c r="AV22" s="72">
        <v>15</v>
      </c>
      <c r="AW22" s="276"/>
      <c r="AX22" s="71">
        <v>12</v>
      </c>
      <c r="AY22" s="71">
        <v>10</v>
      </c>
      <c r="AZ22" s="71">
        <v>5</v>
      </c>
      <c r="BA22" s="71">
        <v>7</v>
      </c>
      <c r="BB22" s="71">
        <v>2</v>
      </c>
      <c r="BC22" s="72">
        <v>36</v>
      </c>
      <c r="BD22" s="73">
        <v>51</v>
      </c>
      <c r="BE22" s="86">
        <v>6</v>
      </c>
      <c r="BF22" s="71">
        <v>13</v>
      </c>
      <c r="BG22" s="72">
        <v>19</v>
      </c>
      <c r="BH22" s="276"/>
      <c r="BI22" s="71">
        <v>32</v>
      </c>
      <c r="BJ22" s="71">
        <v>17</v>
      </c>
      <c r="BK22" s="71">
        <v>10</v>
      </c>
      <c r="BL22" s="71">
        <v>5</v>
      </c>
      <c r="BM22" s="71">
        <v>3</v>
      </c>
      <c r="BN22" s="72">
        <v>67</v>
      </c>
      <c r="BO22" s="73">
        <v>86</v>
      </c>
      <c r="BP22" s="70">
        <v>9</v>
      </c>
      <c r="BQ22" s="71">
        <v>10</v>
      </c>
      <c r="BR22" s="72">
        <v>19</v>
      </c>
      <c r="BS22" s="276"/>
      <c r="BT22" s="71">
        <v>25</v>
      </c>
      <c r="BU22" s="71">
        <v>16</v>
      </c>
      <c r="BV22" s="71">
        <v>4</v>
      </c>
      <c r="BW22" s="71">
        <v>9</v>
      </c>
      <c r="BX22" s="71">
        <v>5</v>
      </c>
      <c r="BY22" s="72">
        <v>59</v>
      </c>
      <c r="BZ22" s="73">
        <v>78</v>
      </c>
      <c r="CA22" s="70">
        <v>0</v>
      </c>
      <c r="CB22" s="71">
        <v>0</v>
      </c>
      <c r="CC22" s="72">
        <v>0</v>
      </c>
      <c r="CD22" s="276"/>
      <c r="CE22" s="71">
        <v>0</v>
      </c>
      <c r="CF22" s="71">
        <v>0</v>
      </c>
      <c r="CG22" s="71">
        <v>0</v>
      </c>
      <c r="CH22" s="71">
        <v>0</v>
      </c>
      <c r="CI22" s="71">
        <v>0</v>
      </c>
      <c r="CJ22" s="72">
        <v>0</v>
      </c>
      <c r="CK22" s="73">
        <v>0</v>
      </c>
      <c r="CL22" s="70">
        <v>27</v>
      </c>
      <c r="CM22" s="71">
        <v>31</v>
      </c>
      <c r="CN22" s="72">
        <v>58</v>
      </c>
      <c r="CO22" s="276"/>
      <c r="CP22" s="71">
        <v>73</v>
      </c>
      <c r="CQ22" s="71">
        <v>54</v>
      </c>
      <c r="CR22" s="71">
        <v>22</v>
      </c>
      <c r="CS22" s="71">
        <v>24</v>
      </c>
      <c r="CT22" s="71">
        <v>10</v>
      </c>
      <c r="CU22" s="72">
        <v>183</v>
      </c>
      <c r="CV22" s="73">
        <v>241</v>
      </c>
      <c r="CW22" s="126">
        <v>3</v>
      </c>
      <c r="CX22" s="82">
        <v>3</v>
      </c>
      <c r="CY22" s="83">
        <v>6</v>
      </c>
      <c r="CZ22" s="273"/>
      <c r="DA22" s="82">
        <v>8</v>
      </c>
      <c r="DB22" s="82">
        <v>7</v>
      </c>
      <c r="DC22" s="82">
        <v>8</v>
      </c>
      <c r="DD22" s="82">
        <v>6</v>
      </c>
      <c r="DE22" s="82">
        <v>4</v>
      </c>
      <c r="DF22" s="84">
        <v>33</v>
      </c>
      <c r="DG22" s="85">
        <v>39</v>
      </c>
      <c r="DH22" s="86">
        <v>0</v>
      </c>
      <c r="DI22" s="71">
        <v>0</v>
      </c>
      <c r="DJ22" s="72">
        <v>0</v>
      </c>
      <c r="DK22" s="276"/>
      <c r="DL22" s="71">
        <v>0</v>
      </c>
      <c r="DM22" s="71">
        <v>0</v>
      </c>
      <c r="DN22" s="71">
        <v>0</v>
      </c>
      <c r="DO22" s="71">
        <v>0</v>
      </c>
      <c r="DP22" s="71">
        <v>0</v>
      </c>
      <c r="DQ22" s="72">
        <v>0</v>
      </c>
      <c r="DR22" s="73">
        <v>0</v>
      </c>
      <c r="DS22" s="70">
        <v>0</v>
      </c>
      <c r="DT22" s="71">
        <v>0</v>
      </c>
      <c r="DU22" s="72">
        <v>0</v>
      </c>
      <c r="DV22" s="276"/>
      <c r="DW22" s="71">
        <v>0</v>
      </c>
      <c r="DX22" s="71">
        <v>1</v>
      </c>
      <c r="DY22" s="71">
        <v>1</v>
      </c>
      <c r="DZ22" s="71">
        <v>0</v>
      </c>
      <c r="EA22" s="71">
        <v>0</v>
      </c>
      <c r="EB22" s="72">
        <v>2</v>
      </c>
      <c r="EC22" s="73">
        <v>2</v>
      </c>
      <c r="ED22" s="86">
        <v>2</v>
      </c>
      <c r="EE22" s="71">
        <v>0</v>
      </c>
      <c r="EF22" s="72">
        <v>2</v>
      </c>
      <c r="EG22" s="276"/>
      <c r="EH22" s="71">
        <v>2</v>
      </c>
      <c r="EI22" s="71">
        <v>1</v>
      </c>
      <c r="EJ22" s="71">
        <v>1</v>
      </c>
      <c r="EK22" s="71">
        <v>0</v>
      </c>
      <c r="EL22" s="71">
        <v>0</v>
      </c>
      <c r="EM22" s="72">
        <v>4</v>
      </c>
      <c r="EN22" s="73">
        <v>6</v>
      </c>
      <c r="EO22" s="70">
        <v>1</v>
      </c>
      <c r="EP22" s="71">
        <v>2</v>
      </c>
      <c r="EQ22" s="72">
        <v>3</v>
      </c>
      <c r="ER22" s="276"/>
      <c r="ES22" s="71">
        <v>1</v>
      </c>
      <c r="ET22" s="71">
        <v>1</v>
      </c>
      <c r="EU22" s="71">
        <v>2</v>
      </c>
      <c r="EV22" s="71">
        <v>1</v>
      </c>
      <c r="EW22" s="71">
        <v>1</v>
      </c>
      <c r="EX22" s="72">
        <v>6</v>
      </c>
      <c r="EY22" s="73">
        <v>9</v>
      </c>
      <c r="EZ22" s="86">
        <v>0</v>
      </c>
      <c r="FA22" s="71">
        <v>0</v>
      </c>
      <c r="FB22" s="72">
        <v>0</v>
      </c>
      <c r="FC22" s="276"/>
      <c r="FD22" s="71">
        <v>2</v>
      </c>
      <c r="FE22" s="71">
        <v>1</v>
      </c>
      <c r="FF22" s="71">
        <v>1</v>
      </c>
      <c r="FG22" s="71">
        <v>0</v>
      </c>
      <c r="FH22" s="71">
        <v>1</v>
      </c>
      <c r="FI22" s="72">
        <v>5</v>
      </c>
      <c r="FJ22" s="73">
        <v>5</v>
      </c>
      <c r="FK22" s="70">
        <v>0</v>
      </c>
      <c r="FL22" s="71">
        <v>1</v>
      </c>
      <c r="FM22" s="72">
        <v>1</v>
      </c>
      <c r="FN22" s="276"/>
      <c r="FO22" s="71">
        <v>3</v>
      </c>
      <c r="FP22" s="71">
        <v>3</v>
      </c>
      <c r="FQ22" s="71">
        <v>3</v>
      </c>
      <c r="FR22" s="71">
        <v>5</v>
      </c>
      <c r="FS22" s="71">
        <v>2</v>
      </c>
      <c r="FT22" s="72">
        <v>16</v>
      </c>
      <c r="FU22" s="73">
        <v>17</v>
      </c>
      <c r="FV22" s="70">
        <v>0</v>
      </c>
      <c r="FW22" s="71">
        <v>0</v>
      </c>
      <c r="FX22" s="72">
        <v>0</v>
      </c>
      <c r="FY22" s="276"/>
      <c r="FZ22" s="71">
        <v>0</v>
      </c>
      <c r="GA22" s="71">
        <v>0</v>
      </c>
      <c r="GB22" s="71">
        <v>0</v>
      </c>
      <c r="GC22" s="71">
        <v>0</v>
      </c>
      <c r="GD22" s="71">
        <v>0</v>
      </c>
      <c r="GE22" s="72">
        <v>0</v>
      </c>
      <c r="GF22" s="73">
        <v>0</v>
      </c>
      <c r="GG22" s="70">
        <v>3</v>
      </c>
      <c r="GH22" s="71">
        <v>3</v>
      </c>
      <c r="GI22" s="72">
        <v>6</v>
      </c>
      <c r="GJ22" s="276"/>
      <c r="GK22" s="71">
        <v>8</v>
      </c>
      <c r="GL22" s="71">
        <v>7</v>
      </c>
      <c r="GM22" s="71">
        <v>8</v>
      </c>
      <c r="GN22" s="71">
        <v>6</v>
      </c>
      <c r="GO22" s="71">
        <v>4</v>
      </c>
      <c r="GP22" s="72">
        <v>33</v>
      </c>
      <c r="GQ22" s="73">
        <v>39</v>
      </c>
      <c r="GR22" s="126">
        <v>30</v>
      </c>
      <c r="GS22" s="82">
        <v>34</v>
      </c>
      <c r="GT22" s="83">
        <v>64</v>
      </c>
      <c r="GU22" s="273"/>
      <c r="GV22" s="82">
        <v>81</v>
      </c>
      <c r="GW22" s="82">
        <v>61</v>
      </c>
      <c r="GX22" s="82">
        <v>30</v>
      </c>
      <c r="GY22" s="82">
        <v>30</v>
      </c>
      <c r="GZ22" s="82">
        <v>14</v>
      </c>
      <c r="HA22" s="84">
        <v>216</v>
      </c>
      <c r="HB22" s="85">
        <v>280</v>
      </c>
      <c r="HC22" s="86">
        <v>0</v>
      </c>
      <c r="HD22" s="71">
        <v>0</v>
      </c>
      <c r="HE22" s="72">
        <v>0</v>
      </c>
      <c r="HF22" s="276"/>
      <c r="HG22" s="71">
        <v>2</v>
      </c>
      <c r="HH22" s="71">
        <v>3</v>
      </c>
      <c r="HI22" s="71">
        <v>2</v>
      </c>
      <c r="HJ22" s="71">
        <v>0</v>
      </c>
      <c r="HK22" s="71">
        <v>0</v>
      </c>
      <c r="HL22" s="72">
        <v>7</v>
      </c>
      <c r="HM22" s="73">
        <v>7</v>
      </c>
      <c r="HN22" s="70">
        <v>0</v>
      </c>
      <c r="HO22" s="71">
        <v>1</v>
      </c>
      <c r="HP22" s="72">
        <v>1</v>
      </c>
      <c r="HQ22" s="276"/>
      <c r="HR22" s="71">
        <v>0</v>
      </c>
      <c r="HS22" s="71">
        <v>3</v>
      </c>
      <c r="HT22" s="71">
        <v>2</v>
      </c>
      <c r="HU22" s="71">
        <v>1</v>
      </c>
      <c r="HV22" s="71">
        <v>0</v>
      </c>
      <c r="HW22" s="72">
        <v>6</v>
      </c>
      <c r="HX22" s="73">
        <v>7</v>
      </c>
      <c r="HY22" s="86">
        <v>4</v>
      </c>
      <c r="HZ22" s="71">
        <v>2</v>
      </c>
      <c r="IA22" s="72">
        <v>6</v>
      </c>
      <c r="IB22" s="276"/>
      <c r="IC22" s="71">
        <v>4</v>
      </c>
      <c r="ID22" s="71">
        <v>7</v>
      </c>
      <c r="IE22" s="71">
        <v>1</v>
      </c>
      <c r="IF22" s="71">
        <v>2</v>
      </c>
      <c r="IG22" s="71">
        <v>0</v>
      </c>
      <c r="IH22" s="72">
        <v>14</v>
      </c>
      <c r="II22" s="73">
        <v>20</v>
      </c>
      <c r="IJ22" s="70">
        <v>11</v>
      </c>
      <c r="IK22" s="71">
        <v>7</v>
      </c>
      <c r="IL22" s="72">
        <v>18</v>
      </c>
      <c r="IM22" s="276"/>
      <c r="IN22" s="71">
        <v>13</v>
      </c>
      <c r="IO22" s="71">
        <v>11</v>
      </c>
      <c r="IP22" s="71">
        <v>7</v>
      </c>
      <c r="IQ22" s="71">
        <v>8</v>
      </c>
      <c r="IR22" s="71">
        <v>3</v>
      </c>
      <c r="IS22" s="72">
        <v>42</v>
      </c>
      <c r="IT22" s="73">
        <v>60</v>
      </c>
      <c r="IU22" s="86">
        <v>6</v>
      </c>
      <c r="IV22" s="71">
        <v>13</v>
      </c>
      <c r="IW22" s="72">
        <v>19</v>
      </c>
      <c r="IX22" s="276"/>
      <c r="IY22" s="71">
        <v>34</v>
      </c>
      <c r="IZ22" s="71">
        <v>18</v>
      </c>
      <c r="JA22" s="71">
        <v>11</v>
      </c>
      <c r="JB22" s="71">
        <v>5</v>
      </c>
      <c r="JC22" s="71">
        <v>4</v>
      </c>
      <c r="JD22" s="72">
        <v>72</v>
      </c>
      <c r="JE22" s="73">
        <v>91</v>
      </c>
      <c r="JF22" s="70">
        <v>9</v>
      </c>
      <c r="JG22" s="71">
        <v>11</v>
      </c>
      <c r="JH22" s="72">
        <v>20</v>
      </c>
      <c r="JI22" s="276"/>
      <c r="JJ22" s="71">
        <v>28</v>
      </c>
      <c r="JK22" s="71">
        <v>19</v>
      </c>
      <c r="JL22" s="71">
        <v>7</v>
      </c>
      <c r="JM22" s="71">
        <v>14</v>
      </c>
      <c r="JN22" s="71">
        <v>7</v>
      </c>
      <c r="JO22" s="72">
        <v>75</v>
      </c>
      <c r="JP22" s="73">
        <v>95</v>
      </c>
      <c r="JQ22" s="70">
        <v>0</v>
      </c>
      <c r="JR22" s="71">
        <v>0</v>
      </c>
      <c r="JS22" s="72">
        <v>0</v>
      </c>
      <c r="JT22" s="276"/>
      <c r="JU22" s="71">
        <v>0</v>
      </c>
      <c r="JV22" s="71">
        <v>0</v>
      </c>
      <c r="JW22" s="71">
        <v>0</v>
      </c>
      <c r="JX22" s="71">
        <v>0</v>
      </c>
      <c r="JY22" s="71">
        <v>0</v>
      </c>
      <c r="JZ22" s="72">
        <v>0</v>
      </c>
      <c r="KA22" s="73">
        <v>0</v>
      </c>
      <c r="KB22" s="70">
        <v>30</v>
      </c>
      <c r="KC22" s="71">
        <v>34</v>
      </c>
      <c r="KD22" s="72">
        <v>64</v>
      </c>
      <c r="KE22" s="276"/>
      <c r="KF22" s="71">
        <v>81</v>
      </c>
      <c r="KG22" s="71">
        <v>61</v>
      </c>
      <c r="KH22" s="71">
        <v>30</v>
      </c>
      <c r="KI22" s="71">
        <v>30</v>
      </c>
      <c r="KJ22" s="71">
        <v>14</v>
      </c>
      <c r="KK22" s="72">
        <v>216</v>
      </c>
      <c r="KL22" s="73">
        <v>280</v>
      </c>
    </row>
    <row r="23" spans="1:298" ht="19.5" customHeight="1" x14ac:dyDescent="0.2">
      <c r="A23" s="129" t="s">
        <v>20</v>
      </c>
      <c r="B23" s="350">
        <v>54</v>
      </c>
      <c r="C23" s="82">
        <v>72</v>
      </c>
      <c r="D23" s="83">
        <v>126</v>
      </c>
      <c r="E23" s="273"/>
      <c r="F23" s="82">
        <v>101</v>
      </c>
      <c r="G23" s="82">
        <v>69</v>
      </c>
      <c r="H23" s="82">
        <v>49</v>
      </c>
      <c r="I23" s="82">
        <v>42</v>
      </c>
      <c r="J23" s="82">
        <v>15</v>
      </c>
      <c r="K23" s="84">
        <v>276</v>
      </c>
      <c r="L23" s="85">
        <v>402</v>
      </c>
      <c r="M23" s="70">
        <v>1</v>
      </c>
      <c r="N23" s="71">
        <v>1</v>
      </c>
      <c r="O23" s="72">
        <v>2</v>
      </c>
      <c r="P23" s="276"/>
      <c r="Q23" s="71">
        <v>3</v>
      </c>
      <c r="R23" s="71">
        <v>0</v>
      </c>
      <c r="S23" s="71">
        <v>1</v>
      </c>
      <c r="T23" s="71">
        <v>0</v>
      </c>
      <c r="U23" s="71">
        <v>0</v>
      </c>
      <c r="V23" s="72">
        <v>4</v>
      </c>
      <c r="W23" s="73">
        <v>6</v>
      </c>
      <c r="X23" s="70">
        <v>2</v>
      </c>
      <c r="Y23" s="71">
        <v>3</v>
      </c>
      <c r="Z23" s="72">
        <v>5</v>
      </c>
      <c r="AA23" s="276"/>
      <c r="AB23" s="71">
        <v>5</v>
      </c>
      <c r="AC23" s="71">
        <v>3</v>
      </c>
      <c r="AD23" s="71">
        <v>3</v>
      </c>
      <c r="AE23" s="71">
        <v>3</v>
      </c>
      <c r="AF23" s="71">
        <v>1</v>
      </c>
      <c r="AG23" s="72">
        <v>15</v>
      </c>
      <c r="AH23" s="73">
        <v>20</v>
      </c>
      <c r="AI23" s="70">
        <v>9</v>
      </c>
      <c r="AJ23" s="71">
        <v>7</v>
      </c>
      <c r="AK23" s="72">
        <v>16</v>
      </c>
      <c r="AL23" s="276"/>
      <c r="AM23" s="71">
        <v>10</v>
      </c>
      <c r="AN23" s="71">
        <v>4</v>
      </c>
      <c r="AO23" s="71">
        <v>8</v>
      </c>
      <c r="AP23" s="71">
        <v>9</v>
      </c>
      <c r="AQ23" s="71">
        <v>4</v>
      </c>
      <c r="AR23" s="72">
        <v>35</v>
      </c>
      <c r="AS23" s="73">
        <v>51</v>
      </c>
      <c r="AT23" s="70">
        <v>10</v>
      </c>
      <c r="AU23" s="71">
        <v>18</v>
      </c>
      <c r="AV23" s="72">
        <v>28</v>
      </c>
      <c r="AW23" s="276"/>
      <c r="AX23" s="71">
        <v>26</v>
      </c>
      <c r="AY23" s="71">
        <v>24</v>
      </c>
      <c r="AZ23" s="71">
        <v>10</v>
      </c>
      <c r="BA23" s="71">
        <v>6</v>
      </c>
      <c r="BB23" s="71">
        <v>4</v>
      </c>
      <c r="BC23" s="72">
        <v>70</v>
      </c>
      <c r="BD23" s="73">
        <v>98</v>
      </c>
      <c r="BE23" s="70">
        <v>18</v>
      </c>
      <c r="BF23" s="71">
        <v>24</v>
      </c>
      <c r="BG23" s="72">
        <v>42</v>
      </c>
      <c r="BH23" s="276"/>
      <c r="BI23" s="71">
        <v>36</v>
      </c>
      <c r="BJ23" s="71">
        <v>20</v>
      </c>
      <c r="BK23" s="71">
        <v>12</v>
      </c>
      <c r="BL23" s="71">
        <v>5</v>
      </c>
      <c r="BM23" s="71">
        <v>3</v>
      </c>
      <c r="BN23" s="72">
        <v>76</v>
      </c>
      <c r="BO23" s="73">
        <v>118</v>
      </c>
      <c r="BP23" s="70">
        <v>14</v>
      </c>
      <c r="BQ23" s="71">
        <v>19</v>
      </c>
      <c r="BR23" s="72">
        <v>33</v>
      </c>
      <c r="BS23" s="276"/>
      <c r="BT23" s="71">
        <v>21</v>
      </c>
      <c r="BU23" s="71">
        <v>18</v>
      </c>
      <c r="BV23" s="71">
        <v>15</v>
      </c>
      <c r="BW23" s="71">
        <v>19</v>
      </c>
      <c r="BX23" s="71">
        <v>3</v>
      </c>
      <c r="BY23" s="72">
        <v>76</v>
      </c>
      <c r="BZ23" s="73">
        <v>109</v>
      </c>
      <c r="CA23" s="70">
        <v>0</v>
      </c>
      <c r="CB23" s="71">
        <v>0</v>
      </c>
      <c r="CC23" s="72">
        <v>0</v>
      </c>
      <c r="CD23" s="276"/>
      <c r="CE23" s="71">
        <v>0</v>
      </c>
      <c r="CF23" s="71">
        <v>0</v>
      </c>
      <c r="CG23" s="71">
        <v>0</v>
      </c>
      <c r="CH23" s="71">
        <v>0</v>
      </c>
      <c r="CI23" s="71">
        <v>0</v>
      </c>
      <c r="CJ23" s="72">
        <v>0</v>
      </c>
      <c r="CK23" s="73">
        <v>0</v>
      </c>
      <c r="CL23" s="70">
        <v>54</v>
      </c>
      <c r="CM23" s="71">
        <v>72</v>
      </c>
      <c r="CN23" s="72">
        <v>126</v>
      </c>
      <c r="CO23" s="276"/>
      <c r="CP23" s="71">
        <v>101</v>
      </c>
      <c r="CQ23" s="71">
        <v>69</v>
      </c>
      <c r="CR23" s="71">
        <v>49</v>
      </c>
      <c r="CS23" s="71">
        <v>42</v>
      </c>
      <c r="CT23" s="71">
        <v>15</v>
      </c>
      <c r="CU23" s="72">
        <v>276</v>
      </c>
      <c r="CV23" s="73">
        <v>402</v>
      </c>
      <c r="CW23" s="126">
        <v>8</v>
      </c>
      <c r="CX23" s="82">
        <v>4</v>
      </c>
      <c r="CY23" s="83">
        <v>12</v>
      </c>
      <c r="CZ23" s="273"/>
      <c r="DA23" s="82">
        <v>10</v>
      </c>
      <c r="DB23" s="82">
        <v>7</v>
      </c>
      <c r="DC23" s="82">
        <v>7</v>
      </c>
      <c r="DD23" s="82">
        <v>6</v>
      </c>
      <c r="DE23" s="82">
        <v>1</v>
      </c>
      <c r="DF23" s="84">
        <v>31</v>
      </c>
      <c r="DG23" s="85">
        <v>43</v>
      </c>
      <c r="DH23" s="70">
        <v>0</v>
      </c>
      <c r="DI23" s="71">
        <v>0</v>
      </c>
      <c r="DJ23" s="72">
        <v>0</v>
      </c>
      <c r="DK23" s="276"/>
      <c r="DL23" s="71">
        <v>0</v>
      </c>
      <c r="DM23" s="71">
        <v>0</v>
      </c>
      <c r="DN23" s="71">
        <v>0</v>
      </c>
      <c r="DO23" s="71">
        <v>0</v>
      </c>
      <c r="DP23" s="71">
        <v>0</v>
      </c>
      <c r="DQ23" s="72">
        <v>0</v>
      </c>
      <c r="DR23" s="73">
        <v>0</v>
      </c>
      <c r="DS23" s="70">
        <v>0</v>
      </c>
      <c r="DT23" s="71">
        <v>0</v>
      </c>
      <c r="DU23" s="72">
        <v>0</v>
      </c>
      <c r="DV23" s="276"/>
      <c r="DW23" s="71">
        <v>0</v>
      </c>
      <c r="DX23" s="71">
        <v>0</v>
      </c>
      <c r="DY23" s="71">
        <v>0</v>
      </c>
      <c r="DZ23" s="71">
        <v>1</v>
      </c>
      <c r="EA23" s="71">
        <v>1</v>
      </c>
      <c r="EB23" s="72">
        <v>2</v>
      </c>
      <c r="EC23" s="73">
        <v>2</v>
      </c>
      <c r="ED23" s="70">
        <v>1</v>
      </c>
      <c r="EE23" s="71">
        <v>0</v>
      </c>
      <c r="EF23" s="72">
        <v>1</v>
      </c>
      <c r="EG23" s="276"/>
      <c r="EH23" s="71">
        <v>0</v>
      </c>
      <c r="EI23" s="71">
        <v>2</v>
      </c>
      <c r="EJ23" s="71">
        <v>0</v>
      </c>
      <c r="EK23" s="71">
        <v>0</v>
      </c>
      <c r="EL23" s="71">
        <v>0</v>
      </c>
      <c r="EM23" s="72">
        <v>2</v>
      </c>
      <c r="EN23" s="73">
        <v>3</v>
      </c>
      <c r="EO23" s="70">
        <v>5</v>
      </c>
      <c r="EP23" s="71">
        <v>2</v>
      </c>
      <c r="EQ23" s="72">
        <v>7</v>
      </c>
      <c r="ER23" s="276"/>
      <c r="ES23" s="71">
        <v>1</v>
      </c>
      <c r="ET23" s="71">
        <v>1</v>
      </c>
      <c r="EU23" s="71">
        <v>0</v>
      </c>
      <c r="EV23" s="71">
        <v>1</v>
      </c>
      <c r="EW23" s="71">
        <v>0</v>
      </c>
      <c r="EX23" s="72">
        <v>3</v>
      </c>
      <c r="EY23" s="73">
        <v>10</v>
      </c>
      <c r="EZ23" s="70">
        <v>2</v>
      </c>
      <c r="FA23" s="71">
        <v>1</v>
      </c>
      <c r="FB23" s="72">
        <v>3</v>
      </c>
      <c r="FC23" s="276"/>
      <c r="FD23" s="71">
        <v>6</v>
      </c>
      <c r="FE23" s="71">
        <v>0</v>
      </c>
      <c r="FF23" s="71">
        <v>4</v>
      </c>
      <c r="FG23" s="71">
        <v>0</v>
      </c>
      <c r="FH23" s="71">
        <v>0</v>
      </c>
      <c r="FI23" s="72">
        <v>10</v>
      </c>
      <c r="FJ23" s="73">
        <v>13</v>
      </c>
      <c r="FK23" s="70">
        <v>0</v>
      </c>
      <c r="FL23" s="71">
        <v>1</v>
      </c>
      <c r="FM23" s="72">
        <v>1</v>
      </c>
      <c r="FN23" s="276"/>
      <c r="FO23" s="71">
        <v>3</v>
      </c>
      <c r="FP23" s="71">
        <v>4</v>
      </c>
      <c r="FQ23" s="71">
        <v>3</v>
      </c>
      <c r="FR23" s="71">
        <v>4</v>
      </c>
      <c r="FS23" s="71">
        <v>0</v>
      </c>
      <c r="FT23" s="72">
        <v>14</v>
      </c>
      <c r="FU23" s="73">
        <v>15</v>
      </c>
      <c r="FV23" s="70">
        <v>0</v>
      </c>
      <c r="FW23" s="71">
        <v>0</v>
      </c>
      <c r="FX23" s="72">
        <v>0</v>
      </c>
      <c r="FY23" s="276"/>
      <c r="FZ23" s="71">
        <v>0</v>
      </c>
      <c r="GA23" s="71">
        <v>0</v>
      </c>
      <c r="GB23" s="71">
        <v>0</v>
      </c>
      <c r="GC23" s="71">
        <v>0</v>
      </c>
      <c r="GD23" s="71">
        <v>0</v>
      </c>
      <c r="GE23" s="72">
        <v>0</v>
      </c>
      <c r="GF23" s="73">
        <v>0</v>
      </c>
      <c r="GG23" s="70">
        <v>8</v>
      </c>
      <c r="GH23" s="71">
        <v>4</v>
      </c>
      <c r="GI23" s="72">
        <v>12</v>
      </c>
      <c r="GJ23" s="276"/>
      <c r="GK23" s="71">
        <v>10</v>
      </c>
      <c r="GL23" s="71">
        <v>7</v>
      </c>
      <c r="GM23" s="71">
        <v>7</v>
      </c>
      <c r="GN23" s="71">
        <v>6</v>
      </c>
      <c r="GO23" s="71">
        <v>1</v>
      </c>
      <c r="GP23" s="72">
        <v>31</v>
      </c>
      <c r="GQ23" s="73">
        <v>43</v>
      </c>
      <c r="GR23" s="126">
        <v>62</v>
      </c>
      <c r="GS23" s="82">
        <v>76</v>
      </c>
      <c r="GT23" s="83">
        <v>138</v>
      </c>
      <c r="GU23" s="273"/>
      <c r="GV23" s="82">
        <v>111</v>
      </c>
      <c r="GW23" s="82">
        <v>76</v>
      </c>
      <c r="GX23" s="82">
        <v>56</v>
      </c>
      <c r="GY23" s="82">
        <v>48</v>
      </c>
      <c r="GZ23" s="82">
        <v>16</v>
      </c>
      <c r="HA23" s="84">
        <v>307</v>
      </c>
      <c r="HB23" s="85">
        <v>445</v>
      </c>
      <c r="HC23" s="70">
        <v>1</v>
      </c>
      <c r="HD23" s="71">
        <v>1</v>
      </c>
      <c r="HE23" s="72">
        <v>2</v>
      </c>
      <c r="HF23" s="276"/>
      <c r="HG23" s="71">
        <v>3</v>
      </c>
      <c r="HH23" s="71">
        <v>0</v>
      </c>
      <c r="HI23" s="71">
        <v>1</v>
      </c>
      <c r="HJ23" s="71">
        <v>0</v>
      </c>
      <c r="HK23" s="71">
        <v>0</v>
      </c>
      <c r="HL23" s="72">
        <v>4</v>
      </c>
      <c r="HM23" s="73">
        <v>6</v>
      </c>
      <c r="HN23" s="70">
        <v>2</v>
      </c>
      <c r="HO23" s="71">
        <v>3</v>
      </c>
      <c r="HP23" s="72">
        <v>5</v>
      </c>
      <c r="HQ23" s="276"/>
      <c r="HR23" s="71">
        <v>5</v>
      </c>
      <c r="HS23" s="71">
        <v>3</v>
      </c>
      <c r="HT23" s="71">
        <v>3</v>
      </c>
      <c r="HU23" s="71">
        <v>4</v>
      </c>
      <c r="HV23" s="71">
        <v>2</v>
      </c>
      <c r="HW23" s="72">
        <v>17</v>
      </c>
      <c r="HX23" s="73">
        <v>22</v>
      </c>
      <c r="HY23" s="70">
        <v>10</v>
      </c>
      <c r="HZ23" s="71">
        <v>7</v>
      </c>
      <c r="IA23" s="72">
        <v>17</v>
      </c>
      <c r="IB23" s="276"/>
      <c r="IC23" s="71">
        <v>10</v>
      </c>
      <c r="ID23" s="71">
        <v>6</v>
      </c>
      <c r="IE23" s="71">
        <v>8</v>
      </c>
      <c r="IF23" s="71">
        <v>9</v>
      </c>
      <c r="IG23" s="71">
        <v>4</v>
      </c>
      <c r="IH23" s="72">
        <v>37</v>
      </c>
      <c r="II23" s="73">
        <v>54</v>
      </c>
      <c r="IJ23" s="70">
        <v>15</v>
      </c>
      <c r="IK23" s="71">
        <v>20</v>
      </c>
      <c r="IL23" s="72">
        <v>35</v>
      </c>
      <c r="IM23" s="276"/>
      <c r="IN23" s="71">
        <v>27</v>
      </c>
      <c r="IO23" s="71">
        <v>25</v>
      </c>
      <c r="IP23" s="71">
        <v>10</v>
      </c>
      <c r="IQ23" s="71">
        <v>7</v>
      </c>
      <c r="IR23" s="71">
        <v>4</v>
      </c>
      <c r="IS23" s="72">
        <v>73</v>
      </c>
      <c r="IT23" s="73">
        <v>108</v>
      </c>
      <c r="IU23" s="70">
        <v>20</v>
      </c>
      <c r="IV23" s="71">
        <v>25</v>
      </c>
      <c r="IW23" s="72">
        <v>45</v>
      </c>
      <c r="IX23" s="276"/>
      <c r="IY23" s="71">
        <v>42</v>
      </c>
      <c r="IZ23" s="71">
        <v>20</v>
      </c>
      <c r="JA23" s="71">
        <v>16</v>
      </c>
      <c r="JB23" s="71">
        <v>5</v>
      </c>
      <c r="JC23" s="71">
        <v>3</v>
      </c>
      <c r="JD23" s="72">
        <v>86</v>
      </c>
      <c r="JE23" s="73">
        <v>131</v>
      </c>
      <c r="JF23" s="70">
        <v>14</v>
      </c>
      <c r="JG23" s="71">
        <v>20</v>
      </c>
      <c r="JH23" s="72">
        <v>34</v>
      </c>
      <c r="JI23" s="276"/>
      <c r="JJ23" s="71">
        <v>24</v>
      </c>
      <c r="JK23" s="71">
        <v>22</v>
      </c>
      <c r="JL23" s="71">
        <v>18</v>
      </c>
      <c r="JM23" s="71">
        <v>23</v>
      </c>
      <c r="JN23" s="71">
        <v>3</v>
      </c>
      <c r="JO23" s="72">
        <v>90</v>
      </c>
      <c r="JP23" s="73">
        <v>124</v>
      </c>
      <c r="JQ23" s="70">
        <v>0</v>
      </c>
      <c r="JR23" s="71">
        <v>0</v>
      </c>
      <c r="JS23" s="72">
        <v>0</v>
      </c>
      <c r="JT23" s="276"/>
      <c r="JU23" s="71">
        <v>0</v>
      </c>
      <c r="JV23" s="71">
        <v>0</v>
      </c>
      <c r="JW23" s="71">
        <v>0</v>
      </c>
      <c r="JX23" s="71">
        <v>0</v>
      </c>
      <c r="JY23" s="71">
        <v>0</v>
      </c>
      <c r="JZ23" s="72">
        <v>0</v>
      </c>
      <c r="KA23" s="73">
        <v>0</v>
      </c>
      <c r="KB23" s="70">
        <v>62</v>
      </c>
      <c r="KC23" s="71">
        <v>76</v>
      </c>
      <c r="KD23" s="72">
        <v>138</v>
      </c>
      <c r="KE23" s="276"/>
      <c r="KF23" s="71">
        <v>111</v>
      </c>
      <c r="KG23" s="71">
        <v>76</v>
      </c>
      <c r="KH23" s="71">
        <v>56</v>
      </c>
      <c r="KI23" s="71">
        <v>48</v>
      </c>
      <c r="KJ23" s="71">
        <v>16</v>
      </c>
      <c r="KK23" s="72">
        <v>307</v>
      </c>
      <c r="KL23" s="73">
        <v>445</v>
      </c>
    </row>
    <row r="24" spans="1:298" ht="19.5" customHeight="1" x14ac:dyDescent="0.2">
      <c r="A24" s="129" t="s">
        <v>21</v>
      </c>
      <c r="B24" s="350">
        <v>48</v>
      </c>
      <c r="C24" s="82">
        <v>43</v>
      </c>
      <c r="D24" s="83">
        <v>91</v>
      </c>
      <c r="E24" s="273"/>
      <c r="F24" s="82">
        <v>72</v>
      </c>
      <c r="G24" s="82">
        <v>64</v>
      </c>
      <c r="H24" s="82">
        <v>37</v>
      </c>
      <c r="I24" s="82">
        <v>35</v>
      </c>
      <c r="J24" s="82">
        <v>17</v>
      </c>
      <c r="K24" s="84">
        <v>225</v>
      </c>
      <c r="L24" s="85">
        <v>316</v>
      </c>
      <c r="M24" s="70">
        <v>0</v>
      </c>
      <c r="N24" s="71">
        <v>1</v>
      </c>
      <c r="O24" s="72">
        <v>1</v>
      </c>
      <c r="P24" s="276"/>
      <c r="Q24" s="71">
        <v>0</v>
      </c>
      <c r="R24" s="71">
        <v>0</v>
      </c>
      <c r="S24" s="71">
        <v>0</v>
      </c>
      <c r="T24" s="71">
        <v>1</v>
      </c>
      <c r="U24" s="71">
        <v>0</v>
      </c>
      <c r="V24" s="72">
        <v>1</v>
      </c>
      <c r="W24" s="73">
        <v>2</v>
      </c>
      <c r="X24" s="70">
        <v>5</v>
      </c>
      <c r="Y24" s="71">
        <v>2</v>
      </c>
      <c r="Z24" s="72">
        <v>7</v>
      </c>
      <c r="AA24" s="276"/>
      <c r="AB24" s="71">
        <v>6</v>
      </c>
      <c r="AC24" s="71">
        <v>3</v>
      </c>
      <c r="AD24" s="71">
        <v>3</v>
      </c>
      <c r="AE24" s="71">
        <v>3</v>
      </c>
      <c r="AF24" s="71">
        <v>0</v>
      </c>
      <c r="AG24" s="72">
        <v>15</v>
      </c>
      <c r="AH24" s="73">
        <v>22</v>
      </c>
      <c r="AI24" s="70">
        <v>9</v>
      </c>
      <c r="AJ24" s="71">
        <v>4</v>
      </c>
      <c r="AK24" s="72">
        <v>13</v>
      </c>
      <c r="AL24" s="276"/>
      <c r="AM24" s="71">
        <v>5</v>
      </c>
      <c r="AN24" s="71">
        <v>5</v>
      </c>
      <c r="AO24" s="71">
        <v>3</v>
      </c>
      <c r="AP24" s="71">
        <v>6</v>
      </c>
      <c r="AQ24" s="71">
        <v>0</v>
      </c>
      <c r="AR24" s="72">
        <v>19</v>
      </c>
      <c r="AS24" s="73">
        <v>32</v>
      </c>
      <c r="AT24" s="70">
        <v>6</v>
      </c>
      <c r="AU24" s="71">
        <v>10</v>
      </c>
      <c r="AV24" s="72">
        <v>16</v>
      </c>
      <c r="AW24" s="276"/>
      <c r="AX24" s="71">
        <v>13</v>
      </c>
      <c r="AY24" s="71">
        <v>15</v>
      </c>
      <c r="AZ24" s="71">
        <v>6</v>
      </c>
      <c r="BA24" s="71">
        <v>4</v>
      </c>
      <c r="BB24" s="71">
        <v>4</v>
      </c>
      <c r="BC24" s="72">
        <v>42</v>
      </c>
      <c r="BD24" s="73">
        <v>58</v>
      </c>
      <c r="BE24" s="70">
        <v>17</v>
      </c>
      <c r="BF24" s="71">
        <v>15</v>
      </c>
      <c r="BG24" s="72">
        <v>32</v>
      </c>
      <c r="BH24" s="276"/>
      <c r="BI24" s="71">
        <v>29</v>
      </c>
      <c r="BJ24" s="71">
        <v>22</v>
      </c>
      <c r="BK24" s="71">
        <v>13</v>
      </c>
      <c r="BL24" s="71">
        <v>11</v>
      </c>
      <c r="BM24" s="71">
        <v>7</v>
      </c>
      <c r="BN24" s="72">
        <v>82</v>
      </c>
      <c r="BO24" s="73">
        <v>114</v>
      </c>
      <c r="BP24" s="70">
        <v>11</v>
      </c>
      <c r="BQ24" s="71">
        <v>11</v>
      </c>
      <c r="BR24" s="72">
        <v>22</v>
      </c>
      <c r="BS24" s="276"/>
      <c r="BT24" s="71">
        <v>19</v>
      </c>
      <c r="BU24" s="71">
        <v>19</v>
      </c>
      <c r="BV24" s="71">
        <v>12</v>
      </c>
      <c r="BW24" s="71">
        <v>10</v>
      </c>
      <c r="BX24" s="71">
        <v>6</v>
      </c>
      <c r="BY24" s="72">
        <v>66</v>
      </c>
      <c r="BZ24" s="73">
        <v>88</v>
      </c>
      <c r="CA24" s="70">
        <v>0</v>
      </c>
      <c r="CB24" s="71">
        <v>0</v>
      </c>
      <c r="CC24" s="72">
        <v>0</v>
      </c>
      <c r="CD24" s="276"/>
      <c r="CE24" s="71">
        <v>0</v>
      </c>
      <c r="CF24" s="71">
        <v>0</v>
      </c>
      <c r="CG24" s="71">
        <v>0</v>
      </c>
      <c r="CH24" s="71">
        <v>0</v>
      </c>
      <c r="CI24" s="71">
        <v>0</v>
      </c>
      <c r="CJ24" s="72">
        <v>0</v>
      </c>
      <c r="CK24" s="73">
        <v>0</v>
      </c>
      <c r="CL24" s="70">
        <v>48</v>
      </c>
      <c r="CM24" s="71">
        <v>43</v>
      </c>
      <c r="CN24" s="72">
        <v>91</v>
      </c>
      <c r="CO24" s="276"/>
      <c r="CP24" s="71">
        <v>72</v>
      </c>
      <c r="CQ24" s="71">
        <v>64</v>
      </c>
      <c r="CR24" s="71">
        <v>37</v>
      </c>
      <c r="CS24" s="71">
        <v>35</v>
      </c>
      <c r="CT24" s="71">
        <v>17</v>
      </c>
      <c r="CU24" s="72">
        <v>225</v>
      </c>
      <c r="CV24" s="73">
        <v>316</v>
      </c>
      <c r="CW24" s="126">
        <v>7</v>
      </c>
      <c r="CX24" s="82">
        <v>4</v>
      </c>
      <c r="CY24" s="83">
        <v>11</v>
      </c>
      <c r="CZ24" s="273"/>
      <c r="DA24" s="82">
        <v>14</v>
      </c>
      <c r="DB24" s="82">
        <v>5</v>
      </c>
      <c r="DC24" s="82">
        <v>10</v>
      </c>
      <c r="DD24" s="82">
        <v>5</v>
      </c>
      <c r="DE24" s="82">
        <v>7</v>
      </c>
      <c r="DF24" s="84">
        <v>41</v>
      </c>
      <c r="DG24" s="85">
        <v>52</v>
      </c>
      <c r="DH24" s="70">
        <v>0</v>
      </c>
      <c r="DI24" s="71">
        <v>0</v>
      </c>
      <c r="DJ24" s="72">
        <v>0</v>
      </c>
      <c r="DK24" s="276"/>
      <c r="DL24" s="71">
        <v>0</v>
      </c>
      <c r="DM24" s="71">
        <v>1</v>
      </c>
      <c r="DN24" s="71">
        <v>1</v>
      </c>
      <c r="DO24" s="71">
        <v>0</v>
      </c>
      <c r="DP24" s="71">
        <v>1</v>
      </c>
      <c r="DQ24" s="72">
        <v>3</v>
      </c>
      <c r="DR24" s="73">
        <v>3</v>
      </c>
      <c r="DS24" s="70">
        <v>1</v>
      </c>
      <c r="DT24" s="71">
        <v>0</v>
      </c>
      <c r="DU24" s="72">
        <v>1</v>
      </c>
      <c r="DV24" s="276"/>
      <c r="DW24" s="71">
        <v>1</v>
      </c>
      <c r="DX24" s="71">
        <v>0</v>
      </c>
      <c r="DY24" s="71">
        <v>0</v>
      </c>
      <c r="DZ24" s="71">
        <v>0</v>
      </c>
      <c r="EA24" s="71">
        <v>0</v>
      </c>
      <c r="EB24" s="72">
        <v>1</v>
      </c>
      <c r="EC24" s="73">
        <v>2</v>
      </c>
      <c r="ED24" s="70">
        <v>0</v>
      </c>
      <c r="EE24" s="71">
        <v>0</v>
      </c>
      <c r="EF24" s="72">
        <v>0</v>
      </c>
      <c r="EG24" s="276"/>
      <c r="EH24" s="71">
        <v>0</v>
      </c>
      <c r="EI24" s="71">
        <v>0</v>
      </c>
      <c r="EJ24" s="71">
        <v>0</v>
      </c>
      <c r="EK24" s="71">
        <v>0</v>
      </c>
      <c r="EL24" s="71">
        <v>0</v>
      </c>
      <c r="EM24" s="72">
        <v>0</v>
      </c>
      <c r="EN24" s="73">
        <v>0</v>
      </c>
      <c r="EO24" s="70">
        <v>0</v>
      </c>
      <c r="EP24" s="71">
        <v>2</v>
      </c>
      <c r="EQ24" s="72">
        <v>2</v>
      </c>
      <c r="ER24" s="276"/>
      <c r="ES24" s="71">
        <v>2</v>
      </c>
      <c r="ET24" s="71">
        <v>0</v>
      </c>
      <c r="EU24" s="71">
        <v>1</v>
      </c>
      <c r="EV24" s="71">
        <v>2</v>
      </c>
      <c r="EW24" s="71">
        <v>2</v>
      </c>
      <c r="EX24" s="72">
        <v>7</v>
      </c>
      <c r="EY24" s="73">
        <v>9</v>
      </c>
      <c r="EZ24" s="70">
        <v>3</v>
      </c>
      <c r="FA24" s="71">
        <v>1</v>
      </c>
      <c r="FB24" s="72">
        <v>4</v>
      </c>
      <c r="FC24" s="276"/>
      <c r="FD24" s="71">
        <v>4</v>
      </c>
      <c r="FE24" s="71">
        <v>1</v>
      </c>
      <c r="FF24" s="71">
        <v>3</v>
      </c>
      <c r="FG24" s="71">
        <v>2</v>
      </c>
      <c r="FH24" s="71">
        <v>1</v>
      </c>
      <c r="FI24" s="72">
        <v>11</v>
      </c>
      <c r="FJ24" s="73">
        <v>15</v>
      </c>
      <c r="FK24" s="70">
        <v>3</v>
      </c>
      <c r="FL24" s="71">
        <v>1</v>
      </c>
      <c r="FM24" s="72">
        <v>4</v>
      </c>
      <c r="FN24" s="276"/>
      <c r="FO24" s="71">
        <v>7</v>
      </c>
      <c r="FP24" s="71">
        <v>3</v>
      </c>
      <c r="FQ24" s="71">
        <v>5</v>
      </c>
      <c r="FR24" s="71">
        <v>1</v>
      </c>
      <c r="FS24" s="71">
        <v>3</v>
      </c>
      <c r="FT24" s="72">
        <v>19</v>
      </c>
      <c r="FU24" s="73">
        <v>23</v>
      </c>
      <c r="FV24" s="70">
        <v>0</v>
      </c>
      <c r="FW24" s="71">
        <v>0</v>
      </c>
      <c r="FX24" s="72">
        <v>0</v>
      </c>
      <c r="FY24" s="276"/>
      <c r="FZ24" s="71">
        <v>0</v>
      </c>
      <c r="GA24" s="71">
        <v>0</v>
      </c>
      <c r="GB24" s="71">
        <v>0</v>
      </c>
      <c r="GC24" s="71">
        <v>0</v>
      </c>
      <c r="GD24" s="71">
        <v>0</v>
      </c>
      <c r="GE24" s="72">
        <v>0</v>
      </c>
      <c r="GF24" s="73">
        <v>0</v>
      </c>
      <c r="GG24" s="70">
        <v>7</v>
      </c>
      <c r="GH24" s="71">
        <v>4</v>
      </c>
      <c r="GI24" s="72">
        <v>11</v>
      </c>
      <c r="GJ24" s="276"/>
      <c r="GK24" s="71">
        <v>14</v>
      </c>
      <c r="GL24" s="71">
        <v>5</v>
      </c>
      <c r="GM24" s="71">
        <v>10</v>
      </c>
      <c r="GN24" s="71">
        <v>5</v>
      </c>
      <c r="GO24" s="71">
        <v>7</v>
      </c>
      <c r="GP24" s="72">
        <v>41</v>
      </c>
      <c r="GQ24" s="73">
        <v>52</v>
      </c>
      <c r="GR24" s="126">
        <v>55</v>
      </c>
      <c r="GS24" s="82">
        <v>47</v>
      </c>
      <c r="GT24" s="83">
        <v>102</v>
      </c>
      <c r="GU24" s="273"/>
      <c r="GV24" s="82">
        <v>86</v>
      </c>
      <c r="GW24" s="82">
        <v>69</v>
      </c>
      <c r="GX24" s="82">
        <v>47</v>
      </c>
      <c r="GY24" s="82">
        <v>40</v>
      </c>
      <c r="GZ24" s="82">
        <v>24</v>
      </c>
      <c r="HA24" s="84">
        <v>266</v>
      </c>
      <c r="HB24" s="85">
        <v>368</v>
      </c>
      <c r="HC24" s="70">
        <v>0</v>
      </c>
      <c r="HD24" s="71">
        <v>1</v>
      </c>
      <c r="HE24" s="72">
        <v>1</v>
      </c>
      <c r="HF24" s="276"/>
      <c r="HG24" s="71">
        <v>0</v>
      </c>
      <c r="HH24" s="71">
        <v>1</v>
      </c>
      <c r="HI24" s="71">
        <v>1</v>
      </c>
      <c r="HJ24" s="71">
        <v>1</v>
      </c>
      <c r="HK24" s="71">
        <v>1</v>
      </c>
      <c r="HL24" s="72">
        <v>4</v>
      </c>
      <c r="HM24" s="73">
        <v>5</v>
      </c>
      <c r="HN24" s="70">
        <v>6</v>
      </c>
      <c r="HO24" s="71">
        <v>2</v>
      </c>
      <c r="HP24" s="72">
        <v>8</v>
      </c>
      <c r="HQ24" s="276"/>
      <c r="HR24" s="71">
        <v>7</v>
      </c>
      <c r="HS24" s="71">
        <v>3</v>
      </c>
      <c r="HT24" s="71">
        <v>3</v>
      </c>
      <c r="HU24" s="71">
        <v>3</v>
      </c>
      <c r="HV24" s="71">
        <v>0</v>
      </c>
      <c r="HW24" s="72">
        <v>16</v>
      </c>
      <c r="HX24" s="73">
        <v>24</v>
      </c>
      <c r="HY24" s="70">
        <v>9</v>
      </c>
      <c r="HZ24" s="71">
        <v>4</v>
      </c>
      <c r="IA24" s="72">
        <v>13</v>
      </c>
      <c r="IB24" s="276"/>
      <c r="IC24" s="71">
        <v>5</v>
      </c>
      <c r="ID24" s="71">
        <v>5</v>
      </c>
      <c r="IE24" s="71">
        <v>3</v>
      </c>
      <c r="IF24" s="71">
        <v>6</v>
      </c>
      <c r="IG24" s="71">
        <v>0</v>
      </c>
      <c r="IH24" s="72">
        <v>19</v>
      </c>
      <c r="II24" s="73">
        <v>32</v>
      </c>
      <c r="IJ24" s="70">
        <v>6</v>
      </c>
      <c r="IK24" s="71">
        <v>12</v>
      </c>
      <c r="IL24" s="72">
        <v>18</v>
      </c>
      <c r="IM24" s="276"/>
      <c r="IN24" s="71">
        <v>15</v>
      </c>
      <c r="IO24" s="71">
        <v>15</v>
      </c>
      <c r="IP24" s="71">
        <v>7</v>
      </c>
      <c r="IQ24" s="71">
        <v>6</v>
      </c>
      <c r="IR24" s="71">
        <v>6</v>
      </c>
      <c r="IS24" s="72">
        <v>49</v>
      </c>
      <c r="IT24" s="73">
        <v>67</v>
      </c>
      <c r="IU24" s="70">
        <v>20</v>
      </c>
      <c r="IV24" s="71">
        <v>16</v>
      </c>
      <c r="IW24" s="72">
        <v>36</v>
      </c>
      <c r="IX24" s="276"/>
      <c r="IY24" s="71">
        <v>33</v>
      </c>
      <c r="IZ24" s="71">
        <v>23</v>
      </c>
      <c r="JA24" s="71">
        <v>16</v>
      </c>
      <c r="JB24" s="71">
        <v>13</v>
      </c>
      <c r="JC24" s="71">
        <v>8</v>
      </c>
      <c r="JD24" s="72">
        <v>93</v>
      </c>
      <c r="JE24" s="73">
        <v>129</v>
      </c>
      <c r="JF24" s="70">
        <v>14</v>
      </c>
      <c r="JG24" s="71">
        <v>12</v>
      </c>
      <c r="JH24" s="72">
        <v>26</v>
      </c>
      <c r="JI24" s="276"/>
      <c r="JJ24" s="71">
        <v>26</v>
      </c>
      <c r="JK24" s="71">
        <v>22</v>
      </c>
      <c r="JL24" s="71">
        <v>17</v>
      </c>
      <c r="JM24" s="71">
        <v>11</v>
      </c>
      <c r="JN24" s="71">
        <v>9</v>
      </c>
      <c r="JO24" s="72">
        <v>85</v>
      </c>
      <c r="JP24" s="73">
        <v>111</v>
      </c>
      <c r="JQ24" s="70">
        <v>0</v>
      </c>
      <c r="JR24" s="71">
        <v>0</v>
      </c>
      <c r="JS24" s="72">
        <v>0</v>
      </c>
      <c r="JT24" s="276"/>
      <c r="JU24" s="71">
        <v>0</v>
      </c>
      <c r="JV24" s="71">
        <v>0</v>
      </c>
      <c r="JW24" s="71">
        <v>0</v>
      </c>
      <c r="JX24" s="71">
        <v>0</v>
      </c>
      <c r="JY24" s="71">
        <v>0</v>
      </c>
      <c r="JZ24" s="72">
        <v>0</v>
      </c>
      <c r="KA24" s="73">
        <v>0</v>
      </c>
      <c r="KB24" s="70">
        <v>55</v>
      </c>
      <c r="KC24" s="71">
        <v>47</v>
      </c>
      <c r="KD24" s="72">
        <v>102</v>
      </c>
      <c r="KE24" s="276"/>
      <c r="KF24" s="71">
        <v>86</v>
      </c>
      <c r="KG24" s="71">
        <v>69</v>
      </c>
      <c r="KH24" s="71">
        <v>47</v>
      </c>
      <c r="KI24" s="71">
        <v>40</v>
      </c>
      <c r="KJ24" s="71">
        <v>24</v>
      </c>
      <c r="KK24" s="72">
        <v>266</v>
      </c>
      <c r="KL24" s="73">
        <v>368</v>
      </c>
    </row>
    <row r="25" spans="1:298" ht="19.5" customHeight="1" x14ac:dyDescent="0.2">
      <c r="A25" s="129" t="s">
        <v>22</v>
      </c>
      <c r="B25" s="350">
        <v>19</v>
      </c>
      <c r="C25" s="82">
        <v>11</v>
      </c>
      <c r="D25" s="83">
        <v>30</v>
      </c>
      <c r="E25" s="273"/>
      <c r="F25" s="82">
        <v>34</v>
      </c>
      <c r="G25" s="82">
        <v>36</v>
      </c>
      <c r="H25" s="82">
        <v>17</v>
      </c>
      <c r="I25" s="82">
        <v>18</v>
      </c>
      <c r="J25" s="82">
        <v>6</v>
      </c>
      <c r="K25" s="84">
        <v>111</v>
      </c>
      <c r="L25" s="85">
        <v>141</v>
      </c>
      <c r="M25" s="70">
        <v>0</v>
      </c>
      <c r="N25" s="71">
        <v>0</v>
      </c>
      <c r="O25" s="72">
        <v>0</v>
      </c>
      <c r="P25" s="276"/>
      <c r="Q25" s="71">
        <v>0</v>
      </c>
      <c r="R25" s="71">
        <v>0</v>
      </c>
      <c r="S25" s="71">
        <v>0</v>
      </c>
      <c r="T25" s="71">
        <v>0</v>
      </c>
      <c r="U25" s="71">
        <v>1</v>
      </c>
      <c r="V25" s="72">
        <v>1</v>
      </c>
      <c r="W25" s="73">
        <v>1</v>
      </c>
      <c r="X25" s="70">
        <v>1</v>
      </c>
      <c r="Y25" s="71">
        <v>0</v>
      </c>
      <c r="Z25" s="72">
        <v>1</v>
      </c>
      <c r="AA25" s="276"/>
      <c r="AB25" s="71">
        <v>2</v>
      </c>
      <c r="AC25" s="71">
        <v>1</v>
      </c>
      <c r="AD25" s="71">
        <v>2</v>
      </c>
      <c r="AE25" s="71">
        <v>2</v>
      </c>
      <c r="AF25" s="71">
        <v>0</v>
      </c>
      <c r="AG25" s="72">
        <v>7</v>
      </c>
      <c r="AH25" s="73">
        <v>8</v>
      </c>
      <c r="AI25" s="70">
        <v>1</v>
      </c>
      <c r="AJ25" s="71">
        <v>0</v>
      </c>
      <c r="AK25" s="72">
        <v>1</v>
      </c>
      <c r="AL25" s="276"/>
      <c r="AM25" s="71">
        <v>4</v>
      </c>
      <c r="AN25" s="71">
        <v>2</v>
      </c>
      <c r="AO25" s="71">
        <v>5</v>
      </c>
      <c r="AP25" s="71">
        <v>1</v>
      </c>
      <c r="AQ25" s="71">
        <v>2</v>
      </c>
      <c r="AR25" s="72">
        <v>14</v>
      </c>
      <c r="AS25" s="73">
        <v>15</v>
      </c>
      <c r="AT25" s="70">
        <v>5</v>
      </c>
      <c r="AU25" s="71">
        <v>0</v>
      </c>
      <c r="AV25" s="72">
        <v>5</v>
      </c>
      <c r="AW25" s="276"/>
      <c r="AX25" s="71">
        <v>4</v>
      </c>
      <c r="AY25" s="71">
        <v>13</v>
      </c>
      <c r="AZ25" s="71">
        <v>2</v>
      </c>
      <c r="BA25" s="71">
        <v>7</v>
      </c>
      <c r="BB25" s="71">
        <v>1</v>
      </c>
      <c r="BC25" s="72">
        <v>27</v>
      </c>
      <c r="BD25" s="73">
        <v>32</v>
      </c>
      <c r="BE25" s="70">
        <v>4</v>
      </c>
      <c r="BF25" s="71">
        <v>7</v>
      </c>
      <c r="BG25" s="72">
        <v>11</v>
      </c>
      <c r="BH25" s="276"/>
      <c r="BI25" s="71">
        <v>14</v>
      </c>
      <c r="BJ25" s="71">
        <v>10</v>
      </c>
      <c r="BK25" s="71">
        <v>3</v>
      </c>
      <c r="BL25" s="71">
        <v>3</v>
      </c>
      <c r="BM25" s="71">
        <v>0</v>
      </c>
      <c r="BN25" s="72">
        <v>30</v>
      </c>
      <c r="BO25" s="73">
        <v>41</v>
      </c>
      <c r="BP25" s="70">
        <v>8</v>
      </c>
      <c r="BQ25" s="71">
        <v>4</v>
      </c>
      <c r="BR25" s="72">
        <v>12</v>
      </c>
      <c r="BS25" s="276"/>
      <c r="BT25" s="71">
        <v>10</v>
      </c>
      <c r="BU25" s="71">
        <v>10</v>
      </c>
      <c r="BV25" s="71">
        <v>5</v>
      </c>
      <c r="BW25" s="71">
        <v>5</v>
      </c>
      <c r="BX25" s="71">
        <v>2</v>
      </c>
      <c r="BY25" s="72">
        <v>32</v>
      </c>
      <c r="BZ25" s="73">
        <v>44</v>
      </c>
      <c r="CA25" s="70">
        <v>0</v>
      </c>
      <c r="CB25" s="71">
        <v>0</v>
      </c>
      <c r="CC25" s="72">
        <v>0</v>
      </c>
      <c r="CD25" s="276"/>
      <c r="CE25" s="71">
        <v>0</v>
      </c>
      <c r="CF25" s="71">
        <v>0</v>
      </c>
      <c r="CG25" s="71">
        <v>0</v>
      </c>
      <c r="CH25" s="71">
        <v>0</v>
      </c>
      <c r="CI25" s="71">
        <v>0</v>
      </c>
      <c r="CJ25" s="72">
        <v>0</v>
      </c>
      <c r="CK25" s="73">
        <v>0</v>
      </c>
      <c r="CL25" s="70">
        <v>19</v>
      </c>
      <c r="CM25" s="71">
        <v>11</v>
      </c>
      <c r="CN25" s="72">
        <v>30</v>
      </c>
      <c r="CO25" s="276"/>
      <c r="CP25" s="71">
        <v>34</v>
      </c>
      <c r="CQ25" s="71">
        <v>36</v>
      </c>
      <c r="CR25" s="71">
        <v>17</v>
      </c>
      <c r="CS25" s="71">
        <v>18</v>
      </c>
      <c r="CT25" s="71">
        <v>6</v>
      </c>
      <c r="CU25" s="72">
        <v>111</v>
      </c>
      <c r="CV25" s="73">
        <v>141</v>
      </c>
      <c r="CW25" s="126">
        <v>0</v>
      </c>
      <c r="CX25" s="82">
        <v>3</v>
      </c>
      <c r="CY25" s="83">
        <v>3</v>
      </c>
      <c r="CZ25" s="273"/>
      <c r="DA25" s="82">
        <v>7</v>
      </c>
      <c r="DB25" s="82">
        <v>5</v>
      </c>
      <c r="DC25" s="82">
        <v>2</v>
      </c>
      <c r="DD25" s="82">
        <v>3</v>
      </c>
      <c r="DE25" s="82">
        <v>3</v>
      </c>
      <c r="DF25" s="84">
        <v>20</v>
      </c>
      <c r="DG25" s="85">
        <v>23</v>
      </c>
      <c r="DH25" s="70">
        <v>0</v>
      </c>
      <c r="DI25" s="71">
        <v>0</v>
      </c>
      <c r="DJ25" s="72">
        <v>0</v>
      </c>
      <c r="DK25" s="276"/>
      <c r="DL25" s="71">
        <v>0</v>
      </c>
      <c r="DM25" s="71">
        <v>0</v>
      </c>
      <c r="DN25" s="71">
        <v>0</v>
      </c>
      <c r="DO25" s="71">
        <v>0</v>
      </c>
      <c r="DP25" s="71">
        <v>0</v>
      </c>
      <c r="DQ25" s="72">
        <v>0</v>
      </c>
      <c r="DR25" s="73">
        <v>0</v>
      </c>
      <c r="DS25" s="70">
        <v>0</v>
      </c>
      <c r="DT25" s="71">
        <v>1</v>
      </c>
      <c r="DU25" s="72">
        <v>1</v>
      </c>
      <c r="DV25" s="276"/>
      <c r="DW25" s="71">
        <v>0</v>
      </c>
      <c r="DX25" s="71">
        <v>0</v>
      </c>
      <c r="DY25" s="71">
        <v>0</v>
      </c>
      <c r="DZ25" s="71">
        <v>0</v>
      </c>
      <c r="EA25" s="71">
        <v>0</v>
      </c>
      <c r="EB25" s="72">
        <v>0</v>
      </c>
      <c r="EC25" s="73">
        <v>1</v>
      </c>
      <c r="ED25" s="70">
        <v>0</v>
      </c>
      <c r="EE25" s="71">
        <v>0</v>
      </c>
      <c r="EF25" s="72">
        <v>0</v>
      </c>
      <c r="EG25" s="276"/>
      <c r="EH25" s="71">
        <v>2</v>
      </c>
      <c r="EI25" s="71">
        <v>0</v>
      </c>
      <c r="EJ25" s="71">
        <v>1</v>
      </c>
      <c r="EK25" s="71">
        <v>0</v>
      </c>
      <c r="EL25" s="71">
        <v>0</v>
      </c>
      <c r="EM25" s="72">
        <v>3</v>
      </c>
      <c r="EN25" s="73">
        <v>3</v>
      </c>
      <c r="EO25" s="70">
        <v>0</v>
      </c>
      <c r="EP25" s="71">
        <v>0</v>
      </c>
      <c r="EQ25" s="72">
        <v>0</v>
      </c>
      <c r="ER25" s="276"/>
      <c r="ES25" s="71">
        <v>2</v>
      </c>
      <c r="ET25" s="71">
        <v>0</v>
      </c>
      <c r="EU25" s="71">
        <v>0</v>
      </c>
      <c r="EV25" s="71">
        <v>0</v>
      </c>
      <c r="EW25" s="71">
        <v>1</v>
      </c>
      <c r="EX25" s="72">
        <v>3</v>
      </c>
      <c r="EY25" s="73">
        <v>3</v>
      </c>
      <c r="EZ25" s="70">
        <v>0</v>
      </c>
      <c r="FA25" s="71">
        <v>2</v>
      </c>
      <c r="FB25" s="72">
        <v>2</v>
      </c>
      <c r="FC25" s="276"/>
      <c r="FD25" s="71">
        <v>2</v>
      </c>
      <c r="FE25" s="71">
        <v>1</v>
      </c>
      <c r="FF25" s="71">
        <v>1</v>
      </c>
      <c r="FG25" s="71">
        <v>0</v>
      </c>
      <c r="FH25" s="71">
        <v>1</v>
      </c>
      <c r="FI25" s="72">
        <v>5</v>
      </c>
      <c r="FJ25" s="73">
        <v>7</v>
      </c>
      <c r="FK25" s="70">
        <v>0</v>
      </c>
      <c r="FL25" s="71">
        <v>0</v>
      </c>
      <c r="FM25" s="72">
        <v>0</v>
      </c>
      <c r="FN25" s="276"/>
      <c r="FO25" s="71">
        <v>1</v>
      </c>
      <c r="FP25" s="71">
        <v>4</v>
      </c>
      <c r="FQ25" s="71">
        <v>0</v>
      </c>
      <c r="FR25" s="71">
        <v>3</v>
      </c>
      <c r="FS25" s="71">
        <v>1</v>
      </c>
      <c r="FT25" s="72">
        <v>9</v>
      </c>
      <c r="FU25" s="73">
        <v>9</v>
      </c>
      <c r="FV25" s="70">
        <v>0</v>
      </c>
      <c r="FW25" s="71">
        <v>0</v>
      </c>
      <c r="FX25" s="72">
        <v>0</v>
      </c>
      <c r="FY25" s="276"/>
      <c r="FZ25" s="71">
        <v>0</v>
      </c>
      <c r="GA25" s="71">
        <v>0</v>
      </c>
      <c r="GB25" s="71">
        <v>0</v>
      </c>
      <c r="GC25" s="71">
        <v>0</v>
      </c>
      <c r="GD25" s="71">
        <v>0</v>
      </c>
      <c r="GE25" s="72">
        <v>0</v>
      </c>
      <c r="GF25" s="73">
        <v>0</v>
      </c>
      <c r="GG25" s="70">
        <v>0</v>
      </c>
      <c r="GH25" s="71">
        <v>3</v>
      </c>
      <c r="GI25" s="72">
        <v>3</v>
      </c>
      <c r="GJ25" s="276"/>
      <c r="GK25" s="71">
        <v>7</v>
      </c>
      <c r="GL25" s="71">
        <v>5</v>
      </c>
      <c r="GM25" s="71">
        <v>2</v>
      </c>
      <c r="GN25" s="71">
        <v>3</v>
      </c>
      <c r="GO25" s="71">
        <v>3</v>
      </c>
      <c r="GP25" s="72">
        <v>20</v>
      </c>
      <c r="GQ25" s="73">
        <v>23</v>
      </c>
      <c r="GR25" s="126">
        <v>19</v>
      </c>
      <c r="GS25" s="82">
        <v>14</v>
      </c>
      <c r="GT25" s="83">
        <v>33</v>
      </c>
      <c r="GU25" s="273"/>
      <c r="GV25" s="82">
        <v>41</v>
      </c>
      <c r="GW25" s="82">
        <v>41</v>
      </c>
      <c r="GX25" s="82">
        <v>19</v>
      </c>
      <c r="GY25" s="82">
        <v>21</v>
      </c>
      <c r="GZ25" s="82">
        <v>9</v>
      </c>
      <c r="HA25" s="84">
        <v>131</v>
      </c>
      <c r="HB25" s="85">
        <v>164</v>
      </c>
      <c r="HC25" s="70">
        <v>0</v>
      </c>
      <c r="HD25" s="71">
        <v>0</v>
      </c>
      <c r="HE25" s="72">
        <v>0</v>
      </c>
      <c r="HF25" s="276"/>
      <c r="HG25" s="71">
        <v>0</v>
      </c>
      <c r="HH25" s="71">
        <v>0</v>
      </c>
      <c r="HI25" s="71">
        <v>0</v>
      </c>
      <c r="HJ25" s="71">
        <v>0</v>
      </c>
      <c r="HK25" s="71">
        <v>1</v>
      </c>
      <c r="HL25" s="72">
        <v>1</v>
      </c>
      <c r="HM25" s="73">
        <v>1</v>
      </c>
      <c r="HN25" s="70">
        <v>1</v>
      </c>
      <c r="HO25" s="71">
        <v>1</v>
      </c>
      <c r="HP25" s="72">
        <v>2</v>
      </c>
      <c r="HQ25" s="276"/>
      <c r="HR25" s="71">
        <v>2</v>
      </c>
      <c r="HS25" s="71">
        <v>1</v>
      </c>
      <c r="HT25" s="71">
        <v>2</v>
      </c>
      <c r="HU25" s="71">
        <v>2</v>
      </c>
      <c r="HV25" s="71">
        <v>0</v>
      </c>
      <c r="HW25" s="72">
        <v>7</v>
      </c>
      <c r="HX25" s="73">
        <v>9</v>
      </c>
      <c r="HY25" s="70">
        <v>1</v>
      </c>
      <c r="HZ25" s="71">
        <v>0</v>
      </c>
      <c r="IA25" s="72">
        <v>1</v>
      </c>
      <c r="IB25" s="276"/>
      <c r="IC25" s="71">
        <v>6</v>
      </c>
      <c r="ID25" s="71">
        <v>2</v>
      </c>
      <c r="IE25" s="71">
        <v>6</v>
      </c>
      <c r="IF25" s="71">
        <v>1</v>
      </c>
      <c r="IG25" s="71">
        <v>2</v>
      </c>
      <c r="IH25" s="72">
        <v>17</v>
      </c>
      <c r="II25" s="73">
        <v>18</v>
      </c>
      <c r="IJ25" s="70">
        <v>5</v>
      </c>
      <c r="IK25" s="71">
        <v>0</v>
      </c>
      <c r="IL25" s="72">
        <v>5</v>
      </c>
      <c r="IM25" s="276"/>
      <c r="IN25" s="71">
        <v>6</v>
      </c>
      <c r="IO25" s="71">
        <v>13</v>
      </c>
      <c r="IP25" s="71">
        <v>2</v>
      </c>
      <c r="IQ25" s="71">
        <v>7</v>
      </c>
      <c r="IR25" s="71">
        <v>2</v>
      </c>
      <c r="IS25" s="72">
        <v>30</v>
      </c>
      <c r="IT25" s="73">
        <v>35</v>
      </c>
      <c r="IU25" s="70">
        <v>4</v>
      </c>
      <c r="IV25" s="71">
        <v>9</v>
      </c>
      <c r="IW25" s="72">
        <v>13</v>
      </c>
      <c r="IX25" s="276"/>
      <c r="IY25" s="71">
        <v>16</v>
      </c>
      <c r="IZ25" s="71">
        <v>11</v>
      </c>
      <c r="JA25" s="71">
        <v>4</v>
      </c>
      <c r="JB25" s="71">
        <v>3</v>
      </c>
      <c r="JC25" s="71">
        <v>1</v>
      </c>
      <c r="JD25" s="72">
        <v>35</v>
      </c>
      <c r="JE25" s="73">
        <v>48</v>
      </c>
      <c r="JF25" s="70">
        <v>8</v>
      </c>
      <c r="JG25" s="71">
        <v>4</v>
      </c>
      <c r="JH25" s="72">
        <v>12</v>
      </c>
      <c r="JI25" s="276"/>
      <c r="JJ25" s="71">
        <v>11</v>
      </c>
      <c r="JK25" s="71">
        <v>14</v>
      </c>
      <c r="JL25" s="71">
        <v>5</v>
      </c>
      <c r="JM25" s="71">
        <v>8</v>
      </c>
      <c r="JN25" s="71">
        <v>3</v>
      </c>
      <c r="JO25" s="72">
        <v>41</v>
      </c>
      <c r="JP25" s="73">
        <v>53</v>
      </c>
      <c r="JQ25" s="70">
        <v>0</v>
      </c>
      <c r="JR25" s="71">
        <v>0</v>
      </c>
      <c r="JS25" s="72">
        <v>0</v>
      </c>
      <c r="JT25" s="276"/>
      <c r="JU25" s="71">
        <v>0</v>
      </c>
      <c r="JV25" s="71">
        <v>0</v>
      </c>
      <c r="JW25" s="71">
        <v>0</v>
      </c>
      <c r="JX25" s="71">
        <v>0</v>
      </c>
      <c r="JY25" s="71">
        <v>0</v>
      </c>
      <c r="JZ25" s="72">
        <v>0</v>
      </c>
      <c r="KA25" s="73">
        <v>0</v>
      </c>
      <c r="KB25" s="70">
        <v>19</v>
      </c>
      <c r="KC25" s="71">
        <v>14</v>
      </c>
      <c r="KD25" s="72">
        <v>33</v>
      </c>
      <c r="KE25" s="276"/>
      <c r="KF25" s="71">
        <v>41</v>
      </c>
      <c r="KG25" s="71">
        <v>41</v>
      </c>
      <c r="KH25" s="71">
        <v>19</v>
      </c>
      <c r="KI25" s="71">
        <v>21</v>
      </c>
      <c r="KJ25" s="71">
        <v>9</v>
      </c>
      <c r="KK25" s="72">
        <v>131</v>
      </c>
      <c r="KL25" s="73">
        <v>164</v>
      </c>
    </row>
    <row r="26" spans="1:298" ht="19.5" customHeight="1" x14ac:dyDescent="0.2">
      <c r="A26" s="129" t="s">
        <v>23</v>
      </c>
      <c r="B26" s="350">
        <v>32</v>
      </c>
      <c r="C26" s="82">
        <v>27</v>
      </c>
      <c r="D26" s="83">
        <v>59</v>
      </c>
      <c r="E26" s="273"/>
      <c r="F26" s="82">
        <v>46</v>
      </c>
      <c r="G26" s="82">
        <v>34</v>
      </c>
      <c r="H26" s="82">
        <v>22</v>
      </c>
      <c r="I26" s="82">
        <v>21</v>
      </c>
      <c r="J26" s="82">
        <v>8</v>
      </c>
      <c r="K26" s="84">
        <v>131</v>
      </c>
      <c r="L26" s="85">
        <v>190</v>
      </c>
      <c r="M26" s="70">
        <v>1</v>
      </c>
      <c r="N26" s="71">
        <v>1</v>
      </c>
      <c r="O26" s="72">
        <v>2</v>
      </c>
      <c r="P26" s="276"/>
      <c r="Q26" s="71">
        <v>0</v>
      </c>
      <c r="R26" s="71">
        <v>0</v>
      </c>
      <c r="S26" s="71">
        <v>1</v>
      </c>
      <c r="T26" s="71">
        <v>1</v>
      </c>
      <c r="U26" s="71">
        <v>0</v>
      </c>
      <c r="V26" s="72">
        <v>2</v>
      </c>
      <c r="W26" s="73">
        <v>4</v>
      </c>
      <c r="X26" s="70">
        <v>2</v>
      </c>
      <c r="Y26" s="71">
        <v>0</v>
      </c>
      <c r="Z26" s="72">
        <v>2</v>
      </c>
      <c r="AA26" s="276"/>
      <c r="AB26" s="71">
        <v>3</v>
      </c>
      <c r="AC26" s="71">
        <v>2</v>
      </c>
      <c r="AD26" s="71">
        <v>0</v>
      </c>
      <c r="AE26" s="71">
        <v>3</v>
      </c>
      <c r="AF26" s="71">
        <v>2</v>
      </c>
      <c r="AG26" s="72">
        <v>10</v>
      </c>
      <c r="AH26" s="73">
        <v>12</v>
      </c>
      <c r="AI26" s="70">
        <v>4</v>
      </c>
      <c r="AJ26" s="71">
        <v>3</v>
      </c>
      <c r="AK26" s="72">
        <v>7</v>
      </c>
      <c r="AL26" s="276"/>
      <c r="AM26" s="71">
        <v>4</v>
      </c>
      <c r="AN26" s="71">
        <v>3</v>
      </c>
      <c r="AO26" s="71">
        <v>1</v>
      </c>
      <c r="AP26" s="71">
        <v>2</v>
      </c>
      <c r="AQ26" s="71">
        <v>1</v>
      </c>
      <c r="AR26" s="72">
        <v>11</v>
      </c>
      <c r="AS26" s="73">
        <v>18</v>
      </c>
      <c r="AT26" s="70">
        <v>12</v>
      </c>
      <c r="AU26" s="71">
        <v>9</v>
      </c>
      <c r="AV26" s="72">
        <v>21</v>
      </c>
      <c r="AW26" s="276"/>
      <c r="AX26" s="71">
        <v>15</v>
      </c>
      <c r="AY26" s="71">
        <v>11</v>
      </c>
      <c r="AZ26" s="71">
        <v>5</v>
      </c>
      <c r="BA26" s="71">
        <v>4</v>
      </c>
      <c r="BB26" s="71">
        <v>2</v>
      </c>
      <c r="BC26" s="72">
        <v>37</v>
      </c>
      <c r="BD26" s="73">
        <v>58</v>
      </c>
      <c r="BE26" s="70">
        <v>10</v>
      </c>
      <c r="BF26" s="71">
        <v>8</v>
      </c>
      <c r="BG26" s="72">
        <v>18</v>
      </c>
      <c r="BH26" s="276"/>
      <c r="BI26" s="71">
        <v>15</v>
      </c>
      <c r="BJ26" s="71">
        <v>11</v>
      </c>
      <c r="BK26" s="71">
        <v>7</v>
      </c>
      <c r="BL26" s="71">
        <v>4</v>
      </c>
      <c r="BM26" s="71">
        <v>1</v>
      </c>
      <c r="BN26" s="72">
        <v>38</v>
      </c>
      <c r="BO26" s="73">
        <v>56</v>
      </c>
      <c r="BP26" s="70">
        <v>3</v>
      </c>
      <c r="BQ26" s="71">
        <v>6</v>
      </c>
      <c r="BR26" s="72">
        <v>9</v>
      </c>
      <c r="BS26" s="276"/>
      <c r="BT26" s="71">
        <v>9</v>
      </c>
      <c r="BU26" s="71">
        <v>7</v>
      </c>
      <c r="BV26" s="71">
        <v>8</v>
      </c>
      <c r="BW26" s="71">
        <v>7</v>
      </c>
      <c r="BX26" s="71">
        <v>2</v>
      </c>
      <c r="BY26" s="72">
        <v>33</v>
      </c>
      <c r="BZ26" s="73">
        <v>42</v>
      </c>
      <c r="CA26" s="70">
        <v>0</v>
      </c>
      <c r="CB26" s="71">
        <v>0</v>
      </c>
      <c r="CC26" s="72">
        <v>0</v>
      </c>
      <c r="CD26" s="276"/>
      <c r="CE26" s="71">
        <v>0</v>
      </c>
      <c r="CF26" s="71">
        <v>0</v>
      </c>
      <c r="CG26" s="71">
        <v>0</v>
      </c>
      <c r="CH26" s="71">
        <v>0</v>
      </c>
      <c r="CI26" s="71">
        <v>0</v>
      </c>
      <c r="CJ26" s="72">
        <v>0</v>
      </c>
      <c r="CK26" s="73">
        <v>0</v>
      </c>
      <c r="CL26" s="70">
        <v>32</v>
      </c>
      <c r="CM26" s="71">
        <v>27</v>
      </c>
      <c r="CN26" s="72">
        <v>59</v>
      </c>
      <c r="CO26" s="276"/>
      <c r="CP26" s="71">
        <v>46</v>
      </c>
      <c r="CQ26" s="71">
        <v>34</v>
      </c>
      <c r="CR26" s="71">
        <v>22</v>
      </c>
      <c r="CS26" s="71">
        <v>21</v>
      </c>
      <c r="CT26" s="71">
        <v>8</v>
      </c>
      <c r="CU26" s="72">
        <v>131</v>
      </c>
      <c r="CV26" s="73">
        <v>190</v>
      </c>
      <c r="CW26" s="126">
        <v>0</v>
      </c>
      <c r="CX26" s="82">
        <v>3</v>
      </c>
      <c r="CY26" s="83">
        <v>3</v>
      </c>
      <c r="CZ26" s="273"/>
      <c r="DA26" s="82">
        <v>6</v>
      </c>
      <c r="DB26" s="82">
        <v>3</v>
      </c>
      <c r="DC26" s="82">
        <v>3</v>
      </c>
      <c r="DD26" s="82">
        <v>3</v>
      </c>
      <c r="DE26" s="82">
        <v>1</v>
      </c>
      <c r="DF26" s="84">
        <v>16</v>
      </c>
      <c r="DG26" s="85">
        <v>19</v>
      </c>
      <c r="DH26" s="70">
        <v>0</v>
      </c>
      <c r="DI26" s="71">
        <v>0</v>
      </c>
      <c r="DJ26" s="72">
        <v>0</v>
      </c>
      <c r="DK26" s="276"/>
      <c r="DL26" s="71">
        <v>0</v>
      </c>
      <c r="DM26" s="71">
        <v>1</v>
      </c>
      <c r="DN26" s="71">
        <v>0</v>
      </c>
      <c r="DO26" s="71">
        <v>1</v>
      </c>
      <c r="DP26" s="71">
        <v>0</v>
      </c>
      <c r="DQ26" s="72">
        <v>2</v>
      </c>
      <c r="DR26" s="73">
        <v>2</v>
      </c>
      <c r="DS26" s="70">
        <v>0</v>
      </c>
      <c r="DT26" s="71">
        <v>0</v>
      </c>
      <c r="DU26" s="72">
        <v>0</v>
      </c>
      <c r="DV26" s="276"/>
      <c r="DW26" s="71">
        <v>3</v>
      </c>
      <c r="DX26" s="71">
        <v>0</v>
      </c>
      <c r="DY26" s="71">
        <v>0</v>
      </c>
      <c r="DZ26" s="71">
        <v>0</v>
      </c>
      <c r="EA26" s="71">
        <v>0</v>
      </c>
      <c r="EB26" s="72">
        <v>3</v>
      </c>
      <c r="EC26" s="73">
        <v>3</v>
      </c>
      <c r="ED26" s="70">
        <v>0</v>
      </c>
      <c r="EE26" s="71">
        <v>0</v>
      </c>
      <c r="EF26" s="72">
        <v>0</v>
      </c>
      <c r="EG26" s="276"/>
      <c r="EH26" s="71">
        <v>0</v>
      </c>
      <c r="EI26" s="71">
        <v>1</v>
      </c>
      <c r="EJ26" s="71">
        <v>0</v>
      </c>
      <c r="EK26" s="71">
        <v>1</v>
      </c>
      <c r="EL26" s="71">
        <v>0</v>
      </c>
      <c r="EM26" s="72">
        <v>2</v>
      </c>
      <c r="EN26" s="73">
        <v>2</v>
      </c>
      <c r="EO26" s="70">
        <v>0</v>
      </c>
      <c r="EP26" s="71">
        <v>1</v>
      </c>
      <c r="EQ26" s="72">
        <v>1</v>
      </c>
      <c r="ER26" s="276"/>
      <c r="ES26" s="71">
        <v>2</v>
      </c>
      <c r="ET26" s="71">
        <v>1</v>
      </c>
      <c r="EU26" s="71">
        <v>1</v>
      </c>
      <c r="EV26" s="71">
        <v>0</v>
      </c>
      <c r="EW26" s="71">
        <v>0</v>
      </c>
      <c r="EX26" s="72">
        <v>4</v>
      </c>
      <c r="EY26" s="73">
        <v>5</v>
      </c>
      <c r="EZ26" s="70">
        <v>0</v>
      </c>
      <c r="FA26" s="71">
        <v>2</v>
      </c>
      <c r="FB26" s="72">
        <v>2</v>
      </c>
      <c r="FC26" s="276"/>
      <c r="FD26" s="71">
        <v>1</v>
      </c>
      <c r="FE26" s="71">
        <v>0</v>
      </c>
      <c r="FF26" s="71">
        <v>2</v>
      </c>
      <c r="FG26" s="71">
        <v>1</v>
      </c>
      <c r="FH26" s="71">
        <v>0</v>
      </c>
      <c r="FI26" s="72">
        <v>4</v>
      </c>
      <c r="FJ26" s="73">
        <v>6</v>
      </c>
      <c r="FK26" s="70">
        <v>0</v>
      </c>
      <c r="FL26" s="71">
        <v>0</v>
      </c>
      <c r="FM26" s="72">
        <v>0</v>
      </c>
      <c r="FN26" s="276"/>
      <c r="FO26" s="71">
        <v>0</v>
      </c>
      <c r="FP26" s="71">
        <v>0</v>
      </c>
      <c r="FQ26" s="71">
        <v>0</v>
      </c>
      <c r="FR26" s="71">
        <v>0</v>
      </c>
      <c r="FS26" s="71">
        <v>1</v>
      </c>
      <c r="FT26" s="72">
        <v>1</v>
      </c>
      <c r="FU26" s="73">
        <v>1</v>
      </c>
      <c r="FV26" s="70">
        <v>0</v>
      </c>
      <c r="FW26" s="71">
        <v>0</v>
      </c>
      <c r="FX26" s="72">
        <v>0</v>
      </c>
      <c r="FY26" s="276"/>
      <c r="FZ26" s="71">
        <v>0</v>
      </c>
      <c r="GA26" s="71">
        <v>0</v>
      </c>
      <c r="GB26" s="71">
        <v>0</v>
      </c>
      <c r="GC26" s="71">
        <v>0</v>
      </c>
      <c r="GD26" s="71">
        <v>0</v>
      </c>
      <c r="GE26" s="72">
        <v>0</v>
      </c>
      <c r="GF26" s="73">
        <v>0</v>
      </c>
      <c r="GG26" s="70">
        <v>0</v>
      </c>
      <c r="GH26" s="71">
        <v>3</v>
      </c>
      <c r="GI26" s="72">
        <v>3</v>
      </c>
      <c r="GJ26" s="276"/>
      <c r="GK26" s="71">
        <v>6</v>
      </c>
      <c r="GL26" s="71">
        <v>3</v>
      </c>
      <c r="GM26" s="71">
        <v>3</v>
      </c>
      <c r="GN26" s="71">
        <v>3</v>
      </c>
      <c r="GO26" s="71">
        <v>1</v>
      </c>
      <c r="GP26" s="72">
        <v>16</v>
      </c>
      <c r="GQ26" s="73">
        <v>19</v>
      </c>
      <c r="GR26" s="126">
        <v>32</v>
      </c>
      <c r="GS26" s="82">
        <v>30</v>
      </c>
      <c r="GT26" s="83">
        <v>62</v>
      </c>
      <c r="GU26" s="273"/>
      <c r="GV26" s="82">
        <v>52</v>
      </c>
      <c r="GW26" s="82">
        <v>37</v>
      </c>
      <c r="GX26" s="82">
        <v>25</v>
      </c>
      <c r="GY26" s="82">
        <v>24</v>
      </c>
      <c r="GZ26" s="82">
        <v>9</v>
      </c>
      <c r="HA26" s="84">
        <v>147</v>
      </c>
      <c r="HB26" s="85">
        <v>209</v>
      </c>
      <c r="HC26" s="70">
        <v>1</v>
      </c>
      <c r="HD26" s="71">
        <v>1</v>
      </c>
      <c r="HE26" s="72">
        <v>2</v>
      </c>
      <c r="HF26" s="276"/>
      <c r="HG26" s="71">
        <v>0</v>
      </c>
      <c r="HH26" s="71">
        <v>1</v>
      </c>
      <c r="HI26" s="71">
        <v>1</v>
      </c>
      <c r="HJ26" s="71">
        <v>2</v>
      </c>
      <c r="HK26" s="71">
        <v>0</v>
      </c>
      <c r="HL26" s="72">
        <v>4</v>
      </c>
      <c r="HM26" s="73">
        <v>6</v>
      </c>
      <c r="HN26" s="70">
        <v>2</v>
      </c>
      <c r="HO26" s="71">
        <v>0</v>
      </c>
      <c r="HP26" s="72">
        <v>2</v>
      </c>
      <c r="HQ26" s="276"/>
      <c r="HR26" s="71">
        <v>6</v>
      </c>
      <c r="HS26" s="71">
        <v>2</v>
      </c>
      <c r="HT26" s="71">
        <v>0</v>
      </c>
      <c r="HU26" s="71">
        <v>3</v>
      </c>
      <c r="HV26" s="71">
        <v>2</v>
      </c>
      <c r="HW26" s="72">
        <v>13</v>
      </c>
      <c r="HX26" s="73">
        <v>15</v>
      </c>
      <c r="HY26" s="70">
        <v>4</v>
      </c>
      <c r="HZ26" s="71">
        <v>3</v>
      </c>
      <c r="IA26" s="72">
        <v>7</v>
      </c>
      <c r="IB26" s="276"/>
      <c r="IC26" s="71">
        <v>4</v>
      </c>
      <c r="ID26" s="71">
        <v>4</v>
      </c>
      <c r="IE26" s="71">
        <v>1</v>
      </c>
      <c r="IF26" s="71">
        <v>3</v>
      </c>
      <c r="IG26" s="71">
        <v>1</v>
      </c>
      <c r="IH26" s="72">
        <v>13</v>
      </c>
      <c r="II26" s="73">
        <v>20</v>
      </c>
      <c r="IJ26" s="70">
        <v>12</v>
      </c>
      <c r="IK26" s="71">
        <v>10</v>
      </c>
      <c r="IL26" s="72">
        <v>22</v>
      </c>
      <c r="IM26" s="276"/>
      <c r="IN26" s="71">
        <v>17</v>
      </c>
      <c r="IO26" s="71">
        <v>12</v>
      </c>
      <c r="IP26" s="71">
        <v>6</v>
      </c>
      <c r="IQ26" s="71">
        <v>4</v>
      </c>
      <c r="IR26" s="71">
        <v>2</v>
      </c>
      <c r="IS26" s="72">
        <v>41</v>
      </c>
      <c r="IT26" s="73">
        <v>63</v>
      </c>
      <c r="IU26" s="70">
        <v>10</v>
      </c>
      <c r="IV26" s="71">
        <v>10</v>
      </c>
      <c r="IW26" s="72">
        <v>20</v>
      </c>
      <c r="IX26" s="276"/>
      <c r="IY26" s="71">
        <v>16</v>
      </c>
      <c r="IZ26" s="71">
        <v>11</v>
      </c>
      <c r="JA26" s="71">
        <v>9</v>
      </c>
      <c r="JB26" s="71">
        <v>5</v>
      </c>
      <c r="JC26" s="71">
        <v>1</v>
      </c>
      <c r="JD26" s="72">
        <v>42</v>
      </c>
      <c r="JE26" s="73">
        <v>62</v>
      </c>
      <c r="JF26" s="70">
        <v>3</v>
      </c>
      <c r="JG26" s="71">
        <v>6</v>
      </c>
      <c r="JH26" s="72">
        <v>9</v>
      </c>
      <c r="JI26" s="276"/>
      <c r="JJ26" s="71">
        <v>9</v>
      </c>
      <c r="JK26" s="71">
        <v>7</v>
      </c>
      <c r="JL26" s="71">
        <v>8</v>
      </c>
      <c r="JM26" s="71">
        <v>7</v>
      </c>
      <c r="JN26" s="71">
        <v>3</v>
      </c>
      <c r="JO26" s="72">
        <v>34</v>
      </c>
      <c r="JP26" s="73">
        <v>43</v>
      </c>
      <c r="JQ26" s="70">
        <v>0</v>
      </c>
      <c r="JR26" s="71">
        <v>0</v>
      </c>
      <c r="JS26" s="72">
        <v>0</v>
      </c>
      <c r="JT26" s="276"/>
      <c r="JU26" s="71">
        <v>0</v>
      </c>
      <c r="JV26" s="71">
        <v>0</v>
      </c>
      <c r="JW26" s="71">
        <v>0</v>
      </c>
      <c r="JX26" s="71">
        <v>0</v>
      </c>
      <c r="JY26" s="71">
        <v>0</v>
      </c>
      <c r="JZ26" s="72">
        <v>0</v>
      </c>
      <c r="KA26" s="73">
        <v>0</v>
      </c>
      <c r="KB26" s="70">
        <v>32</v>
      </c>
      <c r="KC26" s="71">
        <v>30</v>
      </c>
      <c r="KD26" s="72">
        <v>62</v>
      </c>
      <c r="KE26" s="276"/>
      <c r="KF26" s="71">
        <v>52</v>
      </c>
      <c r="KG26" s="71">
        <v>37</v>
      </c>
      <c r="KH26" s="71">
        <v>25</v>
      </c>
      <c r="KI26" s="71">
        <v>24</v>
      </c>
      <c r="KJ26" s="71">
        <v>9</v>
      </c>
      <c r="KK26" s="72">
        <v>147</v>
      </c>
      <c r="KL26" s="73">
        <v>209</v>
      </c>
    </row>
    <row r="27" spans="1:298" ht="19.5" customHeight="1" x14ac:dyDescent="0.2">
      <c r="A27" s="129" t="s">
        <v>24</v>
      </c>
      <c r="B27" s="350">
        <v>35</v>
      </c>
      <c r="C27" s="82">
        <v>21</v>
      </c>
      <c r="D27" s="83">
        <v>56</v>
      </c>
      <c r="E27" s="273"/>
      <c r="F27" s="82">
        <v>49</v>
      </c>
      <c r="G27" s="82">
        <v>31</v>
      </c>
      <c r="H27" s="82">
        <v>16</v>
      </c>
      <c r="I27" s="82">
        <v>16</v>
      </c>
      <c r="J27" s="82">
        <v>6</v>
      </c>
      <c r="K27" s="84">
        <v>118</v>
      </c>
      <c r="L27" s="85">
        <v>174</v>
      </c>
      <c r="M27" s="70">
        <v>0</v>
      </c>
      <c r="N27" s="71">
        <v>0</v>
      </c>
      <c r="O27" s="72">
        <v>0</v>
      </c>
      <c r="P27" s="276"/>
      <c r="Q27" s="71">
        <v>2</v>
      </c>
      <c r="R27" s="71">
        <v>0</v>
      </c>
      <c r="S27" s="71">
        <v>0</v>
      </c>
      <c r="T27" s="71">
        <v>0</v>
      </c>
      <c r="U27" s="71">
        <v>0</v>
      </c>
      <c r="V27" s="72">
        <v>2</v>
      </c>
      <c r="W27" s="73">
        <v>2</v>
      </c>
      <c r="X27" s="70">
        <v>2</v>
      </c>
      <c r="Y27" s="71">
        <v>2</v>
      </c>
      <c r="Z27" s="72">
        <v>4</v>
      </c>
      <c r="AA27" s="276"/>
      <c r="AB27" s="71">
        <v>1</v>
      </c>
      <c r="AC27" s="71">
        <v>3</v>
      </c>
      <c r="AD27" s="71">
        <v>2</v>
      </c>
      <c r="AE27" s="71">
        <v>1</v>
      </c>
      <c r="AF27" s="71">
        <v>1</v>
      </c>
      <c r="AG27" s="72">
        <v>8</v>
      </c>
      <c r="AH27" s="73">
        <v>12</v>
      </c>
      <c r="AI27" s="70">
        <v>3</v>
      </c>
      <c r="AJ27" s="71">
        <v>3</v>
      </c>
      <c r="AK27" s="72">
        <v>6</v>
      </c>
      <c r="AL27" s="276"/>
      <c r="AM27" s="71">
        <v>4</v>
      </c>
      <c r="AN27" s="71">
        <v>4</v>
      </c>
      <c r="AO27" s="71">
        <v>0</v>
      </c>
      <c r="AP27" s="71">
        <v>2</v>
      </c>
      <c r="AQ27" s="71">
        <v>0</v>
      </c>
      <c r="AR27" s="72">
        <v>10</v>
      </c>
      <c r="AS27" s="73">
        <v>16</v>
      </c>
      <c r="AT27" s="70">
        <v>4</v>
      </c>
      <c r="AU27" s="71">
        <v>3</v>
      </c>
      <c r="AV27" s="72">
        <v>7</v>
      </c>
      <c r="AW27" s="276"/>
      <c r="AX27" s="71">
        <v>6</v>
      </c>
      <c r="AY27" s="71">
        <v>5</v>
      </c>
      <c r="AZ27" s="71">
        <v>1</v>
      </c>
      <c r="BA27" s="71">
        <v>2</v>
      </c>
      <c r="BB27" s="71">
        <v>2</v>
      </c>
      <c r="BC27" s="72">
        <v>16</v>
      </c>
      <c r="BD27" s="73">
        <v>23</v>
      </c>
      <c r="BE27" s="70">
        <v>10</v>
      </c>
      <c r="BF27" s="71">
        <v>4</v>
      </c>
      <c r="BG27" s="72">
        <v>14</v>
      </c>
      <c r="BH27" s="276"/>
      <c r="BI27" s="71">
        <v>14</v>
      </c>
      <c r="BJ27" s="71">
        <v>14</v>
      </c>
      <c r="BK27" s="71">
        <v>5</v>
      </c>
      <c r="BL27" s="71">
        <v>7</v>
      </c>
      <c r="BM27" s="71">
        <v>1</v>
      </c>
      <c r="BN27" s="72">
        <v>41</v>
      </c>
      <c r="BO27" s="73">
        <v>55</v>
      </c>
      <c r="BP27" s="70">
        <v>16</v>
      </c>
      <c r="BQ27" s="71">
        <v>9</v>
      </c>
      <c r="BR27" s="72">
        <v>25</v>
      </c>
      <c r="BS27" s="276"/>
      <c r="BT27" s="71">
        <v>22</v>
      </c>
      <c r="BU27" s="71">
        <v>5</v>
      </c>
      <c r="BV27" s="71">
        <v>8</v>
      </c>
      <c r="BW27" s="71">
        <v>4</v>
      </c>
      <c r="BX27" s="71">
        <v>2</v>
      </c>
      <c r="BY27" s="72">
        <v>41</v>
      </c>
      <c r="BZ27" s="73">
        <v>66</v>
      </c>
      <c r="CA27" s="70">
        <v>0</v>
      </c>
      <c r="CB27" s="71">
        <v>0</v>
      </c>
      <c r="CC27" s="72">
        <v>0</v>
      </c>
      <c r="CD27" s="276"/>
      <c r="CE27" s="71">
        <v>0</v>
      </c>
      <c r="CF27" s="71">
        <v>0</v>
      </c>
      <c r="CG27" s="71">
        <v>0</v>
      </c>
      <c r="CH27" s="71">
        <v>0</v>
      </c>
      <c r="CI27" s="71">
        <v>0</v>
      </c>
      <c r="CJ27" s="72">
        <v>0</v>
      </c>
      <c r="CK27" s="73">
        <v>0</v>
      </c>
      <c r="CL27" s="70">
        <v>35</v>
      </c>
      <c r="CM27" s="71">
        <v>21</v>
      </c>
      <c r="CN27" s="72">
        <v>56</v>
      </c>
      <c r="CO27" s="276"/>
      <c r="CP27" s="71">
        <v>49</v>
      </c>
      <c r="CQ27" s="71">
        <v>31</v>
      </c>
      <c r="CR27" s="71">
        <v>16</v>
      </c>
      <c r="CS27" s="71">
        <v>16</v>
      </c>
      <c r="CT27" s="71">
        <v>6</v>
      </c>
      <c r="CU27" s="72">
        <v>118</v>
      </c>
      <c r="CV27" s="73">
        <v>174</v>
      </c>
      <c r="CW27" s="126">
        <v>2</v>
      </c>
      <c r="CX27" s="82">
        <v>4</v>
      </c>
      <c r="CY27" s="83">
        <v>6</v>
      </c>
      <c r="CZ27" s="273"/>
      <c r="DA27" s="82">
        <v>8</v>
      </c>
      <c r="DB27" s="82">
        <v>4</v>
      </c>
      <c r="DC27" s="82">
        <v>4</v>
      </c>
      <c r="DD27" s="82">
        <v>5</v>
      </c>
      <c r="DE27" s="82">
        <v>2</v>
      </c>
      <c r="DF27" s="84">
        <v>23</v>
      </c>
      <c r="DG27" s="85">
        <v>29</v>
      </c>
      <c r="DH27" s="70">
        <v>0</v>
      </c>
      <c r="DI27" s="71">
        <v>0</v>
      </c>
      <c r="DJ27" s="72">
        <v>0</v>
      </c>
      <c r="DK27" s="276"/>
      <c r="DL27" s="71">
        <v>0</v>
      </c>
      <c r="DM27" s="71">
        <v>0</v>
      </c>
      <c r="DN27" s="71">
        <v>0</v>
      </c>
      <c r="DO27" s="71">
        <v>0</v>
      </c>
      <c r="DP27" s="71">
        <v>0</v>
      </c>
      <c r="DQ27" s="72">
        <v>0</v>
      </c>
      <c r="DR27" s="73">
        <v>0</v>
      </c>
      <c r="DS27" s="70">
        <v>1</v>
      </c>
      <c r="DT27" s="71">
        <v>0</v>
      </c>
      <c r="DU27" s="72">
        <v>1</v>
      </c>
      <c r="DV27" s="276"/>
      <c r="DW27" s="71">
        <v>0</v>
      </c>
      <c r="DX27" s="71">
        <v>0</v>
      </c>
      <c r="DY27" s="71">
        <v>0</v>
      </c>
      <c r="DZ27" s="71">
        <v>0</v>
      </c>
      <c r="EA27" s="71">
        <v>0</v>
      </c>
      <c r="EB27" s="72">
        <v>0</v>
      </c>
      <c r="EC27" s="73">
        <v>1</v>
      </c>
      <c r="ED27" s="70">
        <v>0</v>
      </c>
      <c r="EE27" s="71">
        <v>2</v>
      </c>
      <c r="EF27" s="72">
        <v>2</v>
      </c>
      <c r="EG27" s="276"/>
      <c r="EH27" s="71">
        <v>0</v>
      </c>
      <c r="EI27" s="71">
        <v>0</v>
      </c>
      <c r="EJ27" s="71">
        <v>1</v>
      </c>
      <c r="EK27" s="71">
        <v>0</v>
      </c>
      <c r="EL27" s="71">
        <v>0</v>
      </c>
      <c r="EM27" s="72">
        <v>1</v>
      </c>
      <c r="EN27" s="73">
        <v>3</v>
      </c>
      <c r="EO27" s="70">
        <v>0</v>
      </c>
      <c r="EP27" s="71">
        <v>0</v>
      </c>
      <c r="EQ27" s="72">
        <v>0</v>
      </c>
      <c r="ER27" s="276"/>
      <c r="ES27" s="71">
        <v>2</v>
      </c>
      <c r="ET27" s="71">
        <v>0</v>
      </c>
      <c r="EU27" s="71">
        <v>0</v>
      </c>
      <c r="EV27" s="71">
        <v>1</v>
      </c>
      <c r="EW27" s="71">
        <v>1</v>
      </c>
      <c r="EX27" s="72">
        <v>4</v>
      </c>
      <c r="EY27" s="73">
        <v>4</v>
      </c>
      <c r="EZ27" s="70">
        <v>1</v>
      </c>
      <c r="FA27" s="71">
        <v>2</v>
      </c>
      <c r="FB27" s="72">
        <v>3</v>
      </c>
      <c r="FC27" s="276"/>
      <c r="FD27" s="71">
        <v>2</v>
      </c>
      <c r="FE27" s="71">
        <v>3</v>
      </c>
      <c r="FF27" s="71">
        <v>1</v>
      </c>
      <c r="FG27" s="71">
        <v>0</v>
      </c>
      <c r="FH27" s="71">
        <v>0</v>
      </c>
      <c r="FI27" s="72">
        <v>6</v>
      </c>
      <c r="FJ27" s="73">
        <v>9</v>
      </c>
      <c r="FK27" s="70">
        <v>0</v>
      </c>
      <c r="FL27" s="71">
        <v>0</v>
      </c>
      <c r="FM27" s="72">
        <v>0</v>
      </c>
      <c r="FN27" s="276"/>
      <c r="FO27" s="71">
        <v>4</v>
      </c>
      <c r="FP27" s="71">
        <v>1</v>
      </c>
      <c r="FQ27" s="71">
        <v>2</v>
      </c>
      <c r="FR27" s="71">
        <v>4</v>
      </c>
      <c r="FS27" s="71">
        <v>1</v>
      </c>
      <c r="FT27" s="72">
        <v>12</v>
      </c>
      <c r="FU27" s="73">
        <v>12</v>
      </c>
      <c r="FV27" s="70">
        <v>0</v>
      </c>
      <c r="FW27" s="71">
        <v>0</v>
      </c>
      <c r="FX27" s="72">
        <v>0</v>
      </c>
      <c r="FY27" s="276"/>
      <c r="FZ27" s="71">
        <v>0</v>
      </c>
      <c r="GA27" s="71">
        <v>0</v>
      </c>
      <c r="GB27" s="71">
        <v>0</v>
      </c>
      <c r="GC27" s="71">
        <v>0</v>
      </c>
      <c r="GD27" s="71">
        <v>0</v>
      </c>
      <c r="GE27" s="72">
        <v>0</v>
      </c>
      <c r="GF27" s="73">
        <v>0</v>
      </c>
      <c r="GG27" s="70">
        <v>2</v>
      </c>
      <c r="GH27" s="71">
        <v>4</v>
      </c>
      <c r="GI27" s="72">
        <v>6</v>
      </c>
      <c r="GJ27" s="276"/>
      <c r="GK27" s="71">
        <v>8</v>
      </c>
      <c r="GL27" s="71">
        <v>4</v>
      </c>
      <c r="GM27" s="71">
        <v>4</v>
      </c>
      <c r="GN27" s="71">
        <v>5</v>
      </c>
      <c r="GO27" s="71">
        <v>2</v>
      </c>
      <c r="GP27" s="72">
        <v>23</v>
      </c>
      <c r="GQ27" s="73">
        <v>29</v>
      </c>
      <c r="GR27" s="126">
        <v>37</v>
      </c>
      <c r="GS27" s="82">
        <v>25</v>
      </c>
      <c r="GT27" s="83">
        <v>62</v>
      </c>
      <c r="GU27" s="273"/>
      <c r="GV27" s="82">
        <v>57</v>
      </c>
      <c r="GW27" s="82">
        <v>35</v>
      </c>
      <c r="GX27" s="82">
        <v>20</v>
      </c>
      <c r="GY27" s="82">
        <v>21</v>
      </c>
      <c r="GZ27" s="82">
        <v>8</v>
      </c>
      <c r="HA27" s="84">
        <v>141</v>
      </c>
      <c r="HB27" s="85">
        <v>203</v>
      </c>
      <c r="HC27" s="70">
        <v>0</v>
      </c>
      <c r="HD27" s="71">
        <v>0</v>
      </c>
      <c r="HE27" s="72">
        <v>0</v>
      </c>
      <c r="HF27" s="276"/>
      <c r="HG27" s="71">
        <v>2</v>
      </c>
      <c r="HH27" s="71">
        <v>0</v>
      </c>
      <c r="HI27" s="71">
        <v>0</v>
      </c>
      <c r="HJ27" s="71">
        <v>0</v>
      </c>
      <c r="HK27" s="71">
        <v>0</v>
      </c>
      <c r="HL27" s="72">
        <v>2</v>
      </c>
      <c r="HM27" s="73">
        <v>2</v>
      </c>
      <c r="HN27" s="70">
        <v>3</v>
      </c>
      <c r="HO27" s="71">
        <v>2</v>
      </c>
      <c r="HP27" s="72">
        <v>5</v>
      </c>
      <c r="HQ27" s="276"/>
      <c r="HR27" s="71">
        <v>1</v>
      </c>
      <c r="HS27" s="71">
        <v>3</v>
      </c>
      <c r="HT27" s="71">
        <v>2</v>
      </c>
      <c r="HU27" s="71">
        <v>1</v>
      </c>
      <c r="HV27" s="71">
        <v>1</v>
      </c>
      <c r="HW27" s="72">
        <v>8</v>
      </c>
      <c r="HX27" s="73">
        <v>13</v>
      </c>
      <c r="HY27" s="70">
        <v>3</v>
      </c>
      <c r="HZ27" s="71">
        <v>5</v>
      </c>
      <c r="IA27" s="72">
        <v>8</v>
      </c>
      <c r="IB27" s="276"/>
      <c r="IC27" s="71">
        <v>4</v>
      </c>
      <c r="ID27" s="71">
        <v>4</v>
      </c>
      <c r="IE27" s="71">
        <v>1</v>
      </c>
      <c r="IF27" s="71">
        <v>2</v>
      </c>
      <c r="IG27" s="71">
        <v>0</v>
      </c>
      <c r="IH27" s="72">
        <v>11</v>
      </c>
      <c r="II27" s="73">
        <v>19</v>
      </c>
      <c r="IJ27" s="70">
        <v>4</v>
      </c>
      <c r="IK27" s="71">
        <v>3</v>
      </c>
      <c r="IL27" s="72">
        <v>7</v>
      </c>
      <c r="IM27" s="276"/>
      <c r="IN27" s="71">
        <v>8</v>
      </c>
      <c r="IO27" s="71">
        <v>5</v>
      </c>
      <c r="IP27" s="71">
        <v>1</v>
      </c>
      <c r="IQ27" s="71">
        <v>3</v>
      </c>
      <c r="IR27" s="71">
        <v>3</v>
      </c>
      <c r="IS27" s="72">
        <v>20</v>
      </c>
      <c r="IT27" s="73">
        <v>27</v>
      </c>
      <c r="IU27" s="70">
        <v>11</v>
      </c>
      <c r="IV27" s="71">
        <v>6</v>
      </c>
      <c r="IW27" s="72">
        <v>17</v>
      </c>
      <c r="IX27" s="276"/>
      <c r="IY27" s="71">
        <v>16</v>
      </c>
      <c r="IZ27" s="71">
        <v>17</v>
      </c>
      <c r="JA27" s="71">
        <v>6</v>
      </c>
      <c r="JB27" s="71">
        <v>7</v>
      </c>
      <c r="JC27" s="71">
        <v>1</v>
      </c>
      <c r="JD27" s="72">
        <v>47</v>
      </c>
      <c r="JE27" s="73">
        <v>64</v>
      </c>
      <c r="JF27" s="70">
        <v>16</v>
      </c>
      <c r="JG27" s="71">
        <v>9</v>
      </c>
      <c r="JH27" s="72">
        <v>25</v>
      </c>
      <c r="JI27" s="276"/>
      <c r="JJ27" s="71">
        <v>26</v>
      </c>
      <c r="JK27" s="71">
        <v>6</v>
      </c>
      <c r="JL27" s="71">
        <v>10</v>
      </c>
      <c r="JM27" s="71">
        <v>8</v>
      </c>
      <c r="JN27" s="71">
        <v>3</v>
      </c>
      <c r="JO27" s="72">
        <v>53</v>
      </c>
      <c r="JP27" s="73">
        <v>78</v>
      </c>
      <c r="JQ27" s="70">
        <v>0</v>
      </c>
      <c r="JR27" s="71">
        <v>0</v>
      </c>
      <c r="JS27" s="72">
        <v>0</v>
      </c>
      <c r="JT27" s="276"/>
      <c r="JU27" s="71">
        <v>0</v>
      </c>
      <c r="JV27" s="71">
        <v>0</v>
      </c>
      <c r="JW27" s="71">
        <v>0</v>
      </c>
      <c r="JX27" s="71">
        <v>0</v>
      </c>
      <c r="JY27" s="71">
        <v>0</v>
      </c>
      <c r="JZ27" s="72">
        <v>0</v>
      </c>
      <c r="KA27" s="73">
        <v>0</v>
      </c>
      <c r="KB27" s="70">
        <v>37</v>
      </c>
      <c r="KC27" s="71">
        <v>25</v>
      </c>
      <c r="KD27" s="72">
        <v>62</v>
      </c>
      <c r="KE27" s="276"/>
      <c r="KF27" s="71">
        <v>57</v>
      </c>
      <c r="KG27" s="71">
        <v>35</v>
      </c>
      <c r="KH27" s="71">
        <v>20</v>
      </c>
      <c r="KI27" s="71">
        <v>21</v>
      </c>
      <c r="KJ27" s="71">
        <v>8</v>
      </c>
      <c r="KK27" s="72">
        <v>141</v>
      </c>
      <c r="KL27" s="73">
        <v>203</v>
      </c>
    </row>
    <row r="28" spans="1:298" ht="19.5" customHeight="1" x14ac:dyDescent="0.2">
      <c r="A28" s="129" t="s">
        <v>25</v>
      </c>
      <c r="B28" s="350">
        <v>14</v>
      </c>
      <c r="C28" s="82">
        <v>15</v>
      </c>
      <c r="D28" s="83">
        <v>29</v>
      </c>
      <c r="E28" s="273"/>
      <c r="F28" s="82">
        <v>38</v>
      </c>
      <c r="G28" s="82">
        <v>13</v>
      </c>
      <c r="H28" s="82">
        <v>13</v>
      </c>
      <c r="I28" s="82">
        <v>16</v>
      </c>
      <c r="J28" s="82">
        <v>6</v>
      </c>
      <c r="K28" s="84">
        <v>86</v>
      </c>
      <c r="L28" s="85">
        <v>115</v>
      </c>
      <c r="M28" s="70">
        <v>0</v>
      </c>
      <c r="N28" s="71">
        <v>0</v>
      </c>
      <c r="O28" s="72">
        <v>0</v>
      </c>
      <c r="P28" s="276"/>
      <c r="Q28" s="71">
        <v>2</v>
      </c>
      <c r="R28" s="71">
        <v>0</v>
      </c>
      <c r="S28" s="71">
        <v>0</v>
      </c>
      <c r="T28" s="71">
        <v>0</v>
      </c>
      <c r="U28" s="71">
        <v>0</v>
      </c>
      <c r="V28" s="72">
        <v>2</v>
      </c>
      <c r="W28" s="73">
        <v>2</v>
      </c>
      <c r="X28" s="70">
        <v>2</v>
      </c>
      <c r="Y28" s="71">
        <v>3</v>
      </c>
      <c r="Z28" s="72">
        <v>5</v>
      </c>
      <c r="AA28" s="276"/>
      <c r="AB28" s="71">
        <v>1</v>
      </c>
      <c r="AC28" s="71">
        <v>2</v>
      </c>
      <c r="AD28" s="71">
        <v>0</v>
      </c>
      <c r="AE28" s="71">
        <v>2</v>
      </c>
      <c r="AF28" s="71">
        <v>0</v>
      </c>
      <c r="AG28" s="72">
        <v>5</v>
      </c>
      <c r="AH28" s="73">
        <v>10</v>
      </c>
      <c r="AI28" s="70">
        <v>2</v>
      </c>
      <c r="AJ28" s="71">
        <v>4</v>
      </c>
      <c r="AK28" s="72">
        <v>6</v>
      </c>
      <c r="AL28" s="276"/>
      <c r="AM28" s="71">
        <v>4</v>
      </c>
      <c r="AN28" s="71">
        <v>1</v>
      </c>
      <c r="AO28" s="71">
        <v>0</v>
      </c>
      <c r="AP28" s="71">
        <v>3</v>
      </c>
      <c r="AQ28" s="71">
        <v>1</v>
      </c>
      <c r="AR28" s="72">
        <v>9</v>
      </c>
      <c r="AS28" s="73">
        <v>15</v>
      </c>
      <c r="AT28" s="70">
        <v>2</v>
      </c>
      <c r="AU28" s="71">
        <v>4</v>
      </c>
      <c r="AV28" s="72">
        <v>6</v>
      </c>
      <c r="AW28" s="276"/>
      <c r="AX28" s="71">
        <v>10</v>
      </c>
      <c r="AY28" s="71">
        <v>4</v>
      </c>
      <c r="AZ28" s="71">
        <v>3</v>
      </c>
      <c r="BA28" s="71">
        <v>4</v>
      </c>
      <c r="BB28" s="71">
        <v>2</v>
      </c>
      <c r="BC28" s="72">
        <v>23</v>
      </c>
      <c r="BD28" s="73">
        <v>29</v>
      </c>
      <c r="BE28" s="70">
        <v>3</v>
      </c>
      <c r="BF28" s="71">
        <v>1</v>
      </c>
      <c r="BG28" s="72">
        <v>4</v>
      </c>
      <c r="BH28" s="276"/>
      <c r="BI28" s="71">
        <v>9</v>
      </c>
      <c r="BJ28" s="71">
        <v>6</v>
      </c>
      <c r="BK28" s="71">
        <v>4</v>
      </c>
      <c r="BL28" s="71">
        <v>4</v>
      </c>
      <c r="BM28" s="71">
        <v>1</v>
      </c>
      <c r="BN28" s="72">
        <v>24</v>
      </c>
      <c r="BO28" s="73">
        <v>28</v>
      </c>
      <c r="BP28" s="70">
        <v>5</v>
      </c>
      <c r="BQ28" s="71">
        <v>3</v>
      </c>
      <c r="BR28" s="72">
        <v>8</v>
      </c>
      <c r="BS28" s="276"/>
      <c r="BT28" s="71">
        <v>12</v>
      </c>
      <c r="BU28" s="71">
        <v>0</v>
      </c>
      <c r="BV28" s="71">
        <v>6</v>
      </c>
      <c r="BW28" s="71">
        <v>3</v>
      </c>
      <c r="BX28" s="71">
        <v>2</v>
      </c>
      <c r="BY28" s="72">
        <v>23</v>
      </c>
      <c r="BZ28" s="73">
        <v>31</v>
      </c>
      <c r="CA28" s="70">
        <v>0</v>
      </c>
      <c r="CB28" s="71">
        <v>0</v>
      </c>
      <c r="CC28" s="72">
        <v>0</v>
      </c>
      <c r="CD28" s="276"/>
      <c r="CE28" s="71">
        <v>0</v>
      </c>
      <c r="CF28" s="71">
        <v>0</v>
      </c>
      <c r="CG28" s="71">
        <v>0</v>
      </c>
      <c r="CH28" s="71">
        <v>0</v>
      </c>
      <c r="CI28" s="71">
        <v>0</v>
      </c>
      <c r="CJ28" s="72">
        <v>0</v>
      </c>
      <c r="CK28" s="73">
        <v>0</v>
      </c>
      <c r="CL28" s="70">
        <v>14</v>
      </c>
      <c r="CM28" s="71">
        <v>15</v>
      </c>
      <c r="CN28" s="72">
        <v>29</v>
      </c>
      <c r="CO28" s="276"/>
      <c r="CP28" s="71">
        <v>38</v>
      </c>
      <c r="CQ28" s="71">
        <v>13</v>
      </c>
      <c r="CR28" s="71">
        <v>13</v>
      </c>
      <c r="CS28" s="71">
        <v>16</v>
      </c>
      <c r="CT28" s="71">
        <v>6</v>
      </c>
      <c r="CU28" s="72">
        <v>86</v>
      </c>
      <c r="CV28" s="73">
        <v>115</v>
      </c>
      <c r="CW28" s="126">
        <v>2</v>
      </c>
      <c r="CX28" s="82">
        <v>3</v>
      </c>
      <c r="CY28" s="83">
        <v>5</v>
      </c>
      <c r="CZ28" s="273"/>
      <c r="DA28" s="82">
        <v>3</v>
      </c>
      <c r="DB28" s="82">
        <v>1</v>
      </c>
      <c r="DC28" s="82">
        <v>0</v>
      </c>
      <c r="DD28" s="82">
        <v>3</v>
      </c>
      <c r="DE28" s="82">
        <v>0</v>
      </c>
      <c r="DF28" s="84">
        <v>7</v>
      </c>
      <c r="DG28" s="85">
        <v>12</v>
      </c>
      <c r="DH28" s="70">
        <v>0</v>
      </c>
      <c r="DI28" s="71">
        <v>0</v>
      </c>
      <c r="DJ28" s="72">
        <v>0</v>
      </c>
      <c r="DK28" s="276"/>
      <c r="DL28" s="71">
        <v>0</v>
      </c>
      <c r="DM28" s="71">
        <v>0</v>
      </c>
      <c r="DN28" s="71">
        <v>0</v>
      </c>
      <c r="DO28" s="71">
        <v>0</v>
      </c>
      <c r="DP28" s="71">
        <v>0</v>
      </c>
      <c r="DQ28" s="72">
        <v>0</v>
      </c>
      <c r="DR28" s="73">
        <v>0</v>
      </c>
      <c r="DS28" s="70">
        <v>0</v>
      </c>
      <c r="DT28" s="71">
        <v>0</v>
      </c>
      <c r="DU28" s="72">
        <v>0</v>
      </c>
      <c r="DV28" s="276"/>
      <c r="DW28" s="71">
        <v>0</v>
      </c>
      <c r="DX28" s="71">
        <v>0</v>
      </c>
      <c r="DY28" s="71">
        <v>0</v>
      </c>
      <c r="DZ28" s="71">
        <v>0</v>
      </c>
      <c r="EA28" s="71">
        <v>0</v>
      </c>
      <c r="EB28" s="72">
        <v>0</v>
      </c>
      <c r="EC28" s="73">
        <v>0</v>
      </c>
      <c r="ED28" s="70">
        <v>0</v>
      </c>
      <c r="EE28" s="71">
        <v>2</v>
      </c>
      <c r="EF28" s="72">
        <v>2</v>
      </c>
      <c r="EG28" s="276"/>
      <c r="EH28" s="71">
        <v>0</v>
      </c>
      <c r="EI28" s="71">
        <v>1</v>
      </c>
      <c r="EJ28" s="71">
        <v>0</v>
      </c>
      <c r="EK28" s="71">
        <v>0</v>
      </c>
      <c r="EL28" s="71">
        <v>0</v>
      </c>
      <c r="EM28" s="72">
        <v>1</v>
      </c>
      <c r="EN28" s="73">
        <v>3</v>
      </c>
      <c r="EO28" s="70">
        <v>1</v>
      </c>
      <c r="EP28" s="71">
        <v>0</v>
      </c>
      <c r="EQ28" s="72">
        <v>1</v>
      </c>
      <c r="ER28" s="276"/>
      <c r="ES28" s="71">
        <v>0</v>
      </c>
      <c r="ET28" s="71">
        <v>0</v>
      </c>
      <c r="EU28" s="71">
        <v>0</v>
      </c>
      <c r="EV28" s="71">
        <v>0</v>
      </c>
      <c r="EW28" s="71">
        <v>0</v>
      </c>
      <c r="EX28" s="72">
        <v>0</v>
      </c>
      <c r="EY28" s="73">
        <v>1</v>
      </c>
      <c r="EZ28" s="70">
        <v>0</v>
      </c>
      <c r="FA28" s="71">
        <v>1</v>
      </c>
      <c r="FB28" s="72">
        <v>1</v>
      </c>
      <c r="FC28" s="276"/>
      <c r="FD28" s="71">
        <v>1</v>
      </c>
      <c r="FE28" s="71">
        <v>0</v>
      </c>
      <c r="FF28" s="71">
        <v>0</v>
      </c>
      <c r="FG28" s="71">
        <v>2</v>
      </c>
      <c r="FH28" s="71">
        <v>0</v>
      </c>
      <c r="FI28" s="72">
        <v>3</v>
      </c>
      <c r="FJ28" s="73">
        <v>4</v>
      </c>
      <c r="FK28" s="70">
        <v>1</v>
      </c>
      <c r="FL28" s="71">
        <v>0</v>
      </c>
      <c r="FM28" s="72">
        <v>1</v>
      </c>
      <c r="FN28" s="276"/>
      <c r="FO28" s="71">
        <v>2</v>
      </c>
      <c r="FP28" s="71">
        <v>0</v>
      </c>
      <c r="FQ28" s="71">
        <v>0</v>
      </c>
      <c r="FR28" s="71">
        <v>1</v>
      </c>
      <c r="FS28" s="71">
        <v>0</v>
      </c>
      <c r="FT28" s="72">
        <v>3</v>
      </c>
      <c r="FU28" s="73">
        <v>4</v>
      </c>
      <c r="FV28" s="70">
        <v>0</v>
      </c>
      <c r="FW28" s="71">
        <v>0</v>
      </c>
      <c r="FX28" s="72">
        <v>0</v>
      </c>
      <c r="FY28" s="276"/>
      <c r="FZ28" s="71">
        <v>0</v>
      </c>
      <c r="GA28" s="71">
        <v>0</v>
      </c>
      <c r="GB28" s="71">
        <v>0</v>
      </c>
      <c r="GC28" s="71">
        <v>0</v>
      </c>
      <c r="GD28" s="71">
        <v>0</v>
      </c>
      <c r="GE28" s="72">
        <v>0</v>
      </c>
      <c r="GF28" s="73">
        <v>0</v>
      </c>
      <c r="GG28" s="70">
        <v>2</v>
      </c>
      <c r="GH28" s="71">
        <v>3</v>
      </c>
      <c r="GI28" s="72">
        <v>5</v>
      </c>
      <c r="GJ28" s="276"/>
      <c r="GK28" s="71">
        <v>3</v>
      </c>
      <c r="GL28" s="71">
        <v>1</v>
      </c>
      <c r="GM28" s="71">
        <v>0</v>
      </c>
      <c r="GN28" s="71">
        <v>3</v>
      </c>
      <c r="GO28" s="71">
        <v>0</v>
      </c>
      <c r="GP28" s="72">
        <v>7</v>
      </c>
      <c r="GQ28" s="73">
        <v>12</v>
      </c>
      <c r="GR28" s="126">
        <v>16</v>
      </c>
      <c r="GS28" s="82">
        <v>18</v>
      </c>
      <c r="GT28" s="83">
        <v>34</v>
      </c>
      <c r="GU28" s="273"/>
      <c r="GV28" s="82">
        <v>41</v>
      </c>
      <c r="GW28" s="82">
        <v>14</v>
      </c>
      <c r="GX28" s="82">
        <v>13</v>
      </c>
      <c r="GY28" s="82">
        <v>19</v>
      </c>
      <c r="GZ28" s="82">
        <v>6</v>
      </c>
      <c r="HA28" s="84">
        <v>93</v>
      </c>
      <c r="HB28" s="85">
        <v>127</v>
      </c>
      <c r="HC28" s="70">
        <v>0</v>
      </c>
      <c r="HD28" s="71">
        <v>0</v>
      </c>
      <c r="HE28" s="72">
        <v>0</v>
      </c>
      <c r="HF28" s="276"/>
      <c r="HG28" s="71">
        <v>2</v>
      </c>
      <c r="HH28" s="71">
        <v>0</v>
      </c>
      <c r="HI28" s="71">
        <v>0</v>
      </c>
      <c r="HJ28" s="71">
        <v>0</v>
      </c>
      <c r="HK28" s="71">
        <v>0</v>
      </c>
      <c r="HL28" s="72">
        <v>2</v>
      </c>
      <c r="HM28" s="73">
        <v>2</v>
      </c>
      <c r="HN28" s="70">
        <v>2</v>
      </c>
      <c r="HO28" s="71">
        <v>3</v>
      </c>
      <c r="HP28" s="72">
        <v>5</v>
      </c>
      <c r="HQ28" s="276"/>
      <c r="HR28" s="71">
        <v>1</v>
      </c>
      <c r="HS28" s="71">
        <v>2</v>
      </c>
      <c r="HT28" s="71">
        <v>0</v>
      </c>
      <c r="HU28" s="71">
        <v>2</v>
      </c>
      <c r="HV28" s="71">
        <v>0</v>
      </c>
      <c r="HW28" s="72">
        <v>5</v>
      </c>
      <c r="HX28" s="73">
        <v>10</v>
      </c>
      <c r="HY28" s="70">
        <v>2</v>
      </c>
      <c r="HZ28" s="71">
        <v>6</v>
      </c>
      <c r="IA28" s="72">
        <v>8</v>
      </c>
      <c r="IB28" s="276"/>
      <c r="IC28" s="71">
        <v>4</v>
      </c>
      <c r="ID28" s="71">
        <v>2</v>
      </c>
      <c r="IE28" s="71">
        <v>0</v>
      </c>
      <c r="IF28" s="71">
        <v>3</v>
      </c>
      <c r="IG28" s="71">
        <v>1</v>
      </c>
      <c r="IH28" s="72">
        <v>10</v>
      </c>
      <c r="II28" s="73">
        <v>18</v>
      </c>
      <c r="IJ28" s="70">
        <v>3</v>
      </c>
      <c r="IK28" s="71">
        <v>4</v>
      </c>
      <c r="IL28" s="72">
        <v>7</v>
      </c>
      <c r="IM28" s="276"/>
      <c r="IN28" s="71">
        <v>10</v>
      </c>
      <c r="IO28" s="71">
        <v>4</v>
      </c>
      <c r="IP28" s="71">
        <v>3</v>
      </c>
      <c r="IQ28" s="71">
        <v>4</v>
      </c>
      <c r="IR28" s="71">
        <v>2</v>
      </c>
      <c r="IS28" s="72">
        <v>23</v>
      </c>
      <c r="IT28" s="73">
        <v>30</v>
      </c>
      <c r="IU28" s="70">
        <v>3</v>
      </c>
      <c r="IV28" s="71">
        <v>2</v>
      </c>
      <c r="IW28" s="72">
        <v>5</v>
      </c>
      <c r="IX28" s="276"/>
      <c r="IY28" s="71">
        <v>10</v>
      </c>
      <c r="IZ28" s="71">
        <v>6</v>
      </c>
      <c r="JA28" s="71">
        <v>4</v>
      </c>
      <c r="JB28" s="71">
        <v>6</v>
      </c>
      <c r="JC28" s="71">
        <v>1</v>
      </c>
      <c r="JD28" s="72">
        <v>27</v>
      </c>
      <c r="JE28" s="73">
        <v>32</v>
      </c>
      <c r="JF28" s="70">
        <v>6</v>
      </c>
      <c r="JG28" s="71">
        <v>3</v>
      </c>
      <c r="JH28" s="72">
        <v>9</v>
      </c>
      <c r="JI28" s="276"/>
      <c r="JJ28" s="71">
        <v>14</v>
      </c>
      <c r="JK28" s="71">
        <v>0</v>
      </c>
      <c r="JL28" s="71">
        <v>6</v>
      </c>
      <c r="JM28" s="71">
        <v>4</v>
      </c>
      <c r="JN28" s="71">
        <v>2</v>
      </c>
      <c r="JO28" s="72">
        <v>26</v>
      </c>
      <c r="JP28" s="73">
        <v>35</v>
      </c>
      <c r="JQ28" s="70">
        <v>0</v>
      </c>
      <c r="JR28" s="71">
        <v>0</v>
      </c>
      <c r="JS28" s="72">
        <v>0</v>
      </c>
      <c r="JT28" s="276"/>
      <c r="JU28" s="71">
        <v>0</v>
      </c>
      <c r="JV28" s="71">
        <v>0</v>
      </c>
      <c r="JW28" s="71">
        <v>0</v>
      </c>
      <c r="JX28" s="71">
        <v>0</v>
      </c>
      <c r="JY28" s="71">
        <v>0</v>
      </c>
      <c r="JZ28" s="72">
        <v>0</v>
      </c>
      <c r="KA28" s="73">
        <v>0</v>
      </c>
      <c r="KB28" s="70">
        <v>16</v>
      </c>
      <c r="KC28" s="71">
        <v>18</v>
      </c>
      <c r="KD28" s="72">
        <v>34</v>
      </c>
      <c r="KE28" s="276"/>
      <c r="KF28" s="71">
        <v>41</v>
      </c>
      <c r="KG28" s="71">
        <v>14</v>
      </c>
      <c r="KH28" s="71">
        <v>13</v>
      </c>
      <c r="KI28" s="71">
        <v>19</v>
      </c>
      <c r="KJ28" s="71">
        <v>6</v>
      </c>
      <c r="KK28" s="72">
        <v>93</v>
      </c>
      <c r="KL28" s="73">
        <v>127</v>
      </c>
    </row>
    <row r="29" spans="1:298" ht="19.5" customHeight="1" x14ac:dyDescent="0.2">
      <c r="A29" s="129" t="s">
        <v>26</v>
      </c>
      <c r="B29" s="350">
        <v>23</v>
      </c>
      <c r="C29" s="82">
        <v>12</v>
      </c>
      <c r="D29" s="83">
        <v>35</v>
      </c>
      <c r="E29" s="273"/>
      <c r="F29" s="82">
        <v>22</v>
      </c>
      <c r="G29" s="82">
        <v>26</v>
      </c>
      <c r="H29" s="82">
        <v>22</v>
      </c>
      <c r="I29" s="82">
        <v>13</v>
      </c>
      <c r="J29" s="82">
        <v>5</v>
      </c>
      <c r="K29" s="84">
        <v>88</v>
      </c>
      <c r="L29" s="85">
        <v>123</v>
      </c>
      <c r="M29" s="70">
        <v>0</v>
      </c>
      <c r="N29" s="71">
        <v>0</v>
      </c>
      <c r="O29" s="72">
        <v>0</v>
      </c>
      <c r="P29" s="276"/>
      <c r="Q29" s="71">
        <v>1</v>
      </c>
      <c r="R29" s="71">
        <v>0</v>
      </c>
      <c r="S29" s="71">
        <v>0</v>
      </c>
      <c r="T29" s="71">
        <v>0</v>
      </c>
      <c r="U29" s="71">
        <v>0</v>
      </c>
      <c r="V29" s="72">
        <v>1</v>
      </c>
      <c r="W29" s="73">
        <v>1</v>
      </c>
      <c r="X29" s="70">
        <v>1</v>
      </c>
      <c r="Y29" s="71">
        <v>0</v>
      </c>
      <c r="Z29" s="72">
        <v>1</v>
      </c>
      <c r="AA29" s="276"/>
      <c r="AB29" s="71">
        <v>1</v>
      </c>
      <c r="AC29" s="71">
        <v>2</v>
      </c>
      <c r="AD29" s="71">
        <v>0</v>
      </c>
      <c r="AE29" s="71">
        <v>0</v>
      </c>
      <c r="AF29" s="71">
        <v>1</v>
      </c>
      <c r="AG29" s="72">
        <v>4</v>
      </c>
      <c r="AH29" s="73">
        <v>5</v>
      </c>
      <c r="AI29" s="70">
        <v>2</v>
      </c>
      <c r="AJ29" s="71">
        <v>3</v>
      </c>
      <c r="AK29" s="72">
        <v>5</v>
      </c>
      <c r="AL29" s="276"/>
      <c r="AM29" s="71">
        <v>2</v>
      </c>
      <c r="AN29" s="71">
        <v>3</v>
      </c>
      <c r="AO29" s="71">
        <v>1</v>
      </c>
      <c r="AP29" s="71">
        <v>3</v>
      </c>
      <c r="AQ29" s="71">
        <v>1</v>
      </c>
      <c r="AR29" s="72">
        <v>10</v>
      </c>
      <c r="AS29" s="73">
        <v>15</v>
      </c>
      <c r="AT29" s="70">
        <v>6</v>
      </c>
      <c r="AU29" s="71">
        <v>1</v>
      </c>
      <c r="AV29" s="72">
        <v>7</v>
      </c>
      <c r="AW29" s="276"/>
      <c r="AX29" s="71">
        <v>6</v>
      </c>
      <c r="AY29" s="71">
        <v>4</v>
      </c>
      <c r="AZ29" s="71">
        <v>7</v>
      </c>
      <c r="BA29" s="71">
        <v>1</v>
      </c>
      <c r="BB29" s="71">
        <v>0</v>
      </c>
      <c r="BC29" s="72">
        <v>18</v>
      </c>
      <c r="BD29" s="73">
        <v>25</v>
      </c>
      <c r="BE29" s="70">
        <v>6</v>
      </c>
      <c r="BF29" s="71">
        <v>2</v>
      </c>
      <c r="BG29" s="72">
        <v>8</v>
      </c>
      <c r="BH29" s="276"/>
      <c r="BI29" s="71">
        <v>6</v>
      </c>
      <c r="BJ29" s="71">
        <v>8</v>
      </c>
      <c r="BK29" s="71">
        <v>9</v>
      </c>
      <c r="BL29" s="71">
        <v>2</v>
      </c>
      <c r="BM29" s="71">
        <v>1</v>
      </c>
      <c r="BN29" s="72">
        <v>26</v>
      </c>
      <c r="BO29" s="73">
        <v>34</v>
      </c>
      <c r="BP29" s="70">
        <v>8</v>
      </c>
      <c r="BQ29" s="71">
        <v>6</v>
      </c>
      <c r="BR29" s="72">
        <v>14</v>
      </c>
      <c r="BS29" s="276"/>
      <c r="BT29" s="71">
        <v>6</v>
      </c>
      <c r="BU29" s="71">
        <v>9</v>
      </c>
      <c r="BV29" s="71">
        <v>5</v>
      </c>
      <c r="BW29" s="71">
        <v>7</v>
      </c>
      <c r="BX29" s="71">
        <v>2</v>
      </c>
      <c r="BY29" s="72">
        <v>29</v>
      </c>
      <c r="BZ29" s="73">
        <v>43</v>
      </c>
      <c r="CA29" s="70">
        <v>0</v>
      </c>
      <c r="CB29" s="71">
        <v>0</v>
      </c>
      <c r="CC29" s="72">
        <v>0</v>
      </c>
      <c r="CD29" s="276"/>
      <c r="CE29" s="71">
        <v>0</v>
      </c>
      <c r="CF29" s="71">
        <v>0</v>
      </c>
      <c r="CG29" s="71">
        <v>0</v>
      </c>
      <c r="CH29" s="71">
        <v>0</v>
      </c>
      <c r="CI29" s="71">
        <v>0</v>
      </c>
      <c r="CJ29" s="72">
        <v>0</v>
      </c>
      <c r="CK29" s="73">
        <v>0</v>
      </c>
      <c r="CL29" s="70">
        <v>23</v>
      </c>
      <c r="CM29" s="71">
        <v>12</v>
      </c>
      <c r="CN29" s="72">
        <v>35</v>
      </c>
      <c r="CO29" s="276"/>
      <c r="CP29" s="71">
        <v>22</v>
      </c>
      <c r="CQ29" s="71">
        <v>26</v>
      </c>
      <c r="CR29" s="71">
        <v>22</v>
      </c>
      <c r="CS29" s="71">
        <v>13</v>
      </c>
      <c r="CT29" s="71">
        <v>5</v>
      </c>
      <c r="CU29" s="72">
        <v>88</v>
      </c>
      <c r="CV29" s="73">
        <v>123</v>
      </c>
      <c r="CW29" s="126">
        <v>3</v>
      </c>
      <c r="CX29" s="82">
        <v>2</v>
      </c>
      <c r="CY29" s="83">
        <v>5</v>
      </c>
      <c r="CZ29" s="273"/>
      <c r="DA29" s="82">
        <v>1</v>
      </c>
      <c r="DB29" s="82">
        <v>3</v>
      </c>
      <c r="DC29" s="82">
        <v>0</v>
      </c>
      <c r="DD29" s="82">
        <v>3</v>
      </c>
      <c r="DE29" s="82">
        <v>3</v>
      </c>
      <c r="DF29" s="84">
        <v>10</v>
      </c>
      <c r="DG29" s="85">
        <v>15</v>
      </c>
      <c r="DH29" s="70">
        <v>0</v>
      </c>
      <c r="DI29" s="71">
        <v>0</v>
      </c>
      <c r="DJ29" s="72">
        <v>0</v>
      </c>
      <c r="DK29" s="276"/>
      <c r="DL29" s="71">
        <v>0</v>
      </c>
      <c r="DM29" s="71">
        <v>0</v>
      </c>
      <c r="DN29" s="71">
        <v>0</v>
      </c>
      <c r="DO29" s="71">
        <v>0</v>
      </c>
      <c r="DP29" s="71">
        <v>0</v>
      </c>
      <c r="DQ29" s="72">
        <v>0</v>
      </c>
      <c r="DR29" s="73">
        <v>0</v>
      </c>
      <c r="DS29" s="70">
        <v>1</v>
      </c>
      <c r="DT29" s="71">
        <v>0</v>
      </c>
      <c r="DU29" s="72">
        <v>1</v>
      </c>
      <c r="DV29" s="276"/>
      <c r="DW29" s="71">
        <v>0</v>
      </c>
      <c r="DX29" s="71">
        <v>0</v>
      </c>
      <c r="DY29" s="71">
        <v>0</v>
      </c>
      <c r="DZ29" s="71">
        <v>0</v>
      </c>
      <c r="EA29" s="71">
        <v>0</v>
      </c>
      <c r="EB29" s="72">
        <v>0</v>
      </c>
      <c r="EC29" s="73">
        <v>1</v>
      </c>
      <c r="ED29" s="70">
        <v>0</v>
      </c>
      <c r="EE29" s="71">
        <v>0</v>
      </c>
      <c r="EF29" s="72">
        <v>0</v>
      </c>
      <c r="EG29" s="276"/>
      <c r="EH29" s="71">
        <v>0</v>
      </c>
      <c r="EI29" s="71">
        <v>0</v>
      </c>
      <c r="EJ29" s="71">
        <v>0</v>
      </c>
      <c r="EK29" s="71">
        <v>0</v>
      </c>
      <c r="EL29" s="71">
        <v>0</v>
      </c>
      <c r="EM29" s="72">
        <v>0</v>
      </c>
      <c r="EN29" s="73">
        <v>0</v>
      </c>
      <c r="EO29" s="70">
        <v>0</v>
      </c>
      <c r="EP29" s="71">
        <v>0</v>
      </c>
      <c r="EQ29" s="72">
        <v>0</v>
      </c>
      <c r="ER29" s="276"/>
      <c r="ES29" s="71">
        <v>0</v>
      </c>
      <c r="ET29" s="71">
        <v>1</v>
      </c>
      <c r="EU29" s="71">
        <v>0</v>
      </c>
      <c r="EV29" s="71">
        <v>1</v>
      </c>
      <c r="EW29" s="71">
        <v>0</v>
      </c>
      <c r="EX29" s="72">
        <v>2</v>
      </c>
      <c r="EY29" s="73">
        <v>2</v>
      </c>
      <c r="EZ29" s="70">
        <v>1</v>
      </c>
      <c r="FA29" s="71">
        <v>2</v>
      </c>
      <c r="FB29" s="72">
        <v>3</v>
      </c>
      <c r="FC29" s="276"/>
      <c r="FD29" s="71">
        <v>1</v>
      </c>
      <c r="FE29" s="71">
        <v>1</v>
      </c>
      <c r="FF29" s="71">
        <v>0</v>
      </c>
      <c r="FG29" s="71">
        <v>2</v>
      </c>
      <c r="FH29" s="71">
        <v>0</v>
      </c>
      <c r="FI29" s="72">
        <v>4</v>
      </c>
      <c r="FJ29" s="73">
        <v>7</v>
      </c>
      <c r="FK29" s="70">
        <v>1</v>
      </c>
      <c r="FL29" s="71">
        <v>0</v>
      </c>
      <c r="FM29" s="72">
        <v>1</v>
      </c>
      <c r="FN29" s="276"/>
      <c r="FO29" s="71">
        <v>0</v>
      </c>
      <c r="FP29" s="71">
        <v>1</v>
      </c>
      <c r="FQ29" s="71">
        <v>0</v>
      </c>
      <c r="FR29" s="71">
        <v>0</v>
      </c>
      <c r="FS29" s="71">
        <v>3</v>
      </c>
      <c r="FT29" s="72">
        <v>4</v>
      </c>
      <c r="FU29" s="73">
        <v>5</v>
      </c>
      <c r="FV29" s="70">
        <v>0</v>
      </c>
      <c r="FW29" s="71">
        <v>0</v>
      </c>
      <c r="FX29" s="72">
        <v>0</v>
      </c>
      <c r="FY29" s="276"/>
      <c r="FZ29" s="71">
        <v>0</v>
      </c>
      <c r="GA29" s="71">
        <v>0</v>
      </c>
      <c r="GB29" s="71">
        <v>0</v>
      </c>
      <c r="GC29" s="71">
        <v>0</v>
      </c>
      <c r="GD29" s="71">
        <v>0</v>
      </c>
      <c r="GE29" s="72">
        <v>0</v>
      </c>
      <c r="GF29" s="73">
        <v>0</v>
      </c>
      <c r="GG29" s="70">
        <v>3</v>
      </c>
      <c r="GH29" s="71">
        <v>2</v>
      </c>
      <c r="GI29" s="72">
        <v>5</v>
      </c>
      <c r="GJ29" s="276"/>
      <c r="GK29" s="71">
        <v>1</v>
      </c>
      <c r="GL29" s="71">
        <v>3</v>
      </c>
      <c r="GM29" s="71">
        <v>0</v>
      </c>
      <c r="GN29" s="71">
        <v>3</v>
      </c>
      <c r="GO29" s="71">
        <v>3</v>
      </c>
      <c r="GP29" s="72">
        <v>10</v>
      </c>
      <c r="GQ29" s="73">
        <v>15</v>
      </c>
      <c r="GR29" s="126">
        <v>26</v>
      </c>
      <c r="GS29" s="82">
        <v>14</v>
      </c>
      <c r="GT29" s="83">
        <v>40</v>
      </c>
      <c r="GU29" s="273"/>
      <c r="GV29" s="82">
        <v>23</v>
      </c>
      <c r="GW29" s="82">
        <v>29</v>
      </c>
      <c r="GX29" s="82">
        <v>22</v>
      </c>
      <c r="GY29" s="82">
        <v>16</v>
      </c>
      <c r="GZ29" s="82">
        <v>8</v>
      </c>
      <c r="HA29" s="84">
        <v>98</v>
      </c>
      <c r="HB29" s="85">
        <v>138</v>
      </c>
      <c r="HC29" s="70">
        <v>0</v>
      </c>
      <c r="HD29" s="71">
        <v>0</v>
      </c>
      <c r="HE29" s="72">
        <v>0</v>
      </c>
      <c r="HF29" s="276"/>
      <c r="HG29" s="71">
        <v>1</v>
      </c>
      <c r="HH29" s="71">
        <v>0</v>
      </c>
      <c r="HI29" s="71">
        <v>0</v>
      </c>
      <c r="HJ29" s="71">
        <v>0</v>
      </c>
      <c r="HK29" s="71">
        <v>0</v>
      </c>
      <c r="HL29" s="72">
        <v>1</v>
      </c>
      <c r="HM29" s="73">
        <v>1</v>
      </c>
      <c r="HN29" s="70">
        <v>2</v>
      </c>
      <c r="HO29" s="71">
        <v>0</v>
      </c>
      <c r="HP29" s="72">
        <v>2</v>
      </c>
      <c r="HQ29" s="276"/>
      <c r="HR29" s="71">
        <v>1</v>
      </c>
      <c r="HS29" s="71">
        <v>2</v>
      </c>
      <c r="HT29" s="71">
        <v>0</v>
      </c>
      <c r="HU29" s="71">
        <v>0</v>
      </c>
      <c r="HV29" s="71">
        <v>1</v>
      </c>
      <c r="HW29" s="72">
        <v>4</v>
      </c>
      <c r="HX29" s="73">
        <v>6</v>
      </c>
      <c r="HY29" s="70">
        <v>2</v>
      </c>
      <c r="HZ29" s="71">
        <v>3</v>
      </c>
      <c r="IA29" s="72">
        <v>5</v>
      </c>
      <c r="IB29" s="276"/>
      <c r="IC29" s="71">
        <v>2</v>
      </c>
      <c r="ID29" s="71">
        <v>3</v>
      </c>
      <c r="IE29" s="71">
        <v>1</v>
      </c>
      <c r="IF29" s="71">
        <v>3</v>
      </c>
      <c r="IG29" s="71">
        <v>1</v>
      </c>
      <c r="IH29" s="72">
        <v>10</v>
      </c>
      <c r="II29" s="73">
        <v>15</v>
      </c>
      <c r="IJ29" s="70">
        <v>6</v>
      </c>
      <c r="IK29" s="71">
        <v>1</v>
      </c>
      <c r="IL29" s="72">
        <v>7</v>
      </c>
      <c r="IM29" s="276"/>
      <c r="IN29" s="71">
        <v>6</v>
      </c>
      <c r="IO29" s="71">
        <v>5</v>
      </c>
      <c r="IP29" s="71">
        <v>7</v>
      </c>
      <c r="IQ29" s="71">
        <v>2</v>
      </c>
      <c r="IR29" s="71">
        <v>0</v>
      </c>
      <c r="IS29" s="72">
        <v>20</v>
      </c>
      <c r="IT29" s="73">
        <v>27</v>
      </c>
      <c r="IU29" s="70">
        <v>7</v>
      </c>
      <c r="IV29" s="71">
        <v>4</v>
      </c>
      <c r="IW29" s="72">
        <v>11</v>
      </c>
      <c r="IX29" s="276"/>
      <c r="IY29" s="71">
        <v>7</v>
      </c>
      <c r="IZ29" s="71">
        <v>9</v>
      </c>
      <c r="JA29" s="71">
        <v>9</v>
      </c>
      <c r="JB29" s="71">
        <v>4</v>
      </c>
      <c r="JC29" s="71">
        <v>1</v>
      </c>
      <c r="JD29" s="72">
        <v>30</v>
      </c>
      <c r="JE29" s="73">
        <v>41</v>
      </c>
      <c r="JF29" s="70">
        <v>9</v>
      </c>
      <c r="JG29" s="71">
        <v>6</v>
      </c>
      <c r="JH29" s="72">
        <v>15</v>
      </c>
      <c r="JI29" s="276"/>
      <c r="JJ29" s="71">
        <v>6</v>
      </c>
      <c r="JK29" s="71">
        <v>10</v>
      </c>
      <c r="JL29" s="71">
        <v>5</v>
      </c>
      <c r="JM29" s="71">
        <v>7</v>
      </c>
      <c r="JN29" s="71">
        <v>5</v>
      </c>
      <c r="JO29" s="72">
        <v>33</v>
      </c>
      <c r="JP29" s="73">
        <v>48</v>
      </c>
      <c r="JQ29" s="70">
        <v>0</v>
      </c>
      <c r="JR29" s="71">
        <v>0</v>
      </c>
      <c r="JS29" s="72">
        <v>0</v>
      </c>
      <c r="JT29" s="276"/>
      <c r="JU29" s="71">
        <v>0</v>
      </c>
      <c r="JV29" s="71">
        <v>0</v>
      </c>
      <c r="JW29" s="71">
        <v>0</v>
      </c>
      <c r="JX29" s="71">
        <v>0</v>
      </c>
      <c r="JY29" s="71">
        <v>0</v>
      </c>
      <c r="JZ29" s="72">
        <v>0</v>
      </c>
      <c r="KA29" s="73">
        <v>0</v>
      </c>
      <c r="KB29" s="70">
        <v>26</v>
      </c>
      <c r="KC29" s="71">
        <v>14</v>
      </c>
      <c r="KD29" s="72">
        <v>40</v>
      </c>
      <c r="KE29" s="276"/>
      <c r="KF29" s="71">
        <v>23</v>
      </c>
      <c r="KG29" s="71">
        <v>29</v>
      </c>
      <c r="KH29" s="71">
        <v>22</v>
      </c>
      <c r="KI29" s="71">
        <v>16</v>
      </c>
      <c r="KJ29" s="71">
        <v>8</v>
      </c>
      <c r="KK29" s="72">
        <v>98</v>
      </c>
      <c r="KL29" s="73">
        <v>138</v>
      </c>
    </row>
    <row r="30" spans="1:298" ht="19.5" customHeight="1" x14ac:dyDescent="0.2">
      <c r="A30" s="129" t="s">
        <v>27</v>
      </c>
      <c r="B30" s="350">
        <v>17</v>
      </c>
      <c r="C30" s="82">
        <v>21</v>
      </c>
      <c r="D30" s="83">
        <v>38</v>
      </c>
      <c r="E30" s="273"/>
      <c r="F30" s="82">
        <v>17</v>
      </c>
      <c r="G30" s="82">
        <v>22</v>
      </c>
      <c r="H30" s="82">
        <v>20</v>
      </c>
      <c r="I30" s="82">
        <v>14</v>
      </c>
      <c r="J30" s="82">
        <v>11</v>
      </c>
      <c r="K30" s="84">
        <v>84</v>
      </c>
      <c r="L30" s="85">
        <v>122</v>
      </c>
      <c r="M30" s="70">
        <v>1</v>
      </c>
      <c r="N30" s="71">
        <v>0</v>
      </c>
      <c r="O30" s="72">
        <v>1</v>
      </c>
      <c r="P30" s="276"/>
      <c r="Q30" s="71">
        <v>0</v>
      </c>
      <c r="R30" s="71">
        <v>0</v>
      </c>
      <c r="S30" s="71">
        <v>0</v>
      </c>
      <c r="T30" s="71">
        <v>0</v>
      </c>
      <c r="U30" s="71">
        <v>0</v>
      </c>
      <c r="V30" s="72">
        <v>0</v>
      </c>
      <c r="W30" s="73">
        <v>1</v>
      </c>
      <c r="X30" s="70">
        <v>0</v>
      </c>
      <c r="Y30" s="71">
        <v>2</v>
      </c>
      <c r="Z30" s="72">
        <v>2</v>
      </c>
      <c r="AA30" s="276"/>
      <c r="AB30" s="71">
        <v>1</v>
      </c>
      <c r="AC30" s="71">
        <v>3</v>
      </c>
      <c r="AD30" s="71">
        <v>1</v>
      </c>
      <c r="AE30" s="71">
        <v>1</v>
      </c>
      <c r="AF30" s="71">
        <v>1</v>
      </c>
      <c r="AG30" s="72">
        <v>7</v>
      </c>
      <c r="AH30" s="73">
        <v>9</v>
      </c>
      <c r="AI30" s="70">
        <v>1</v>
      </c>
      <c r="AJ30" s="71">
        <v>2</v>
      </c>
      <c r="AK30" s="72">
        <v>3</v>
      </c>
      <c r="AL30" s="276"/>
      <c r="AM30" s="71">
        <v>1</v>
      </c>
      <c r="AN30" s="71">
        <v>0</v>
      </c>
      <c r="AO30" s="71">
        <v>2</v>
      </c>
      <c r="AP30" s="71">
        <v>0</v>
      </c>
      <c r="AQ30" s="71">
        <v>1</v>
      </c>
      <c r="AR30" s="72">
        <v>4</v>
      </c>
      <c r="AS30" s="73">
        <v>7</v>
      </c>
      <c r="AT30" s="70">
        <v>4</v>
      </c>
      <c r="AU30" s="71">
        <v>1</v>
      </c>
      <c r="AV30" s="72">
        <v>5</v>
      </c>
      <c r="AW30" s="276"/>
      <c r="AX30" s="71">
        <v>8</v>
      </c>
      <c r="AY30" s="71">
        <v>6</v>
      </c>
      <c r="AZ30" s="71">
        <v>3</v>
      </c>
      <c r="BA30" s="71">
        <v>1</v>
      </c>
      <c r="BB30" s="71">
        <v>4</v>
      </c>
      <c r="BC30" s="72">
        <v>22</v>
      </c>
      <c r="BD30" s="73">
        <v>27</v>
      </c>
      <c r="BE30" s="70">
        <v>5</v>
      </c>
      <c r="BF30" s="71">
        <v>7</v>
      </c>
      <c r="BG30" s="72">
        <v>12</v>
      </c>
      <c r="BH30" s="276"/>
      <c r="BI30" s="71">
        <v>3</v>
      </c>
      <c r="BJ30" s="71">
        <v>8</v>
      </c>
      <c r="BK30" s="71">
        <v>6</v>
      </c>
      <c r="BL30" s="71">
        <v>6</v>
      </c>
      <c r="BM30" s="71">
        <v>3</v>
      </c>
      <c r="BN30" s="72">
        <v>26</v>
      </c>
      <c r="BO30" s="73">
        <v>38</v>
      </c>
      <c r="BP30" s="70">
        <v>6</v>
      </c>
      <c r="BQ30" s="71">
        <v>9</v>
      </c>
      <c r="BR30" s="72">
        <v>15</v>
      </c>
      <c r="BS30" s="276"/>
      <c r="BT30" s="71">
        <v>4</v>
      </c>
      <c r="BU30" s="71">
        <v>5</v>
      </c>
      <c r="BV30" s="71">
        <v>8</v>
      </c>
      <c r="BW30" s="71">
        <v>6</v>
      </c>
      <c r="BX30" s="71">
        <v>2</v>
      </c>
      <c r="BY30" s="72">
        <v>25</v>
      </c>
      <c r="BZ30" s="73">
        <v>40</v>
      </c>
      <c r="CA30" s="70">
        <v>0</v>
      </c>
      <c r="CB30" s="71">
        <v>0</v>
      </c>
      <c r="CC30" s="72">
        <v>0</v>
      </c>
      <c r="CD30" s="276"/>
      <c r="CE30" s="71">
        <v>0</v>
      </c>
      <c r="CF30" s="71">
        <v>0</v>
      </c>
      <c r="CG30" s="71">
        <v>0</v>
      </c>
      <c r="CH30" s="71">
        <v>0</v>
      </c>
      <c r="CI30" s="71">
        <v>0</v>
      </c>
      <c r="CJ30" s="72">
        <v>0</v>
      </c>
      <c r="CK30" s="73">
        <v>0</v>
      </c>
      <c r="CL30" s="70">
        <v>17</v>
      </c>
      <c r="CM30" s="71">
        <v>21</v>
      </c>
      <c r="CN30" s="72">
        <v>38</v>
      </c>
      <c r="CO30" s="276"/>
      <c r="CP30" s="71">
        <v>17</v>
      </c>
      <c r="CQ30" s="71">
        <v>22</v>
      </c>
      <c r="CR30" s="71">
        <v>20</v>
      </c>
      <c r="CS30" s="71">
        <v>14</v>
      </c>
      <c r="CT30" s="71">
        <v>11</v>
      </c>
      <c r="CU30" s="72">
        <v>84</v>
      </c>
      <c r="CV30" s="73">
        <v>122</v>
      </c>
      <c r="CW30" s="126">
        <v>4</v>
      </c>
      <c r="CX30" s="82">
        <v>1</v>
      </c>
      <c r="CY30" s="83">
        <v>5</v>
      </c>
      <c r="CZ30" s="273"/>
      <c r="DA30" s="82">
        <v>3</v>
      </c>
      <c r="DB30" s="82">
        <v>2</v>
      </c>
      <c r="DC30" s="82">
        <v>2</v>
      </c>
      <c r="DD30" s="82">
        <v>3</v>
      </c>
      <c r="DE30" s="82">
        <v>1</v>
      </c>
      <c r="DF30" s="84">
        <v>11</v>
      </c>
      <c r="DG30" s="85">
        <v>16</v>
      </c>
      <c r="DH30" s="70">
        <v>0</v>
      </c>
      <c r="DI30" s="71">
        <v>0</v>
      </c>
      <c r="DJ30" s="72">
        <v>0</v>
      </c>
      <c r="DK30" s="276"/>
      <c r="DL30" s="71">
        <v>0</v>
      </c>
      <c r="DM30" s="71">
        <v>0</v>
      </c>
      <c r="DN30" s="71">
        <v>0</v>
      </c>
      <c r="DO30" s="71">
        <v>0</v>
      </c>
      <c r="DP30" s="71">
        <v>0</v>
      </c>
      <c r="DQ30" s="72">
        <v>0</v>
      </c>
      <c r="DR30" s="73">
        <v>0</v>
      </c>
      <c r="DS30" s="70">
        <v>0</v>
      </c>
      <c r="DT30" s="71">
        <v>1</v>
      </c>
      <c r="DU30" s="72">
        <v>1</v>
      </c>
      <c r="DV30" s="276"/>
      <c r="DW30" s="71">
        <v>0</v>
      </c>
      <c r="DX30" s="71">
        <v>0</v>
      </c>
      <c r="DY30" s="71">
        <v>0</v>
      </c>
      <c r="DZ30" s="71">
        <v>0</v>
      </c>
      <c r="EA30" s="71">
        <v>0</v>
      </c>
      <c r="EB30" s="72">
        <v>0</v>
      </c>
      <c r="EC30" s="73">
        <v>1</v>
      </c>
      <c r="ED30" s="70">
        <v>0</v>
      </c>
      <c r="EE30" s="71">
        <v>0</v>
      </c>
      <c r="EF30" s="72">
        <v>0</v>
      </c>
      <c r="EG30" s="276"/>
      <c r="EH30" s="71">
        <v>0</v>
      </c>
      <c r="EI30" s="71">
        <v>0</v>
      </c>
      <c r="EJ30" s="71">
        <v>0</v>
      </c>
      <c r="EK30" s="71">
        <v>0</v>
      </c>
      <c r="EL30" s="71">
        <v>0</v>
      </c>
      <c r="EM30" s="72">
        <v>0</v>
      </c>
      <c r="EN30" s="73">
        <v>0</v>
      </c>
      <c r="EO30" s="70">
        <v>3</v>
      </c>
      <c r="EP30" s="71">
        <v>0</v>
      </c>
      <c r="EQ30" s="72">
        <v>3</v>
      </c>
      <c r="ER30" s="276"/>
      <c r="ES30" s="71">
        <v>0</v>
      </c>
      <c r="ET30" s="71">
        <v>0</v>
      </c>
      <c r="EU30" s="71">
        <v>0</v>
      </c>
      <c r="EV30" s="71">
        <v>0</v>
      </c>
      <c r="EW30" s="71">
        <v>0</v>
      </c>
      <c r="EX30" s="72">
        <v>0</v>
      </c>
      <c r="EY30" s="73">
        <v>3</v>
      </c>
      <c r="EZ30" s="70">
        <v>0</v>
      </c>
      <c r="FA30" s="71">
        <v>0</v>
      </c>
      <c r="FB30" s="72">
        <v>0</v>
      </c>
      <c r="FC30" s="276"/>
      <c r="FD30" s="71">
        <v>3</v>
      </c>
      <c r="FE30" s="71">
        <v>1</v>
      </c>
      <c r="FF30" s="71">
        <v>0</v>
      </c>
      <c r="FG30" s="71">
        <v>1</v>
      </c>
      <c r="FH30" s="71">
        <v>1</v>
      </c>
      <c r="FI30" s="72">
        <v>6</v>
      </c>
      <c r="FJ30" s="73">
        <v>6</v>
      </c>
      <c r="FK30" s="70">
        <v>1</v>
      </c>
      <c r="FL30" s="71">
        <v>0</v>
      </c>
      <c r="FM30" s="72">
        <v>1</v>
      </c>
      <c r="FN30" s="276"/>
      <c r="FO30" s="71">
        <v>0</v>
      </c>
      <c r="FP30" s="71">
        <v>1</v>
      </c>
      <c r="FQ30" s="71">
        <v>2</v>
      </c>
      <c r="FR30" s="71">
        <v>2</v>
      </c>
      <c r="FS30" s="71">
        <v>0</v>
      </c>
      <c r="FT30" s="72">
        <v>5</v>
      </c>
      <c r="FU30" s="73">
        <v>6</v>
      </c>
      <c r="FV30" s="70">
        <v>0</v>
      </c>
      <c r="FW30" s="71">
        <v>0</v>
      </c>
      <c r="FX30" s="72">
        <v>0</v>
      </c>
      <c r="FY30" s="276"/>
      <c r="FZ30" s="71">
        <v>0</v>
      </c>
      <c r="GA30" s="71">
        <v>0</v>
      </c>
      <c r="GB30" s="71">
        <v>0</v>
      </c>
      <c r="GC30" s="71">
        <v>0</v>
      </c>
      <c r="GD30" s="71">
        <v>0</v>
      </c>
      <c r="GE30" s="72">
        <v>0</v>
      </c>
      <c r="GF30" s="73">
        <v>0</v>
      </c>
      <c r="GG30" s="70">
        <v>4</v>
      </c>
      <c r="GH30" s="71">
        <v>1</v>
      </c>
      <c r="GI30" s="72">
        <v>5</v>
      </c>
      <c r="GJ30" s="276"/>
      <c r="GK30" s="71">
        <v>3</v>
      </c>
      <c r="GL30" s="71">
        <v>2</v>
      </c>
      <c r="GM30" s="71">
        <v>2</v>
      </c>
      <c r="GN30" s="71">
        <v>3</v>
      </c>
      <c r="GO30" s="71">
        <v>1</v>
      </c>
      <c r="GP30" s="72">
        <v>11</v>
      </c>
      <c r="GQ30" s="73">
        <v>16</v>
      </c>
      <c r="GR30" s="126">
        <v>21</v>
      </c>
      <c r="GS30" s="82">
        <v>22</v>
      </c>
      <c r="GT30" s="83">
        <v>43</v>
      </c>
      <c r="GU30" s="273"/>
      <c r="GV30" s="82">
        <v>20</v>
      </c>
      <c r="GW30" s="82">
        <v>24</v>
      </c>
      <c r="GX30" s="82">
        <v>22</v>
      </c>
      <c r="GY30" s="82">
        <v>17</v>
      </c>
      <c r="GZ30" s="82">
        <v>12</v>
      </c>
      <c r="HA30" s="84">
        <v>95</v>
      </c>
      <c r="HB30" s="85">
        <v>138</v>
      </c>
      <c r="HC30" s="70">
        <v>1</v>
      </c>
      <c r="HD30" s="71">
        <v>0</v>
      </c>
      <c r="HE30" s="72">
        <v>1</v>
      </c>
      <c r="HF30" s="276"/>
      <c r="HG30" s="71">
        <v>0</v>
      </c>
      <c r="HH30" s="71">
        <v>0</v>
      </c>
      <c r="HI30" s="71">
        <v>0</v>
      </c>
      <c r="HJ30" s="71">
        <v>0</v>
      </c>
      <c r="HK30" s="71">
        <v>0</v>
      </c>
      <c r="HL30" s="72">
        <v>0</v>
      </c>
      <c r="HM30" s="73">
        <v>1</v>
      </c>
      <c r="HN30" s="70">
        <v>0</v>
      </c>
      <c r="HO30" s="71">
        <v>3</v>
      </c>
      <c r="HP30" s="72">
        <v>3</v>
      </c>
      <c r="HQ30" s="276"/>
      <c r="HR30" s="71">
        <v>1</v>
      </c>
      <c r="HS30" s="71">
        <v>3</v>
      </c>
      <c r="HT30" s="71">
        <v>1</v>
      </c>
      <c r="HU30" s="71">
        <v>1</v>
      </c>
      <c r="HV30" s="71">
        <v>1</v>
      </c>
      <c r="HW30" s="72">
        <v>7</v>
      </c>
      <c r="HX30" s="73">
        <v>10</v>
      </c>
      <c r="HY30" s="70">
        <v>1</v>
      </c>
      <c r="HZ30" s="71">
        <v>2</v>
      </c>
      <c r="IA30" s="72">
        <v>3</v>
      </c>
      <c r="IB30" s="276"/>
      <c r="IC30" s="71">
        <v>1</v>
      </c>
      <c r="ID30" s="71">
        <v>0</v>
      </c>
      <c r="IE30" s="71">
        <v>2</v>
      </c>
      <c r="IF30" s="71">
        <v>0</v>
      </c>
      <c r="IG30" s="71">
        <v>1</v>
      </c>
      <c r="IH30" s="72">
        <v>4</v>
      </c>
      <c r="II30" s="73">
        <v>7</v>
      </c>
      <c r="IJ30" s="70">
        <v>7</v>
      </c>
      <c r="IK30" s="71">
        <v>1</v>
      </c>
      <c r="IL30" s="72">
        <v>8</v>
      </c>
      <c r="IM30" s="276"/>
      <c r="IN30" s="71">
        <v>8</v>
      </c>
      <c r="IO30" s="71">
        <v>6</v>
      </c>
      <c r="IP30" s="71">
        <v>3</v>
      </c>
      <c r="IQ30" s="71">
        <v>1</v>
      </c>
      <c r="IR30" s="71">
        <v>4</v>
      </c>
      <c r="IS30" s="72">
        <v>22</v>
      </c>
      <c r="IT30" s="73">
        <v>30</v>
      </c>
      <c r="IU30" s="70">
        <v>5</v>
      </c>
      <c r="IV30" s="71">
        <v>7</v>
      </c>
      <c r="IW30" s="72">
        <v>12</v>
      </c>
      <c r="IX30" s="276"/>
      <c r="IY30" s="71">
        <v>6</v>
      </c>
      <c r="IZ30" s="71">
        <v>9</v>
      </c>
      <c r="JA30" s="71">
        <v>6</v>
      </c>
      <c r="JB30" s="71">
        <v>7</v>
      </c>
      <c r="JC30" s="71">
        <v>4</v>
      </c>
      <c r="JD30" s="72">
        <v>32</v>
      </c>
      <c r="JE30" s="73">
        <v>44</v>
      </c>
      <c r="JF30" s="70">
        <v>7</v>
      </c>
      <c r="JG30" s="71">
        <v>9</v>
      </c>
      <c r="JH30" s="72">
        <v>16</v>
      </c>
      <c r="JI30" s="276"/>
      <c r="JJ30" s="71">
        <v>4</v>
      </c>
      <c r="JK30" s="71">
        <v>6</v>
      </c>
      <c r="JL30" s="71">
        <v>10</v>
      </c>
      <c r="JM30" s="71">
        <v>8</v>
      </c>
      <c r="JN30" s="71">
        <v>2</v>
      </c>
      <c r="JO30" s="72">
        <v>30</v>
      </c>
      <c r="JP30" s="73">
        <v>46</v>
      </c>
      <c r="JQ30" s="70">
        <v>0</v>
      </c>
      <c r="JR30" s="71">
        <v>0</v>
      </c>
      <c r="JS30" s="72">
        <v>0</v>
      </c>
      <c r="JT30" s="276"/>
      <c r="JU30" s="71">
        <v>0</v>
      </c>
      <c r="JV30" s="71">
        <v>0</v>
      </c>
      <c r="JW30" s="71">
        <v>0</v>
      </c>
      <c r="JX30" s="71">
        <v>0</v>
      </c>
      <c r="JY30" s="71">
        <v>0</v>
      </c>
      <c r="JZ30" s="72">
        <v>0</v>
      </c>
      <c r="KA30" s="73">
        <v>0</v>
      </c>
      <c r="KB30" s="70">
        <v>21</v>
      </c>
      <c r="KC30" s="71">
        <v>22</v>
      </c>
      <c r="KD30" s="72">
        <v>43</v>
      </c>
      <c r="KE30" s="276"/>
      <c r="KF30" s="71">
        <v>20</v>
      </c>
      <c r="KG30" s="71">
        <v>24</v>
      </c>
      <c r="KH30" s="71">
        <v>22</v>
      </c>
      <c r="KI30" s="71">
        <v>17</v>
      </c>
      <c r="KJ30" s="71">
        <v>12</v>
      </c>
      <c r="KK30" s="72">
        <v>95</v>
      </c>
      <c r="KL30" s="73">
        <v>138</v>
      </c>
    </row>
    <row r="31" spans="1:298" ht="19.5" customHeight="1" x14ac:dyDescent="0.2">
      <c r="A31" s="129" t="s">
        <v>28</v>
      </c>
      <c r="B31" s="350">
        <v>2</v>
      </c>
      <c r="C31" s="82">
        <v>3</v>
      </c>
      <c r="D31" s="83">
        <v>5</v>
      </c>
      <c r="E31" s="273"/>
      <c r="F31" s="82">
        <v>7</v>
      </c>
      <c r="G31" s="82">
        <v>8</v>
      </c>
      <c r="H31" s="82">
        <v>2</v>
      </c>
      <c r="I31" s="82">
        <v>2</v>
      </c>
      <c r="J31" s="82">
        <v>1</v>
      </c>
      <c r="K31" s="84">
        <v>20</v>
      </c>
      <c r="L31" s="85">
        <v>25</v>
      </c>
      <c r="M31" s="70">
        <v>0</v>
      </c>
      <c r="N31" s="71">
        <v>0</v>
      </c>
      <c r="O31" s="72">
        <v>0</v>
      </c>
      <c r="P31" s="276"/>
      <c r="Q31" s="71">
        <v>0</v>
      </c>
      <c r="R31" s="71">
        <v>0</v>
      </c>
      <c r="S31" s="71">
        <v>0</v>
      </c>
      <c r="T31" s="71">
        <v>0</v>
      </c>
      <c r="U31" s="71">
        <v>0</v>
      </c>
      <c r="V31" s="72">
        <v>0</v>
      </c>
      <c r="W31" s="73">
        <v>0</v>
      </c>
      <c r="X31" s="70">
        <v>0</v>
      </c>
      <c r="Y31" s="71">
        <v>0</v>
      </c>
      <c r="Z31" s="72">
        <v>0</v>
      </c>
      <c r="AA31" s="276"/>
      <c r="AB31" s="71">
        <v>0</v>
      </c>
      <c r="AC31" s="71">
        <v>2</v>
      </c>
      <c r="AD31" s="71">
        <v>0</v>
      </c>
      <c r="AE31" s="71">
        <v>0</v>
      </c>
      <c r="AF31" s="71">
        <v>0</v>
      </c>
      <c r="AG31" s="72">
        <v>2</v>
      </c>
      <c r="AH31" s="73">
        <v>2</v>
      </c>
      <c r="AI31" s="70">
        <v>0</v>
      </c>
      <c r="AJ31" s="71">
        <v>1</v>
      </c>
      <c r="AK31" s="72">
        <v>1</v>
      </c>
      <c r="AL31" s="276"/>
      <c r="AM31" s="71">
        <v>0</v>
      </c>
      <c r="AN31" s="71">
        <v>2</v>
      </c>
      <c r="AO31" s="71">
        <v>0</v>
      </c>
      <c r="AP31" s="71">
        <v>0</v>
      </c>
      <c r="AQ31" s="71">
        <v>0</v>
      </c>
      <c r="AR31" s="72">
        <v>2</v>
      </c>
      <c r="AS31" s="73">
        <v>3</v>
      </c>
      <c r="AT31" s="70">
        <v>2</v>
      </c>
      <c r="AU31" s="71">
        <v>0</v>
      </c>
      <c r="AV31" s="72">
        <v>2</v>
      </c>
      <c r="AW31" s="276"/>
      <c r="AX31" s="71">
        <v>1</v>
      </c>
      <c r="AY31" s="71">
        <v>2</v>
      </c>
      <c r="AZ31" s="71">
        <v>0</v>
      </c>
      <c r="BA31" s="71">
        <v>1</v>
      </c>
      <c r="BB31" s="71">
        <v>0</v>
      </c>
      <c r="BC31" s="72">
        <v>4</v>
      </c>
      <c r="BD31" s="73">
        <v>6</v>
      </c>
      <c r="BE31" s="70">
        <v>0</v>
      </c>
      <c r="BF31" s="71">
        <v>2</v>
      </c>
      <c r="BG31" s="72">
        <v>2</v>
      </c>
      <c r="BH31" s="276"/>
      <c r="BI31" s="71">
        <v>6</v>
      </c>
      <c r="BJ31" s="71">
        <v>1</v>
      </c>
      <c r="BK31" s="71">
        <v>0</v>
      </c>
      <c r="BL31" s="71">
        <v>1</v>
      </c>
      <c r="BM31" s="71">
        <v>1</v>
      </c>
      <c r="BN31" s="72">
        <v>9</v>
      </c>
      <c r="BO31" s="73">
        <v>11</v>
      </c>
      <c r="BP31" s="70">
        <v>0</v>
      </c>
      <c r="BQ31" s="71">
        <v>0</v>
      </c>
      <c r="BR31" s="72">
        <v>0</v>
      </c>
      <c r="BS31" s="276"/>
      <c r="BT31" s="71">
        <v>0</v>
      </c>
      <c r="BU31" s="71">
        <v>1</v>
      </c>
      <c r="BV31" s="71">
        <v>2</v>
      </c>
      <c r="BW31" s="71">
        <v>0</v>
      </c>
      <c r="BX31" s="71">
        <v>0</v>
      </c>
      <c r="BY31" s="72">
        <v>3</v>
      </c>
      <c r="BZ31" s="73">
        <v>3</v>
      </c>
      <c r="CA31" s="70">
        <v>0</v>
      </c>
      <c r="CB31" s="71">
        <v>0</v>
      </c>
      <c r="CC31" s="72">
        <v>0</v>
      </c>
      <c r="CD31" s="276"/>
      <c r="CE31" s="71">
        <v>0</v>
      </c>
      <c r="CF31" s="71">
        <v>0</v>
      </c>
      <c r="CG31" s="71">
        <v>0</v>
      </c>
      <c r="CH31" s="71">
        <v>0</v>
      </c>
      <c r="CI31" s="71">
        <v>0</v>
      </c>
      <c r="CJ31" s="72">
        <v>0</v>
      </c>
      <c r="CK31" s="73">
        <v>0</v>
      </c>
      <c r="CL31" s="70">
        <v>2</v>
      </c>
      <c r="CM31" s="71">
        <v>3</v>
      </c>
      <c r="CN31" s="72">
        <v>5</v>
      </c>
      <c r="CO31" s="276"/>
      <c r="CP31" s="71">
        <v>7</v>
      </c>
      <c r="CQ31" s="71">
        <v>8</v>
      </c>
      <c r="CR31" s="71">
        <v>2</v>
      </c>
      <c r="CS31" s="71">
        <v>2</v>
      </c>
      <c r="CT31" s="71">
        <v>1</v>
      </c>
      <c r="CU31" s="72">
        <v>20</v>
      </c>
      <c r="CV31" s="73">
        <v>25</v>
      </c>
      <c r="CW31" s="126">
        <v>1</v>
      </c>
      <c r="CX31" s="82">
        <v>0</v>
      </c>
      <c r="CY31" s="83">
        <v>1</v>
      </c>
      <c r="CZ31" s="273"/>
      <c r="DA31" s="82">
        <v>2</v>
      </c>
      <c r="DB31" s="82">
        <v>2</v>
      </c>
      <c r="DC31" s="82">
        <v>0</v>
      </c>
      <c r="DD31" s="82">
        <v>0</v>
      </c>
      <c r="DE31" s="82">
        <v>1</v>
      </c>
      <c r="DF31" s="84">
        <v>5</v>
      </c>
      <c r="DG31" s="85">
        <v>6</v>
      </c>
      <c r="DH31" s="70">
        <v>0</v>
      </c>
      <c r="DI31" s="71">
        <v>0</v>
      </c>
      <c r="DJ31" s="72">
        <v>0</v>
      </c>
      <c r="DK31" s="276"/>
      <c r="DL31" s="71">
        <v>0</v>
      </c>
      <c r="DM31" s="71">
        <v>0</v>
      </c>
      <c r="DN31" s="71">
        <v>0</v>
      </c>
      <c r="DO31" s="71">
        <v>0</v>
      </c>
      <c r="DP31" s="71">
        <v>0</v>
      </c>
      <c r="DQ31" s="72">
        <v>0</v>
      </c>
      <c r="DR31" s="73">
        <v>0</v>
      </c>
      <c r="DS31" s="70">
        <v>0</v>
      </c>
      <c r="DT31" s="71">
        <v>0</v>
      </c>
      <c r="DU31" s="72">
        <v>0</v>
      </c>
      <c r="DV31" s="276"/>
      <c r="DW31" s="71">
        <v>0</v>
      </c>
      <c r="DX31" s="71">
        <v>0</v>
      </c>
      <c r="DY31" s="71">
        <v>0</v>
      </c>
      <c r="DZ31" s="71">
        <v>0</v>
      </c>
      <c r="EA31" s="71">
        <v>0</v>
      </c>
      <c r="EB31" s="72">
        <v>0</v>
      </c>
      <c r="EC31" s="73">
        <v>0</v>
      </c>
      <c r="ED31" s="70">
        <v>1</v>
      </c>
      <c r="EE31" s="71">
        <v>0</v>
      </c>
      <c r="EF31" s="72">
        <v>1</v>
      </c>
      <c r="EG31" s="276"/>
      <c r="EH31" s="71">
        <v>0</v>
      </c>
      <c r="EI31" s="71">
        <v>0</v>
      </c>
      <c r="EJ31" s="71">
        <v>0</v>
      </c>
      <c r="EK31" s="71">
        <v>0</v>
      </c>
      <c r="EL31" s="71">
        <v>0</v>
      </c>
      <c r="EM31" s="72">
        <v>0</v>
      </c>
      <c r="EN31" s="73">
        <v>1</v>
      </c>
      <c r="EO31" s="70">
        <v>0</v>
      </c>
      <c r="EP31" s="71">
        <v>0</v>
      </c>
      <c r="EQ31" s="72">
        <v>0</v>
      </c>
      <c r="ER31" s="276"/>
      <c r="ES31" s="71">
        <v>1</v>
      </c>
      <c r="ET31" s="71">
        <v>1</v>
      </c>
      <c r="EU31" s="71">
        <v>0</v>
      </c>
      <c r="EV31" s="71">
        <v>0</v>
      </c>
      <c r="EW31" s="71">
        <v>1</v>
      </c>
      <c r="EX31" s="72">
        <v>3</v>
      </c>
      <c r="EY31" s="73">
        <v>3</v>
      </c>
      <c r="EZ31" s="70">
        <v>0</v>
      </c>
      <c r="FA31" s="71">
        <v>0</v>
      </c>
      <c r="FB31" s="72">
        <v>0</v>
      </c>
      <c r="FC31" s="276"/>
      <c r="FD31" s="71">
        <v>0</v>
      </c>
      <c r="FE31" s="71">
        <v>0</v>
      </c>
      <c r="FF31" s="71">
        <v>0</v>
      </c>
      <c r="FG31" s="71">
        <v>0</v>
      </c>
      <c r="FH31" s="71">
        <v>0</v>
      </c>
      <c r="FI31" s="72">
        <v>0</v>
      </c>
      <c r="FJ31" s="73">
        <v>0</v>
      </c>
      <c r="FK31" s="70">
        <v>0</v>
      </c>
      <c r="FL31" s="71">
        <v>0</v>
      </c>
      <c r="FM31" s="72">
        <v>0</v>
      </c>
      <c r="FN31" s="276"/>
      <c r="FO31" s="71">
        <v>1</v>
      </c>
      <c r="FP31" s="71">
        <v>1</v>
      </c>
      <c r="FQ31" s="71">
        <v>0</v>
      </c>
      <c r="FR31" s="71">
        <v>0</v>
      </c>
      <c r="FS31" s="71">
        <v>0</v>
      </c>
      <c r="FT31" s="72">
        <v>2</v>
      </c>
      <c r="FU31" s="73">
        <v>2</v>
      </c>
      <c r="FV31" s="70">
        <v>0</v>
      </c>
      <c r="FW31" s="71">
        <v>0</v>
      </c>
      <c r="FX31" s="72">
        <v>0</v>
      </c>
      <c r="FY31" s="276"/>
      <c r="FZ31" s="71">
        <v>0</v>
      </c>
      <c r="GA31" s="71">
        <v>0</v>
      </c>
      <c r="GB31" s="71">
        <v>0</v>
      </c>
      <c r="GC31" s="71">
        <v>0</v>
      </c>
      <c r="GD31" s="71">
        <v>0</v>
      </c>
      <c r="GE31" s="72">
        <v>0</v>
      </c>
      <c r="GF31" s="73">
        <v>0</v>
      </c>
      <c r="GG31" s="70">
        <v>1</v>
      </c>
      <c r="GH31" s="71">
        <v>0</v>
      </c>
      <c r="GI31" s="72">
        <v>1</v>
      </c>
      <c r="GJ31" s="276"/>
      <c r="GK31" s="71">
        <v>2</v>
      </c>
      <c r="GL31" s="71">
        <v>2</v>
      </c>
      <c r="GM31" s="71">
        <v>0</v>
      </c>
      <c r="GN31" s="71">
        <v>0</v>
      </c>
      <c r="GO31" s="71">
        <v>1</v>
      </c>
      <c r="GP31" s="72">
        <v>5</v>
      </c>
      <c r="GQ31" s="73">
        <v>6</v>
      </c>
      <c r="GR31" s="126">
        <v>3</v>
      </c>
      <c r="GS31" s="82">
        <v>3</v>
      </c>
      <c r="GT31" s="83">
        <v>6</v>
      </c>
      <c r="GU31" s="273"/>
      <c r="GV31" s="82">
        <v>9</v>
      </c>
      <c r="GW31" s="82">
        <v>10</v>
      </c>
      <c r="GX31" s="82">
        <v>2</v>
      </c>
      <c r="GY31" s="82">
        <v>2</v>
      </c>
      <c r="GZ31" s="82">
        <v>2</v>
      </c>
      <c r="HA31" s="84">
        <v>25</v>
      </c>
      <c r="HB31" s="85">
        <v>31</v>
      </c>
      <c r="HC31" s="70">
        <v>0</v>
      </c>
      <c r="HD31" s="71">
        <v>0</v>
      </c>
      <c r="HE31" s="72">
        <v>0</v>
      </c>
      <c r="HF31" s="276"/>
      <c r="HG31" s="71">
        <v>0</v>
      </c>
      <c r="HH31" s="71">
        <v>0</v>
      </c>
      <c r="HI31" s="71">
        <v>0</v>
      </c>
      <c r="HJ31" s="71">
        <v>0</v>
      </c>
      <c r="HK31" s="71">
        <v>0</v>
      </c>
      <c r="HL31" s="72">
        <v>0</v>
      </c>
      <c r="HM31" s="73">
        <v>0</v>
      </c>
      <c r="HN31" s="70">
        <v>0</v>
      </c>
      <c r="HO31" s="71">
        <v>0</v>
      </c>
      <c r="HP31" s="72">
        <v>0</v>
      </c>
      <c r="HQ31" s="276"/>
      <c r="HR31" s="71">
        <v>0</v>
      </c>
      <c r="HS31" s="71">
        <v>2</v>
      </c>
      <c r="HT31" s="71">
        <v>0</v>
      </c>
      <c r="HU31" s="71">
        <v>0</v>
      </c>
      <c r="HV31" s="71">
        <v>0</v>
      </c>
      <c r="HW31" s="72">
        <v>2</v>
      </c>
      <c r="HX31" s="73">
        <v>2</v>
      </c>
      <c r="HY31" s="70">
        <v>1</v>
      </c>
      <c r="HZ31" s="71">
        <v>1</v>
      </c>
      <c r="IA31" s="72">
        <v>2</v>
      </c>
      <c r="IB31" s="276"/>
      <c r="IC31" s="71">
        <v>0</v>
      </c>
      <c r="ID31" s="71">
        <v>2</v>
      </c>
      <c r="IE31" s="71">
        <v>0</v>
      </c>
      <c r="IF31" s="71">
        <v>0</v>
      </c>
      <c r="IG31" s="71">
        <v>0</v>
      </c>
      <c r="IH31" s="72">
        <v>2</v>
      </c>
      <c r="II31" s="73">
        <v>4</v>
      </c>
      <c r="IJ31" s="70">
        <v>2</v>
      </c>
      <c r="IK31" s="71">
        <v>0</v>
      </c>
      <c r="IL31" s="72">
        <v>2</v>
      </c>
      <c r="IM31" s="276"/>
      <c r="IN31" s="71">
        <v>2</v>
      </c>
      <c r="IO31" s="71">
        <v>3</v>
      </c>
      <c r="IP31" s="71">
        <v>0</v>
      </c>
      <c r="IQ31" s="71">
        <v>1</v>
      </c>
      <c r="IR31" s="71">
        <v>1</v>
      </c>
      <c r="IS31" s="72">
        <v>7</v>
      </c>
      <c r="IT31" s="73">
        <v>9</v>
      </c>
      <c r="IU31" s="70">
        <v>0</v>
      </c>
      <c r="IV31" s="71">
        <v>2</v>
      </c>
      <c r="IW31" s="72">
        <v>2</v>
      </c>
      <c r="IX31" s="276"/>
      <c r="IY31" s="71">
        <v>6</v>
      </c>
      <c r="IZ31" s="71">
        <v>1</v>
      </c>
      <c r="JA31" s="71">
        <v>0</v>
      </c>
      <c r="JB31" s="71">
        <v>1</v>
      </c>
      <c r="JC31" s="71">
        <v>1</v>
      </c>
      <c r="JD31" s="72">
        <v>9</v>
      </c>
      <c r="JE31" s="73">
        <v>11</v>
      </c>
      <c r="JF31" s="70">
        <v>0</v>
      </c>
      <c r="JG31" s="71">
        <v>0</v>
      </c>
      <c r="JH31" s="72">
        <v>0</v>
      </c>
      <c r="JI31" s="276"/>
      <c r="JJ31" s="71">
        <v>1</v>
      </c>
      <c r="JK31" s="71">
        <v>2</v>
      </c>
      <c r="JL31" s="71">
        <v>2</v>
      </c>
      <c r="JM31" s="71">
        <v>0</v>
      </c>
      <c r="JN31" s="71">
        <v>0</v>
      </c>
      <c r="JO31" s="72">
        <v>5</v>
      </c>
      <c r="JP31" s="73">
        <v>5</v>
      </c>
      <c r="JQ31" s="70">
        <v>0</v>
      </c>
      <c r="JR31" s="71">
        <v>0</v>
      </c>
      <c r="JS31" s="72">
        <v>0</v>
      </c>
      <c r="JT31" s="276"/>
      <c r="JU31" s="71">
        <v>0</v>
      </c>
      <c r="JV31" s="71">
        <v>0</v>
      </c>
      <c r="JW31" s="71">
        <v>0</v>
      </c>
      <c r="JX31" s="71">
        <v>0</v>
      </c>
      <c r="JY31" s="71">
        <v>0</v>
      </c>
      <c r="JZ31" s="72">
        <v>0</v>
      </c>
      <c r="KA31" s="73">
        <v>0</v>
      </c>
      <c r="KB31" s="70">
        <v>3</v>
      </c>
      <c r="KC31" s="71">
        <v>3</v>
      </c>
      <c r="KD31" s="72">
        <v>6</v>
      </c>
      <c r="KE31" s="276"/>
      <c r="KF31" s="71">
        <v>9</v>
      </c>
      <c r="KG31" s="71">
        <v>10</v>
      </c>
      <c r="KH31" s="71">
        <v>2</v>
      </c>
      <c r="KI31" s="71">
        <v>2</v>
      </c>
      <c r="KJ31" s="71">
        <v>2</v>
      </c>
      <c r="KK31" s="72">
        <v>25</v>
      </c>
      <c r="KL31" s="73">
        <v>31</v>
      </c>
    </row>
    <row r="32" spans="1:298" ht="19.5" customHeight="1" x14ac:dyDescent="0.2">
      <c r="A32" s="129" t="s">
        <v>29</v>
      </c>
      <c r="B32" s="350">
        <v>3</v>
      </c>
      <c r="C32" s="82">
        <v>3</v>
      </c>
      <c r="D32" s="83">
        <v>6</v>
      </c>
      <c r="E32" s="273"/>
      <c r="F32" s="82">
        <v>3</v>
      </c>
      <c r="G32" s="82">
        <v>6</v>
      </c>
      <c r="H32" s="82">
        <v>4</v>
      </c>
      <c r="I32" s="82">
        <v>3</v>
      </c>
      <c r="J32" s="82">
        <v>4</v>
      </c>
      <c r="K32" s="84">
        <v>20</v>
      </c>
      <c r="L32" s="85">
        <v>26</v>
      </c>
      <c r="M32" s="70">
        <v>0</v>
      </c>
      <c r="N32" s="71">
        <v>0</v>
      </c>
      <c r="O32" s="72">
        <v>0</v>
      </c>
      <c r="P32" s="276"/>
      <c r="Q32" s="71">
        <v>0</v>
      </c>
      <c r="R32" s="71">
        <v>0</v>
      </c>
      <c r="S32" s="71">
        <v>1</v>
      </c>
      <c r="T32" s="71">
        <v>0</v>
      </c>
      <c r="U32" s="71">
        <v>0</v>
      </c>
      <c r="V32" s="72">
        <v>1</v>
      </c>
      <c r="W32" s="73">
        <v>1</v>
      </c>
      <c r="X32" s="70">
        <v>0</v>
      </c>
      <c r="Y32" s="71">
        <v>0</v>
      </c>
      <c r="Z32" s="72">
        <v>0</v>
      </c>
      <c r="AA32" s="276"/>
      <c r="AB32" s="71">
        <v>0</v>
      </c>
      <c r="AC32" s="71">
        <v>0</v>
      </c>
      <c r="AD32" s="71">
        <v>0</v>
      </c>
      <c r="AE32" s="71">
        <v>0</v>
      </c>
      <c r="AF32" s="71">
        <v>0</v>
      </c>
      <c r="AG32" s="72">
        <v>0</v>
      </c>
      <c r="AH32" s="73">
        <v>0</v>
      </c>
      <c r="AI32" s="70">
        <v>2</v>
      </c>
      <c r="AJ32" s="71">
        <v>0</v>
      </c>
      <c r="AK32" s="72">
        <v>2</v>
      </c>
      <c r="AL32" s="276"/>
      <c r="AM32" s="71">
        <v>1</v>
      </c>
      <c r="AN32" s="71">
        <v>0</v>
      </c>
      <c r="AO32" s="71">
        <v>0</v>
      </c>
      <c r="AP32" s="71">
        <v>0</v>
      </c>
      <c r="AQ32" s="71">
        <v>1</v>
      </c>
      <c r="AR32" s="72">
        <v>2</v>
      </c>
      <c r="AS32" s="73">
        <v>4</v>
      </c>
      <c r="AT32" s="70">
        <v>1</v>
      </c>
      <c r="AU32" s="71">
        <v>2</v>
      </c>
      <c r="AV32" s="72">
        <v>3</v>
      </c>
      <c r="AW32" s="276"/>
      <c r="AX32" s="71">
        <v>1</v>
      </c>
      <c r="AY32" s="71">
        <v>1</v>
      </c>
      <c r="AZ32" s="71">
        <v>0</v>
      </c>
      <c r="BA32" s="71">
        <v>0</v>
      </c>
      <c r="BB32" s="71">
        <v>0</v>
      </c>
      <c r="BC32" s="72">
        <v>2</v>
      </c>
      <c r="BD32" s="73">
        <v>5</v>
      </c>
      <c r="BE32" s="70">
        <v>0</v>
      </c>
      <c r="BF32" s="71">
        <v>1</v>
      </c>
      <c r="BG32" s="72">
        <v>1</v>
      </c>
      <c r="BH32" s="276"/>
      <c r="BI32" s="71">
        <v>1</v>
      </c>
      <c r="BJ32" s="71">
        <v>4</v>
      </c>
      <c r="BK32" s="71">
        <v>1</v>
      </c>
      <c r="BL32" s="71">
        <v>3</v>
      </c>
      <c r="BM32" s="71">
        <v>1</v>
      </c>
      <c r="BN32" s="72">
        <v>10</v>
      </c>
      <c r="BO32" s="73">
        <v>11</v>
      </c>
      <c r="BP32" s="70">
        <v>0</v>
      </c>
      <c r="BQ32" s="71">
        <v>0</v>
      </c>
      <c r="BR32" s="72">
        <v>0</v>
      </c>
      <c r="BS32" s="276"/>
      <c r="BT32" s="71">
        <v>0</v>
      </c>
      <c r="BU32" s="71">
        <v>1</v>
      </c>
      <c r="BV32" s="71">
        <v>2</v>
      </c>
      <c r="BW32" s="71">
        <v>0</v>
      </c>
      <c r="BX32" s="71">
        <v>2</v>
      </c>
      <c r="BY32" s="72">
        <v>5</v>
      </c>
      <c r="BZ32" s="73">
        <v>5</v>
      </c>
      <c r="CA32" s="70">
        <v>0</v>
      </c>
      <c r="CB32" s="71">
        <v>0</v>
      </c>
      <c r="CC32" s="72">
        <v>0</v>
      </c>
      <c r="CD32" s="276"/>
      <c r="CE32" s="71">
        <v>0</v>
      </c>
      <c r="CF32" s="71">
        <v>0</v>
      </c>
      <c r="CG32" s="71">
        <v>0</v>
      </c>
      <c r="CH32" s="71">
        <v>0</v>
      </c>
      <c r="CI32" s="71">
        <v>0</v>
      </c>
      <c r="CJ32" s="72">
        <v>0</v>
      </c>
      <c r="CK32" s="73">
        <v>0</v>
      </c>
      <c r="CL32" s="70">
        <v>3</v>
      </c>
      <c r="CM32" s="71">
        <v>3</v>
      </c>
      <c r="CN32" s="72">
        <v>6</v>
      </c>
      <c r="CO32" s="276"/>
      <c r="CP32" s="71">
        <v>3</v>
      </c>
      <c r="CQ32" s="71">
        <v>6</v>
      </c>
      <c r="CR32" s="71">
        <v>4</v>
      </c>
      <c r="CS32" s="71">
        <v>3</v>
      </c>
      <c r="CT32" s="71">
        <v>4</v>
      </c>
      <c r="CU32" s="72">
        <v>20</v>
      </c>
      <c r="CV32" s="73">
        <v>26</v>
      </c>
      <c r="CW32" s="126">
        <v>1</v>
      </c>
      <c r="CX32" s="82">
        <v>0</v>
      </c>
      <c r="CY32" s="83">
        <v>1</v>
      </c>
      <c r="CZ32" s="273"/>
      <c r="DA32" s="82">
        <v>3</v>
      </c>
      <c r="DB32" s="82">
        <v>2</v>
      </c>
      <c r="DC32" s="82">
        <v>0</v>
      </c>
      <c r="DD32" s="82">
        <v>1</v>
      </c>
      <c r="DE32" s="82">
        <v>0</v>
      </c>
      <c r="DF32" s="84">
        <v>6</v>
      </c>
      <c r="DG32" s="85">
        <v>7</v>
      </c>
      <c r="DH32" s="70">
        <v>0</v>
      </c>
      <c r="DI32" s="71">
        <v>0</v>
      </c>
      <c r="DJ32" s="72">
        <v>0</v>
      </c>
      <c r="DK32" s="276"/>
      <c r="DL32" s="71">
        <v>0</v>
      </c>
      <c r="DM32" s="71">
        <v>0</v>
      </c>
      <c r="DN32" s="71">
        <v>0</v>
      </c>
      <c r="DO32" s="71">
        <v>0</v>
      </c>
      <c r="DP32" s="71">
        <v>0</v>
      </c>
      <c r="DQ32" s="72">
        <v>0</v>
      </c>
      <c r="DR32" s="73">
        <v>0</v>
      </c>
      <c r="DS32" s="70">
        <v>0</v>
      </c>
      <c r="DT32" s="71">
        <v>0</v>
      </c>
      <c r="DU32" s="72">
        <v>0</v>
      </c>
      <c r="DV32" s="276"/>
      <c r="DW32" s="71">
        <v>0</v>
      </c>
      <c r="DX32" s="71">
        <v>0</v>
      </c>
      <c r="DY32" s="71">
        <v>0</v>
      </c>
      <c r="DZ32" s="71">
        <v>0</v>
      </c>
      <c r="EA32" s="71">
        <v>0</v>
      </c>
      <c r="EB32" s="72">
        <v>0</v>
      </c>
      <c r="EC32" s="73">
        <v>0</v>
      </c>
      <c r="ED32" s="70">
        <v>0</v>
      </c>
      <c r="EE32" s="71">
        <v>0</v>
      </c>
      <c r="EF32" s="72">
        <v>0</v>
      </c>
      <c r="EG32" s="276"/>
      <c r="EH32" s="71">
        <v>0</v>
      </c>
      <c r="EI32" s="71">
        <v>0</v>
      </c>
      <c r="EJ32" s="71">
        <v>0</v>
      </c>
      <c r="EK32" s="71">
        <v>0</v>
      </c>
      <c r="EL32" s="71">
        <v>0</v>
      </c>
      <c r="EM32" s="72">
        <v>0</v>
      </c>
      <c r="EN32" s="73">
        <v>0</v>
      </c>
      <c r="EO32" s="70">
        <v>0</v>
      </c>
      <c r="EP32" s="71">
        <v>0</v>
      </c>
      <c r="EQ32" s="72">
        <v>0</v>
      </c>
      <c r="ER32" s="276"/>
      <c r="ES32" s="71">
        <v>2</v>
      </c>
      <c r="ET32" s="71">
        <v>0</v>
      </c>
      <c r="EU32" s="71">
        <v>0</v>
      </c>
      <c r="EV32" s="71">
        <v>0</v>
      </c>
      <c r="EW32" s="71">
        <v>0</v>
      </c>
      <c r="EX32" s="72">
        <v>2</v>
      </c>
      <c r="EY32" s="73">
        <v>2</v>
      </c>
      <c r="EZ32" s="70">
        <v>1</v>
      </c>
      <c r="FA32" s="71">
        <v>0</v>
      </c>
      <c r="FB32" s="72">
        <v>1</v>
      </c>
      <c r="FC32" s="276"/>
      <c r="FD32" s="71">
        <v>1</v>
      </c>
      <c r="FE32" s="71">
        <v>0</v>
      </c>
      <c r="FF32" s="71">
        <v>0</v>
      </c>
      <c r="FG32" s="71">
        <v>0</v>
      </c>
      <c r="FH32" s="71">
        <v>0</v>
      </c>
      <c r="FI32" s="72">
        <v>1</v>
      </c>
      <c r="FJ32" s="73">
        <v>2</v>
      </c>
      <c r="FK32" s="70">
        <v>0</v>
      </c>
      <c r="FL32" s="71">
        <v>0</v>
      </c>
      <c r="FM32" s="72">
        <v>0</v>
      </c>
      <c r="FN32" s="276"/>
      <c r="FO32" s="71">
        <v>0</v>
      </c>
      <c r="FP32" s="71">
        <v>2</v>
      </c>
      <c r="FQ32" s="71">
        <v>0</v>
      </c>
      <c r="FR32" s="71">
        <v>1</v>
      </c>
      <c r="FS32" s="71">
        <v>0</v>
      </c>
      <c r="FT32" s="72">
        <v>3</v>
      </c>
      <c r="FU32" s="73">
        <v>3</v>
      </c>
      <c r="FV32" s="70">
        <v>0</v>
      </c>
      <c r="FW32" s="71">
        <v>0</v>
      </c>
      <c r="FX32" s="72">
        <v>0</v>
      </c>
      <c r="FY32" s="276"/>
      <c r="FZ32" s="71">
        <v>0</v>
      </c>
      <c r="GA32" s="71">
        <v>0</v>
      </c>
      <c r="GB32" s="71">
        <v>0</v>
      </c>
      <c r="GC32" s="71">
        <v>0</v>
      </c>
      <c r="GD32" s="71">
        <v>0</v>
      </c>
      <c r="GE32" s="72">
        <v>0</v>
      </c>
      <c r="GF32" s="73">
        <v>0</v>
      </c>
      <c r="GG32" s="70">
        <v>1</v>
      </c>
      <c r="GH32" s="71">
        <v>0</v>
      </c>
      <c r="GI32" s="72">
        <v>1</v>
      </c>
      <c r="GJ32" s="276"/>
      <c r="GK32" s="71">
        <v>3</v>
      </c>
      <c r="GL32" s="71">
        <v>2</v>
      </c>
      <c r="GM32" s="71">
        <v>0</v>
      </c>
      <c r="GN32" s="71">
        <v>1</v>
      </c>
      <c r="GO32" s="71">
        <v>0</v>
      </c>
      <c r="GP32" s="72">
        <v>6</v>
      </c>
      <c r="GQ32" s="73">
        <v>7</v>
      </c>
      <c r="GR32" s="126">
        <v>4</v>
      </c>
      <c r="GS32" s="82">
        <v>3</v>
      </c>
      <c r="GT32" s="83">
        <v>7</v>
      </c>
      <c r="GU32" s="273"/>
      <c r="GV32" s="82">
        <v>6</v>
      </c>
      <c r="GW32" s="82">
        <v>8</v>
      </c>
      <c r="GX32" s="82">
        <v>4</v>
      </c>
      <c r="GY32" s="82">
        <v>4</v>
      </c>
      <c r="GZ32" s="82">
        <v>4</v>
      </c>
      <c r="HA32" s="84">
        <v>26</v>
      </c>
      <c r="HB32" s="85">
        <v>33</v>
      </c>
      <c r="HC32" s="70">
        <v>0</v>
      </c>
      <c r="HD32" s="71">
        <v>0</v>
      </c>
      <c r="HE32" s="72">
        <v>0</v>
      </c>
      <c r="HF32" s="276"/>
      <c r="HG32" s="71">
        <v>0</v>
      </c>
      <c r="HH32" s="71">
        <v>0</v>
      </c>
      <c r="HI32" s="71">
        <v>1</v>
      </c>
      <c r="HJ32" s="71">
        <v>0</v>
      </c>
      <c r="HK32" s="71">
        <v>0</v>
      </c>
      <c r="HL32" s="72">
        <v>1</v>
      </c>
      <c r="HM32" s="73">
        <v>1</v>
      </c>
      <c r="HN32" s="70">
        <v>0</v>
      </c>
      <c r="HO32" s="71">
        <v>0</v>
      </c>
      <c r="HP32" s="72">
        <v>0</v>
      </c>
      <c r="HQ32" s="276"/>
      <c r="HR32" s="71">
        <v>0</v>
      </c>
      <c r="HS32" s="71">
        <v>0</v>
      </c>
      <c r="HT32" s="71">
        <v>0</v>
      </c>
      <c r="HU32" s="71">
        <v>0</v>
      </c>
      <c r="HV32" s="71">
        <v>0</v>
      </c>
      <c r="HW32" s="72">
        <v>0</v>
      </c>
      <c r="HX32" s="73">
        <v>0</v>
      </c>
      <c r="HY32" s="70">
        <v>2</v>
      </c>
      <c r="HZ32" s="71">
        <v>0</v>
      </c>
      <c r="IA32" s="72">
        <v>2</v>
      </c>
      <c r="IB32" s="276"/>
      <c r="IC32" s="71">
        <v>1</v>
      </c>
      <c r="ID32" s="71">
        <v>0</v>
      </c>
      <c r="IE32" s="71">
        <v>0</v>
      </c>
      <c r="IF32" s="71">
        <v>0</v>
      </c>
      <c r="IG32" s="71">
        <v>1</v>
      </c>
      <c r="IH32" s="72">
        <v>2</v>
      </c>
      <c r="II32" s="73">
        <v>4</v>
      </c>
      <c r="IJ32" s="70">
        <v>1</v>
      </c>
      <c r="IK32" s="71">
        <v>2</v>
      </c>
      <c r="IL32" s="72">
        <v>3</v>
      </c>
      <c r="IM32" s="276"/>
      <c r="IN32" s="71">
        <v>3</v>
      </c>
      <c r="IO32" s="71">
        <v>1</v>
      </c>
      <c r="IP32" s="71">
        <v>0</v>
      </c>
      <c r="IQ32" s="71">
        <v>0</v>
      </c>
      <c r="IR32" s="71">
        <v>0</v>
      </c>
      <c r="IS32" s="72">
        <v>4</v>
      </c>
      <c r="IT32" s="73">
        <v>7</v>
      </c>
      <c r="IU32" s="70">
        <v>1</v>
      </c>
      <c r="IV32" s="71">
        <v>1</v>
      </c>
      <c r="IW32" s="72">
        <v>2</v>
      </c>
      <c r="IX32" s="276"/>
      <c r="IY32" s="71">
        <v>2</v>
      </c>
      <c r="IZ32" s="71">
        <v>4</v>
      </c>
      <c r="JA32" s="71">
        <v>1</v>
      </c>
      <c r="JB32" s="71">
        <v>3</v>
      </c>
      <c r="JC32" s="71">
        <v>1</v>
      </c>
      <c r="JD32" s="72">
        <v>11</v>
      </c>
      <c r="JE32" s="73">
        <v>13</v>
      </c>
      <c r="JF32" s="70">
        <v>0</v>
      </c>
      <c r="JG32" s="71">
        <v>0</v>
      </c>
      <c r="JH32" s="72">
        <v>0</v>
      </c>
      <c r="JI32" s="276"/>
      <c r="JJ32" s="71">
        <v>0</v>
      </c>
      <c r="JK32" s="71">
        <v>3</v>
      </c>
      <c r="JL32" s="71">
        <v>2</v>
      </c>
      <c r="JM32" s="71">
        <v>1</v>
      </c>
      <c r="JN32" s="71">
        <v>2</v>
      </c>
      <c r="JO32" s="72">
        <v>8</v>
      </c>
      <c r="JP32" s="73">
        <v>8</v>
      </c>
      <c r="JQ32" s="70">
        <v>0</v>
      </c>
      <c r="JR32" s="71">
        <v>0</v>
      </c>
      <c r="JS32" s="72">
        <v>0</v>
      </c>
      <c r="JT32" s="276"/>
      <c r="JU32" s="71">
        <v>0</v>
      </c>
      <c r="JV32" s="71">
        <v>0</v>
      </c>
      <c r="JW32" s="71">
        <v>0</v>
      </c>
      <c r="JX32" s="71">
        <v>0</v>
      </c>
      <c r="JY32" s="71">
        <v>0</v>
      </c>
      <c r="JZ32" s="72">
        <v>0</v>
      </c>
      <c r="KA32" s="73">
        <v>0</v>
      </c>
      <c r="KB32" s="70">
        <v>4</v>
      </c>
      <c r="KC32" s="71">
        <v>3</v>
      </c>
      <c r="KD32" s="72">
        <v>7</v>
      </c>
      <c r="KE32" s="276"/>
      <c r="KF32" s="71">
        <v>6</v>
      </c>
      <c r="KG32" s="71">
        <v>8</v>
      </c>
      <c r="KH32" s="71">
        <v>4</v>
      </c>
      <c r="KI32" s="71">
        <v>4</v>
      </c>
      <c r="KJ32" s="71">
        <v>4</v>
      </c>
      <c r="KK32" s="72">
        <v>26</v>
      </c>
      <c r="KL32" s="73">
        <v>33</v>
      </c>
    </row>
    <row r="33" spans="1:298" ht="19.5" customHeight="1" x14ac:dyDescent="0.2">
      <c r="A33" s="129" t="s">
        <v>30</v>
      </c>
      <c r="B33" s="350">
        <v>3</v>
      </c>
      <c r="C33" s="82">
        <v>3</v>
      </c>
      <c r="D33" s="83">
        <v>6</v>
      </c>
      <c r="E33" s="273"/>
      <c r="F33" s="82">
        <v>5</v>
      </c>
      <c r="G33" s="82">
        <v>4</v>
      </c>
      <c r="H33" s="82">
        <v>2</v>
      </c>
      <c r="I33" s="82">
        <v>8</v>
      </c>
      <c r="J33" s="82">
        <v>1</v>
      </c>
      <c r="K33" s="84">
        <v>20</v>
      </c>
      <c r="L33" s="85">
        <v>26</v>
      </c>
      <c r="M33" s="70">
        <v>0</v>
      </c>
      <c r="N33" s="71">
        <v>0</v>
      </c>
      <c r="O33" s="72">
        <v>0</v>
      </c>
      <c r="P33" s="276"/>
      <c r="Q33" s="71">
        <v>0</v>
      </c>
      <c r="R33" s="71">
        <v>0</v>
      </c>
      <c r="S33" s="71">
        <v>0</v>
      </c>
      <c r="T33" s="71">
        <v>0</v>
      </c>
      <c r="U33" s="71">
        <v>0</v>
      </c>
      <c r="V33" s="72">
        <v>0</v>
      </c>
      <c r="W33" s="73">
        <v>0</v>
      </c>
      <c r="X33" s="70">
        <v>0</v>
      </c>
      <c r="Y33" s="71">
        <v>2</v>
      </c>
      <c r="Z33" s="72">
        <v>2</v>
      </c>
      <c r="AA33" s="276"/>
      <c r="AB33" s="71">
        <v>0</v>
      </c>
      <c r="AC33" s="71">
        <v>0</v>
      </c>
      <c r="AD33" s="71">
        <v>0</v>
      </c>
      <c r="AE33" s="71">
        <v>0</v>
      </c>
      <c r="AF33" s="71">
        <v>0</v>
      </c>
      <c r="AG33" s="72">
        <v>0</v>
      </c>
      <c r="AH33" s="73">
        <v>2</v>
      </c>
      <c r="AI33" s="70">
        <v>0</v>
      </c>
      <c r="AJ33" s="71">
        <v>1</v>
      </c>
      <c r="AK33" s="72">
        <v>1</v>
      </c>
      <c r="AL33" s="276"/>
      <c r="AM33" s="71">
        <v>0</v>
      </c>
      <c r="AN33" s="71">
        <v>0</v>
      </c>
      <c r="AO33" s="71">
        <v>0</v>
      </c>
      <c r="AP33" s="71">
        <v>2</v>
      </c>
      <c r="AQ33" s="71">
        <v>0</v>
      </c>
      <c r="AR33" s="72">
        <v>2</v>
      </c>
      <c r="AS33" s="73">
        <v>3</v>
      </c>
      <c r="AT33" s="70">
        <v>0</v>
      </c>
      <c r="AU33" s="71">
        <v>0</v>
      </c>
      <c r="AV33" s="72">
        <v>0</v>
      </c>
      <c r="AW33" s="276"/>
      <c r="AX33" s="71">
        <v>0</v>
      </c>
      <c r="AY33" s="71">
        <v>1</v>
      </c>
      <c r="AZ33" s="71">
        <v>1</v>
      </c>
      <c r="BA33" s="71">
        <v>1</v>
      </c>
      <c r="BB33" s="71">
        <v>0</v>
      </c>
      <c r="BC33" s="72">
        <v>3</v>
      </c>
      <c r="BD33" s="73">
        <v>3</v>
      </c>
      <c r="BE33" s="70">
        <v>2</v>
      </c>
      <c r="BF33" s="71">
        <v>0</v>
      </c>
      <c r="BG33" s="72">
        <v>2</v>
      </c>
      <c r="BH33" s="276"/>
      <c r="BI33" s="71">
        <v>2</v>
      </c>
      <c r="BJ33" s="71">
        <v>0</v>
      </c>
      <c r="BK33" s="71">
        <v>1</v>
      </c>
      <c r="BL33" s="71">
        <v>1</v>
      </c>
      <c r="BM33" s="71">
        <v>0</v>
      </c>
      <c r="BN33" s="72">
        <v>4</v>
      </c>
      <c r="BO33" s="73">
        <v>6</v>
      </c>
      <c r="BP33" s="70">
        <v>1</v>
      </c>
      <c r="BQ33" s="71">
        <v>0</v>
      </c>
      <c r="BR33" s="72">
        <v>1</v>
      </c>
      <c r="BS33" s="276"/>
      <c r="BT33" s="71">
        <v>3</v>
      </c>
      <c r="BU33" s="71">
        <v>3</v>
      </c>
      <c r="BV33" s="71">
        <v>0</v>
      </c>
      <c r="BW33" s="71">
        <v>4</v>
      </c>
      <c r="BX33" s="71">
        <v>1</v>
      </c>
      <c r="BY33" s="72">
        <v>11</v>
      </c>
      <c r="BZ33" s="73">
        <v>12</v>
      </c>
      <c r="CA33" s="70">
        <v>0</v>
      </c>
      <c r="CB33" s="71">
        <v>0</v>
      </c>
      <c r="CC33" s="72">
        <v>0</v>
      </c>
      <c r="CD33" s="276"/>
      <c r="CE33" s="71">
        <v>0</v>
      </c>
      <c r="CF33" s="71">
        <v>0</v>
      </c>
      <c r="CG33" s="71">
        <v>0</v>
      </c>
      <c r="CH33" s="71">
        <v>0</v>
      </c>
      <c r="CI33" s="71">
        <v>0</v>
      </c>
      <c r="CJ33" s="72">
        <v>0</v>
      </c>
      <c r="CK33" s="73">
        <v>0</v>
      </c>
      <c r="CL33" s="70">
        <v>3</v>
      </c>
      <c r="CM33" s="71">
        <v>3</v>
      </c>
      <c r="CN33" s="72">
        <v>6</v>
      </c>
      <c r="CO33" s="276"/>
      <c r="CP33" s="71">
        <v>5</v>
      </c>
      <c r="CQ33" s="71">
        <v>4</v>
      </c>
      <c r="CR33" s="71">
        <v>2</v>
      </c>
      <c r="CS33" s="71">
        <v>8</v>
      </c>
      <c r="CT33" s="71">
        <v>1</v>
      </c>
      <c r="CU33" s="72">
        <v>20</v>
      </c>
      <c r="CV33" s="73">
        <v>26</v>
      </c>
      <c r="CW33" s="126">
        <v>2</v>
      </c>
      <c r="CX33" s="82">
        <v>0</v>
      </c>
      <c r="CY33" s="83">
        <v>2</v>
      </c>
      <c r="CZ33" s="273"/>
      <c r="DA33" s="82">
        <v>2</v>
      </c>
      <c r="DB33" s="82">
        <v>0</v>
      </c>
      <c r="DC33" s="82">
        <v>2</v>
      </c>
      <c r="DD33" s="82">
        <v>3</v>
      </c>
      <c r="DE33" s="82">
        <v>0</v>
      </c>
      <c r="DF33" s="84">
        <v>7</v>
      </c>
      <c r="DG33" s="85">
        <v>9</v>
      </c>
      <c r="DH33" s="70">
        <v>0</v>
      </c>
      <c r="DI33" s="71">
        <v>0</v>
      </c>
      <c r="DJ33" s="72">
        <v>0</v>
      </c>
      <c r="DK33" s="276"/>
      <c r="DL33" s="71">
        <v>0</v>
      </c>
      <c r="DM33" s="71">
        <v>0</v>
      </c>
      <c r="DN33" s="71">
        <v>0</v>
      </c>
      <c r="DO33" s="71">
        <v>0</v>
      </c>
      <c r="DP33" s="71">
        <v>0</v>
      </c>
      <c r="DQ33" s="72">
        <v>0</v>
      </c>
      <c r="DR33" s="73">
        <v>0</v>
      </c>
      <c r="DS33" s="70">
        <v>1</v>
      </c>
      <c r="DT33" s="71">
        <v>0</v>
      </c>
      <c r="DU33" s="72">
        <v>1</v>
      </c>
      <c r="DV33" s="276"/>
      <c r="DW33" s="71">
        <v>0</v>
      </c>
      <c r="DX33" s="71">
        <v>0</v>
      </c>
      <c r="DY33" s="71">
        <v>0</v>
      </c>
      <c r="DZ33" s="71">
        <v>0</v>
      </c>
      <c r="EA33" s="71">
        <v>0</v>
      </c>
      <c r="EB33" s="72">
        <v>0</v>
      </c>
      <c r="EC33" s="73">
        <v>1</v>
      </c>
      <c r="ED33" s="70">
        <v>1</v>
      </c>
      <c r="EE33" s="71">
        <v>0</v>
      </c>
      <c r="EF33" s="72">
        <v>1</v>
      </c>
      <c r="EG33" s="276"/>
      <c r="EH33" s="71">
        <v>0</v>
      </c>
      <c r="EI33" s="71">
        <v>0</v>
      </c>
      <c r="EJ33" s="71">
        <v>0</v>
      </c>
      <c r="EK33" s="71">
        <v>0</v>
      </c>
      <c r="EL33" s="71">
        <v>0</v>
      </c>
      <c r="EM33" s="72">
        <v>0</v>
      </c>
      <c r="EN33" s="73">
        <v>1</v>
      </c>
      <c r="EO33" s="70">
        <v>0</v>
      </c>
      <c r="EP33" s="71">
        <v>0</v>
      </c>
      <c r="EQ33" s="72">
        <v>0</v>
      </c>
      <c r="ER33" s="276"/>
      <c r="ES33" s="71">
        <v>1</v>
      </c>
      <c r="ET33" s="71">
        <v>0</v>
      </c>
      <c r="EU33" s="71">
        <v>0</v>
      </c>
      <c r="EV33" s="71">
        <v>0</v>
      </c>
      <c r="EW33" s="71">
        <v>0</v>
      </c>
      <c r="EX33" s="72">
        <v>1</v>
      </c>
      <c r="EY33" s="73">
        <v>1</v>
      </c>
      <c r="EZ33" s="70">
        <v>0</v>
      </c>
      <c r="FA33" s="71">
        <v>0</v>
      </c>
      <c r="FB33" s="72">
        <v>0</v>
      </c>
      <c r="FC33" s="276"/>
      <c r="FD33" s="71">
        <v>1</v>
      </c>
      <c r="FE33" s="71">
        <v>0</v>
      </c>
      <c r="FF33" s="71">
        <v>0</v>
      </c>
      <c r="FG33" s="71">
        <v>2</v>
      </c>
      <c r="FH33" s="71">
        <v>0</v>
      </c>
      <c r="FI33" s="72">
        <v>3</v>
      </c>
      <c r="FJ33" s="73">
        <v>3</v>
      </c>
      <c r="FK33" s="70">
        <v>0</v>
      </c>
      <c r="FL33" s="71">
        <v>0</v>
      </c>
      <c r="FM33" s="72">
        <v>0</v>
      </c>
      <c r="FN33" s="276"/>
      <c r="FO33" s="71">
        <v>0</v>
      </c>
      <c r="FP33" s="71">
        <v>0</v>
      </c>
      <c r="FQ33" s="71">
        <v>2</v>
      </c>
      <c r="FR33" s="71">
        <v>1</v>
      </c>
      <c r="FS33" s="71">
        <v>0</v>
      </c>
      <c r="FT33" s="72">
        <v>3</v>
      </c>
      <c r="FU33" s="73">
        <v>3</v>
      </c>
      <c r="FV33" s="70">
        <v>0</v>
      </c>
      <c r="FW33" s="71">
        <v>0</v>
      </c>
      <c r="FX33" s="72">
        <v>0</v>
      </c>
      <c r="FY33" s="276"/>
      <c r="FZ33" s="71">
        <v>0</v>
      </c>
      <c r="GA33" s="71">
        <v>0</v>
      </c>
      <c r="GB33" s="71">
        <v>0</v>
      </c>
      <c r="GC33" s="71">
        <v>0</v>
      </c>
      <c r="GD33" s="71">
        <v>0</v>
      </c>
      <c r="GE33" s="72">
        <v>0</v>
      </c>
      <c r="GF33" s="73">
        <v>0</v>
      </c>
      <c r="GG33" s="70">
        <v>2</v>
      </c>
      <c r="GH33" s="71">
        <v>0</v>
      </c>
      <c r="GI33" s="72">
        <v>2</v>
      </c>
      <c r="GJ33" s="276"/>
      <c r="GK33" s="71">
        <v>2</v>
      </c>
      <c r="GL33" s="71">
        <v>0</v>
      </c>
      <c r="GM33" s="71">
        <v>2</v>
      </c>
      <c r="GN33" s="71">
        <v>3</v>
      </c>
      <c r="GO33" s="71">
        <v>0</v>
      </c>
      <c r="GP33" s="72">
        <v>7</v>
      </c>
      <c r="GQ33" s="73">
        <v>9</v>
      </c>
      <c r="GR33" s="126">
        <v>5</v>
      </c>
      <c r="GS33" s="82">
        <v>3</v>
      </c>
      <c r="GT33" s="83">
        <v>8</v>
      </c>
      <c r="GU33" s="273"/>
      <c r="GV33" s="82">
        <v>7</v>
      </c>
      <c r="GW33" s="82">
        <v>4</v>
      </c>
      <c r="GX33" s="82">
        <v>4</v>
      </c>
      <c r="GY33" s="82">
        <v>11</v>
      </c>
      <c r="GZ33" s="82">
        <v>1</v>
      </c>
      <c r="HA33" s="84">
        <v>27</v>
      </c>
      <c r="HB33" s="85">
        <v>35</v>
      </c>
      <c r="HC33" s="70">
        <v>0</v>
      </c>
      <c r="HD33" s="71">
        <v>0</v>
      </c>
      <c r="HE33" s="72">
        <v>0</v>
      </c>
      <c r="HF33" s="276"/>
      <c r="HG33" s="71">
        <v>0</v>
      </c>
      <c r="HH33" s="71">
        <v>0</v>
      </c>
      <c r="HI33" s="71">
        <v>0</v>
      </c>
      <c r="HJ33" s="71">
        <v>0</v>
      </c>
      <c r="HK33" s="71">
        <v>0</v>
      </c>
      <c r="HL33" s="72">
        <v>0</v>
      </c>
      <c r="HM33" s="73">
        <v>0</v>
      </c>
      <c r="HN33" s="70">
        <v>1</v>
      </c>
      <c r="HO33" s="71">
        <v>2</v>
      </c>
      <c r="HP33" s="72">
        <v>3</v>
      </c>
      <c r="HQ33" s="276"/>
      <c r="HR33" s="71">
        <v>0</v>
      </c>
      <c r="HS33" s="71">
        <v>0</v>
      </c>
      <c r="HT33" s="71">
        <v>0</v>
      </c>
      <c r="HU33" s="71">
        <v>0</v>
      </c>
      <c r="HV33" s="71">
        <v>0</v>
      </c>
      <c r="HW33" s="72">
        <v>0</v>
      </c>
      <c r="HX33" s="73">
        <v>3</v>
      </c>
      <c r="HY33" s="70">
        <v>1</v>
      </c>
      <c r="HZ33" s="71">
        <v>1</v>
      </c>
      <c r="IA33" s="72">
        <v>2</v>
      </c>
      <c r="IB33" s="276"/>
      <c r="IC33" s="71">
        <v>0</v>
      </c>
      <c r="ID33" s="71">
        <v>0</v>
      </c>
      <c r="IE33" s="71">
        <v>0</v>
      </c>
      <c r="IF33" s="71">
        <v>2</v>
      </c>
      <c r="IG33" s="71">
        <v>0</v>
      </c>
      <c r="IH33" s="72">
        <v>2</v>
      </c>
      <c r="II33" s="73">
        <v>4</v>
      </c>
      <c r="IJ33" s="70">
        <v>0</v>
      </c>
      <c r="IK33" s="71">
        <v>0</v>
      </c>
      <c r="IL33" s="72">
        <v>0</v>
      </c>
      <c r="IM33" s="276"/>
      <c r="IN33" s="71">
        <v>1</v>
      </c>
      <c r="IO33" s="71">
        <v>1</v>
      </c>
      <c r="IP33" s="71">
        <v>1</v>
      </c>
      <c r="IQ33" s="71">
        <v>1</v>
      </c>
      <c r="IR33" s="71">
        <v>0</v>
      </c>
      <c r="IS33" s="72">
        <v>4</v>
      </c>
      <c r="IT33" s="73">
        <v>4</v>
      </c>
      <c r="IU33" s="70">
        <v>2</v>
      </c>
      <c r="IV33" s="71">
        <v>0</v>
      </c>
      <c r="IW33" s="72">
        <v>2</v>
      </c>
      <c r="IX33" s="276"/>
      <c r="IY33" s="71">
        <v>3</v>
      </c>
      <c r="IZ33" s="71">
        <v>0</v>
      </c>
      <c r="JA33" s="71">
        <v>1</v>
      </c>
      <c r="JB33" s="71">
        <v>3</v>
      </c>
      <c r="JC33" s="71">
        <v>0</v>
      </c>
      <c r="JD33" s="72">
        <v>7</v>
      </c>
      <c r="JE33" s="73">
        <v>9</v>
      </c>
      <c r="JF33" s="70">
        <v>1</v>
      </c>
      <c r="JG33" s="71">
        <v>0</v>
      </c>
      <c r="JH33" s="72">
        <v>1</v>
      </c>
      <c r="JI33" s="276"/>
      <c r="JJ33" s="71">
        <v>3</v>
      </c>
      <c r="JK33" s="71">
        <v>3</v>
      </c>
      <c r="JL33" s="71">
        <v>2</v>
      </c>
      <c r="JM33" s="71">
        <v>5</v>
      </c>
      <c r="JN33" s="71">
        <v>1</v>
      </c>
      <c r="JO33" s="72">
        <v>14</v>
      </c>
      <c r="JP33" s="73">
        <v>15</v>
      </c>
      <c r="JQ33" s="70">
        <v>0</v>
      </c>
      <c r="JR33" s="71">
        <v>0</v>
      </c>
      <c r="JS33" s="72">
        <v>0</v>
      </c>
      <c r="JT33" s="276"/>
      <c r="JU33" s="71">
        <v>0</v>
      </c>
      <c r="JV33" s="71">
        <v>0</v>
      </c>
      <c r="JW33" s="71">
        <v>0</v>
      </c>
      <c r="JX33" s="71">
        <v>0</v>
      </c>
      <c r="JY33" s="71">
        <v>0</v>
      </c>
      <c r="JZ33" s="72">
        <v>0</v>
      </c>
      <c r="KA33" s="73">
        <v>0</v>
      </c>
      <c r="KB33" s="70">
        <v>5</v>
      </c>
      <c r="KC33" s="71">
        <v>3</v>
      </c>
      <c r="KD33" s="72">
        <v>8</v>
      </c>
      <c r="KE33" s="276"/>
      <c r="KF33" s="71">
        <v>7</v>
      </c>
      <c r="KG33" s="71">
        <v>4</v>
      </c>
      <c r="KH33" s="71">
        <v>4</v>
      </c>
      <c r="KI33" s="71">
        <v>11</v>
      </c>
      <c r="KJ33" s="71">
        <v>1</v>
      </c>
      <c r="KK33" s="72">
        <v>27</v>
      </c>
      <c r="KL33" s="73">
        <v>35</v>
      </c>
    </row>
    <row r="34" spans="1:298" ht="19.5" customHeight="1" x14ac:dyDescent="0.2">
      <c r="A34" s="129" t="s">
        <v>31</v>
      </c>
      <c r="B34" s="350">
        <v>3</v>
      </c>
      <c r="C34" s="82">
        <v>7</v>
      </c>
      <c r="D34" s="83">
        <v>10</v>
      </c>
      <c r="E34" s="273"/>
      <c r="F34" s="82">
        <v>7</v>
      </c>
      <c r="G34" s="82">
        <v>15</v>
      </c>
      <c r="H34" s="82">
        <v>3</v>
      </c>
      <c r="I34" s="82">
        <v>4</v>
      </c>
      <c r="J34" s="82">
        <v>1</v>
      </c>
      <c r="K34" s="84">
        <v>30</v>
      </c>
      <c r="L34" s="85">
        <v>40</v>
      </c>
      <c r="M34" s="70">
        <v>0</v>
      </c>
      <c r="N34" s="71">
        <v>0</v>
      </c>
      <c r="O34" s="72">
        <v>0</v>
      </c>
      <c r="P34" s="276"/>
      <c r="Q34" s="71">
        <v>0</v>
      </c>
      <c r="R34" s="71">
        <v>0</v>
      </c>
      <c r="S34" s="71">
        <v>0</v>
      </c>
      <c r="T34" s="71">
        <v>0</v>
      </c>
      <c r="U34" s="71">
        <v>0</v>
      </c>
      <c r="V34" s="72">
        <v>0</v>
      </c>
      <c r="W34" s="73">
        <v>0</v>
      </c>
      <c r="X34" s="70">
        <v>0</v>
      </c>
      <c r="Y34" s="71">
        <v>1</v>
      </c>
      <c r="Z34" s="72">
        <v>1</v>
      </c>
      <c r="AA34" s="276"/>
      <c r="AB34" s="71">
        <v>0</v>
      </c>
      <c r="AC34" s="71">
        <v>0</v>
      </c>
      <c r="AD34" s="71">
        <v>0</v>
      </c>
      <c r="AE34" s="71">
        <v>0</v>
      </c>
      <c r="AF34" s="71">
        <v>0</v>
      </c>
      <c r="AG34" s="72">
        <v>0</v>
      </c>
      <c r="AH34" s="73">
        <v>1</v>
      </c>
      <c r="AI34" s="70">
        <v>0</v>
      </c>
      <c r="AJ34" s="71">
        <v>0</v>
      </c>
      <c r="AK34" s="72">
        <v>0</v>
      </c>
      <c r="AL34" s="276"/>
      <c r="AM34" s="71">
        <v>1</v>
      </c>
      <c r="AN34" s="71">
        <v>0</v>
      </c>
      <c r="AO34" s="71">
        <v>0</v>
      </c>
      <c r="AP34" s="71">
        <v>1</v>
      </c>
      <c r="AQ34" s="71">
        <v>0</v>
      </c>
      <c r="AR34" s="72">
        <v>2</v>
      </c>
      <c r="AS34" s="73">
        <v>2</v>
      </c>
      <c r="AT34" s="70">
        <v>0</v>
      </c>
      <c r="AU34" s="71">
        <v>0</v>
      </c>
      <c r="AV34" s="72">
        <v>0</v>
      </c>
      <c r="AW34" s="276"/>
      <c r="AX34" s="71">
        <v>3</v>
      </c>
      <c r="AY34" s="71">
        <v>4</v>
      </c>
      <c r="AZ34" s="71">
        <v>1</v>
      </c>
      <c r="BA34" s="71">
        <v>0</v>
      </c>
      <c r="BB34" s="71">
        <v>0</v>
      </c>
      <c r="BC34" s="72">
        <v>8</v>
      </c>
      <c r="BD34" s="73">
        <v>8</v>
      </c>
      <c r="BE34" s="70">
        <v>1</v>
      </c>
      <c r="BF34" s="71">
        <v>2</v>
      </c>
      <c r="BG34" s="72">
        <v>3</v>
      </c>
      <c r="BH34" s="276"/>
      <c r="BI34" s="71">
        <v>0</v>
      </c>
      <c r="BJ34" s="71">
        <v>6</v>
      </c>
      <c r="BK34" s="71">
        <v>0</v>
      </c>
      <c r="BL34" s="71">
        <v>0</v>
      </c>
      <c r="BM34" s="71">
        <v>0</v>
      </c>
      <c r="BN34" s="72">
        <v>6</v>
      </c>
      <c r="BO34" s="73">
        <v>9</v>
      </c>
      <c r="BP34" s="70">
        <v>2</v>
      </c>
      <c r="BQ34" s="71">
        <v>4</v>
      </c>
      <c r="BR34" s="72">
        <v>6</v>
      </c>
      <c r="BS34" s="276"/>
      <c r="BT34" s="71">
        <v>3</v>
      </c>
      <c r="BU34" s="71">
        <v>5</v>
      </c>
      <c r="BV34" s="71">
        <v>2</v>
      </c>
      <c r="BW34" s="71">
        <v>3</v>
      </c>
      <c r="BX34" s="71">
        <v>1</v>
      </c>
      <c r="BY34" s="72">
        <v>14</v>
      </c>
      <c r="BZ34" s="73">
        <v>20</v>
      </c>
      <c r="CA34" s="70">
        <v>0</v>
      </c>
      <c r="CB34" s="71">
        <v>0</v>
      </c>
      <c r="CC34" s="72">
        <v>0</v>
      </c>
      <c r="CD34" s="276"/>
      <c r="CE34" s="71">
        <v>0</v>
      </c>
      <c r="CF34" s="71">
        <v>0</v>
      </c>
      <c r="CG34" s="71">
        <v>0</v>
      </c>
      <c r="CH34" s="71">
        <v>0</v>
      </c>
      <c r="CI34" s="71">
        <v>0</v>
      </c>
      <c r="CJ34" s="72">
        <v>0</v>
      </c>
      <c r="CK34" s="73">
        <v>0</v>
      </c>
      <c r="CL34" s="70">
        <v>3</v>
      </c>
      <c r="CM34" s="71">
        <v>7</v>
      </c>
      <c r="CN34" s="72">
        <v>10</v>
      </c>
      <c r="CO34" s="276"/>
      <c r="CP34" s="71">
        <v>7</v>
      </c>
      <c r="CQ34" s="71">
        <v>15</v>
      </c>
      <c r="CR34" s="71">
        <v>3</v>
      </c>
      <c r="CS34" s="71">
        <v>4</v>
      </c>
      <c r="CT34" s="71">
        <v>1</v>
      </c>
      <c r="CU34" s="72">
        <v>30</v>
      </c>
      <c r="CV34" s="73">
        <v>40</v>
      </c>
      <c r="CW34" s="126">
        <v>1</v>
      </c>
      <c r="CX34" s="82">
        <v>2</v>
      </c>
      <c r="CY34" s="83">
        <v>3</v>
      </c>
      <c r="CZ34" s="273"/>
      <c r="DA34" s="82">
        <v>2</v>
      </c>
      <c r="DB34" s="82">
        <v>3</v>
      </c>
      <c r="DC34" s="82">
        <v>1</v>
      </c>
      <c r="DD34" s="82">
        <v>0</v>
      </c>
      <c r="DE34" s="82">
        <v>0</v>
      </c>
      <c r="DF34" s="84">
        <v>6</v>
      </c>
      <c r="DG34" s="85">
        <v>9</v>
      </c>
      <c r="DH34" s="70">
        <v>0</v>
      </c>
      <c r="DI34" s="71">
        <v>0</v>
      </c>
      <c r="DJ34" s="72">
        <v>0</v>
      </c>
      <c r="DK34" s="276"/>
      <c r="DL34" s="71">
        <v>0</v>
      </c>
      <c r="DM34" s="71">
        <v>0</v>
      </c>
      <c r="DN34" s="71">
        <v>0</v>
      </c>
      <c r="DO34" s="71">
        <v>0</v>
      </c>
      <c r="DP34" s="71">
        <v>0</v>
      </c>
      <c r="DQ34" s="72">
        <v>0</v>
      </c>
      <c r="DR34" s="73">
        <v>0</v>
      </c>
      <c r="DS34" s="70">
        <v>0</v>
      </c>
      <c r="DT34" s="71">
        <v>0</v>
      </c>
      <c r="DU34" s="72">
        <v>0</v>
      </c>
      <c r="DV34" s="276"/>
      <c r="DW34" s="71">
        <v>0</v>
      </c>
      <c r="DX34" s="71">
        <v>0</v>
      </c>
      <c r="DY34" s="71">
        <v>0</v>
      </c>
      <c r="DZ34" s="71">
        <v>0</v>
      </c>
      <c r="EA34" s="71">
        <v>0</v>
      </c>
      <c r="EB34" s="72">
        <v>0</v>
      </c>
      <c r="EC34" s="73">
        <v>0</v>
      </c>
      <c r="ED34" s="70">
        <v>0</v>
      </c>
      <c r="EE34" s="71">
        <v>1</v>
      </c>
      <c r="EF34" s="72">
        <v>1</v>
      </c>
      <c r="EG34" s="276"/>
      <c r="EH34" s="71">
        <v>0</v>
      </c>
      <c r="EI34" s="71">
        <v>0</v>
      </c>
      <c r="EJ34" s="71">
        <v>0</v>
      </c>
      <c r="EK34" s="71">
        <v>0</v>
      </c>
      <c r="EL34" s="71">
        <v>0</v>
      </c>
      <c r="EM34" s="72">
        <v>0</v>
      </c>
      <c r="EN34" s="73">
        <v>1</v>
      </c>
      <c r="EO34" s="70">
        <v>1</v>
      </c>
      <c r="EP34" s="71">
        <v>0</v>
      </c>
      <c r="EQ34" s="72">
        <v>1</v>
      </c>
      <c r="ER34" s="276"/>
      <c r="ES34" s="71">
        <v>0</v>
      </c>
      <c r="ET34" s="71">
        <v>1</v>
      </c>
      <c r="EU34" s="71">
        <v>0</v>
      </c>
      <c r="EV34" s="71">
        <v>0</v>
      </c>
      <c r="EW34" s="71">
        <v>0</v>
      </c>
      <c r="EX34" s="72">
        <v>1</v>
      </c>
      <c r="EY34" s="73">
        <v>2</v>
      </c>
      <c r="EZ34" s="70">
        <v>0</v>
      </c>
      <c r="FA34" s="71">
        <v>1</v>
      </c>
      <c r="FB34" s="72">
        <v>1</v>
      </c>
      <c r="FC34" s="276"/>
      <c r="FD34" s="71">
        <v>0</v>
      </c>
      <c r="FE34" s="71">
        <v>0</v>
      </c>
      <c r="FF34" s="71">
        <v>0</v>
      </c>
      <c r="FG34" s="71">
        <v>0</v>
      </c>
      <c r="FH34" s="71">
        <v>0</v>
      </c>
      <c r="FI34" s="72">
        <v>0</v>
      </c>
      <c r="FJ34" s="73">
        <v>1</v>
      </c>
      <c r="FK34" s="70">
        <v>0</v>
      </c>
      <c r="FL34" s="71">
        <v>0</v>
      </c>
      <c r="FM34" s="72">
        <v>0</v>
      </c>
      <c r="FN34" s="276"/>
      <c r="FO34" s="71">
        <v>2</v>
      </c>
      <c r="FP34" s="71">
        <v>2</v>
      </c>
      <c r="FQ34" s="71">
        <v>1</v>
      </c>
      <c r="FR34" s="71">
        <v>0</v>
      </c>
      <c r="FS34" s="71">
        <v>0</v>
      </c>
      <c r="FT34" s="72">
        <v>5</v>
      </c>
      <c r="FU34" s="73">
        <v>5</v>
      </c>
      <c r="FV34" s="70">
        <v>0</v>
      </c>
      <c r="FW34" s="71">
        <v>0</v>
      </c>
      <c r="FX34" s="72">
        <v>0</v>
      </c>
      <c r="FY34" s="276"/>
      <c r="FZ34" s="71">
        <v>0</v>
      </c>
      <c r="GA34" s="71">
        <v>0</v>
      </c>
      <c r="GB34" s="71">
        <v>0</v>
      </c>
      <c r="GC34" s="71">
        <v>0</v>
      </c>
      <c r="GD34" s="71">
        <v>0</v>
      </c>
      <c r="GE34" s="72">
        <v>0</v>
      </c>
      <c r="GF34" s="73">
        <v>0</v>
      </c>
      <c r="GG34" s="70">
        <v>1</v>
      </c>
      <c r="GH34" s="71">
        <v>2</v>
      </c>
      <c r="GI34" s="72">
        <v>3</v>
      </c>
      <c r="GJ34" s="276"/>
      <c r="GK34" s="71">
        <v>2</v>
      </c>
      <c r="GL34" s="71">
        <v>3</v>
      </c>
      <c r="GM34" s="71">
        <v>1</v>
      </c>
      <c r="GN34" s="71">
        <v>0</v>
      </c>
      <c r="GO34" s="71">
        <v>0</v>
      </c>
      <c r="GP34" s="72">
        <v>6</v>
      </c>
      <c r="GQ34" s="73">
        <v>9</v>
      </c>
      <c r="GR34" s="126">
        <v>4</v>
      </c>
      <c r="GS34" s="82">
        <v>9</v>
      </c>
      <c r="GT34" s="83">
        <v>13</v>
      </c>
      <c r="GU34" s="273"/>
      <c r="GV34" s="82">
        <v>9</v>
      </c>
      <c r="GW34" s="82">
        <v>18</v>
      </c>
      <c r="GX34" s="82">
        <v>4</v>
      </c>
      <c r="GY34" s="82">
        <v>4</v>
      </c>
      <c r="GZ34" s="82">
        <v>1</v>
      </c>
      <c r="HA34" s="84">
        <v>36</v>
      </c>
      <c r="HB34" s="85">
        <v>49</v>
      </c>
      <c r="HC34" s="70">
        <v>0</v>
      </c>
      <c r="HD34" s="71">
        <v>0</v>
      </c>
      <c r="HE34" s="72">
        <v>0</v>
      </c>
      <c r="HF34" s="276"/>
      <c r="HG34" s="71">
        <v>0</v>
      </c>
      <c r="HH34" s="71">
        <v>0</v>
      </c>
      <c r="HI34" s="71">
        <v>0</v>
      </c>
      <c r="HJ34" s="71">
        <v>0</v>
      </c>
      <c r="HK34" s="71">
        <v>0</v>
      </c>
      <c r="HL34" s="72">
        <v>0</v>
      </c>
      <c r="HM34" s="73">
        <v>0</v>
      </c>
      <c r="HN34" s="70">
        <v>0</v>
      </c>
      <c r="HO34" s="71">
        <v>1</v>
      </c>
      <c r="HP34" s="72">
        <v>1</v>
      </c>
      <c r="HQ34" s="276"/>
      <c r="HR34" s="71">
        <v>0</v>
      </c>
      <c r="HS34" s="71">
        <v>0</v>
      </c>
      <c r="HT34" s="71">
        <v>0</v>
      </c>
      <c r="HU34" s="71">
        <v>0</v>
      </c>
      <c r="HV34" s="71">
        <v>0</v>
      </c>
      <c r="HW34" s="72">
        <v>0</v>
      </c>
      <c r="HX34" s="73">
        <v>1</v>
      </c>
      <c r="HY34" s="70">
        <v>0</v>
      </c>
      <c r="HZ34" s="71">
        <v>1</v>
      </c>
      <c r="IA34" s="72">
        <v>1</v>
      </c>
      <c r="IB34" s="276"/>
      <c r="IC34" s="71">
        <v>1</v>
      </c>
      <c r="ID34" s="71">
        <v>0</v>
      </c>
      <c r="IE34" s="71">
        <v>0</v>
      </c>
      <c r="IF34" s="71">
        <v>1</v>
      </c>
      <c r="IG34" s="71">
        <v>0</v>
      </c>
      <c r="IH34" s="72">
        <v>2</v>
      </c>
      <c r="II34" s="73">
        <v>3</v>
      </c>
      <c r="IJ34" s="70">
        <v>1</v>
      </c>
      <c r="IK34" s="71">
        <v>0</v>
      </c>
      <c r="IL34" s="72">
        <v>1</v>
      </c>
      <c r="IM34" s="276"/>
      <c r="IN34" s="71">
        <v>3</v>
      </c>
      <c r="IO34" s="71">
        <v>5</v>
      </c>
      <c r="IP34" s="71">
        <v>1</v>
      </c>
      <c r="IQ34" s="71">
        <v>0</v>
      </c>
      <c r="IR34" s="71">
        <v>0</v>
      </c>
      <c r="IS34" s="72">
        <v>9</v>
      </c>
      <c r="IT34" s="73">
        <v>10</v>
      </c>
      <c r="IU34" s="70">
        <v>1</v>
      </c>
      <c r="IV34" s="71">
        <v>3</v>
      </c>
      <c r="IW34" s="72">
        <v>4</v>
      </c>
      <c r="IX34" s="276"/>
      <c r="IY34" s="71">
        <v>0</v>
      </c>
      <c r="IZ34" s="71">
        <v>6</v>
      </c>
      <c r="JA34" s="71">
        <v>0</v>
      </c>
      <c r="JB34" s="71">
        <v>0</v>
      </c>
      <c r="JC34" s="71">
        <v>0</v>
      </c>
      <c r="JD34" s="72">
        <v>6</v>
      </c>
      <c r="JE34" s="73">
        <v>10</v>
      </c>
      <c r="JF34" s="70">
        <v>2</v>
      </c>
      <c r="JG34" s="71">
        <v>4</v>
      </c>
      <c r="JH34" s="72">
        <v>6</v>
      </c>
      <c r="JI34" s="276"/>
      <c r="JJ34" s="71">
        <v>5</v>
      </c>
      <c r="JK34" s="71">
        <v>7</v>
      </c>
      <c r="JL34" s="71">
        <v>3</v>
      </c>
      <c r="JM34" s="71">
        <v>3</v>
      </c>
      <c r="JN34" s="71">
        <v>1</v>
      </c>
      <c r="JO34" s="72">
        <v>19</v>
      </c>
      <c r="JP34" s="73">
        <v>25</v>
      </c>
      <c r="JQ34" s="70">
        <v>0</v>
      </c>
      <c r="JR34" s="71">
        <v>0</v>
      </c>
      <c r="JS34" s="72">
        <v>0</v>
      </c>
      <c r="JT34" s="276"/>
      <c r="JU34" s="71">
        <v>0</v>
      </c>
      <c r="JV34" s="71">
        <v>0</v>
      </c>
      <c r="JW34" s="71">
        <v>0</v>
      </c>
      <c r="JX34" s="71">
        <v>0</v>
      </c>
      <c r="JY34" s="71">
        <v>0</v>
      </c>
      <c r="JZ34" s="72">
        <v>0</v>
      </c>
      <c r="KA34" s="73">
        <v>0</v>
      </c>
      <c r="KB34" s="70">
        <v>4</v>
      </c>
      <c r="KC34" s="71">
        <v>9</v>
      </c>
      <c r="KD34" s="72">
        <v>13</v>
      </c>
      <c r="KE34" s="276"/>
      <c r="KF34" s="71">
        <v>9</v>
      </c>
      <c r="KG34" s="71">
        <v>18</v>
      </c>
      <c r="KH34" s="71">
        <v>4</v>
      </c>
      <c r="KI34" s="71">
        <v>4</v>
      </c>
      <c r="KJ34" s="71">
        <v>1</v>
      </c>
      <c r="KK34" s="72">
        <v>36</v>
      </c>
      <c r="KL34" s="73">
        <v>49</v>
      </c>
    </row>
    <row r="35" spans="1:298" ht="19.5" customHeight="1" x14ac:dyDescent="0.2">
      <c r="A35" s="129" t="s">
        <v>32</v>
      </c>
      <c r="B35" s="350">
        <v>1</v>
      </c>
      <c r="C35" s="82">
        <v>4</v>
      </c>
      <c r="D35" s="83">
        <v>5</v>
      </c>
      <c r="E35" s="273"/>
      <c r="F35" s="82">
        <v>10</v>
      </c>
      <c r="G35" s="82">
        <v>8</v>
      </c>
      <c r="H35" s="82">
        <v>3</v>
      </c>
      <c r="I35" s="82">
        <v>4</v>
      </c>
      <c r="J35" s="82">
        <v>3</v>
      </c>
      <c r="K35" s="84">
        <v>28</v>
      </c>
      <c r="L35" s="85">
        <v>33</v>
      </c>
      <c r="M35" s="70">
        <v>0</v>
      </c>
      <c r="N35" s="71">
        <v>0</v>
      </c>
      <c r="O35" s="72">
        <v>0</v>
      </c>
      <c r="P35" s="276"/>
      <c r="Q35" s="71">
        <v>0</v>
      </c>
      <c r="R35" s="71">
        <v>0</v>
      </c>
      <c r="S35" s="71">
        <v>0</v>
      </c>
      <c r="T35" s="71">
        <v>0</v>
      </c>
      <c r="U35" s="71">
        <v>0</v>
      </c>
      <c r="V35" s="72">
        <v>0</v>
      </c>
      <c r="W35" s="73">
        <v>0</v>
      </c>
      <c r="X35" s="70">
        <v>0</v>
      </c>
      <c r="Y35" s="71">
        <v>0</v>
      </c>
      <c r="Z35" s="72">
        <v>0</v>
      </c>
      <c r="AA35" s="276"/>
      <c r="AB35" s="71">
        <v>1</v>
      </c>
      <c r="AC35" s="71">
        <v>0</v>
      </c>
      <c r="AD35" s="71">
        <v>0</v>
      </c>
      <c r="AE35" s="71">
        <v>0</v>
      </c>
      <c r="AF35" s="71">
        <v>0</v>
      </c>
      <c r="AG35" s="72">
        <v>1</v>
      </c>
      <c r="AH35" s="73">
        <v>1</v>
      </c>
      <c r="AI35" s="70">
        <v>1</v>
      </c>
      <c r="AJ35" s="71">
        <v>0</v>
      </c>
      <c r="AK35" s="72">
        <v>1</v>
      </c>
      <c r="AL35" s="276"/>
      <c r="AM35" s="71">
        <v>1</v>
      </c>
      <c r="AN35" s="71">
        <v>0</v>
      </c>
      <c r="AO35" s="71">
        <v>0</v>
      </c>
      <c r="AP35" s="71">
        <v>1</v>
      </c>
      <c r="AQ35" s="71">
        <v>0</v>
      </c>
      <c r="AR35" s="72">
        <v>2</v>
      </c>
      <c r="AS35" s="73">
        <v>3</v>
      </c>
      <c r="AT35" s="70">
        <v>0</v>
      </c>
      <c r="AU35" s="71">
        <v>0</v>
      </c>
      <c r="AV35" s="72">
        <v>0</v>
      </c>
      <c r="AW35" s="276"/>
      <c r="AX35" s="71">
        <v>1</v>
      </c>
      <c r="AY35" s="71">
        <v>1</v>
      </c>
      <c r="AZ35" s="71">
        <v>1</v>
      </c>
      <c r="BA35" s="71">
        <v>0</v>
      </c>
      <c r="BB35" s="71">
        <v>2</v>
      </c>
      <c r="BC35" s="72">
        <v>5</v>
      </c>
      <c r="BD35" s="73">
        <v>5</v>
      </c>
      <c r="BE35" s="70">
        <v>0</v>
      </c>
      <c r="BF35" s="71">
        <v>3</v>
      </c>
      <c r="BG35" s="72">
        <v>3</v>
      </c>
      <c r="BH35" s="276"/>
      <c r="BI35" s="71">
        <v>4</v>
      </c>
      <c r="BJ35" s="71">
        <v>3</v>
      </c>
      <c r="BK35" s="71">
        <v>1</v>
      </c>
      <c r="BL35" s="71">
        <v>1</v>
      </c>
      <c r="BM35" s="71">
        <v>1</v>
      </c>
      <c r="BN35" s="72">
        <v>10</v>
      </c>
      <c r="BO35" s="73">
        <v>13</v>
      </c>
      <c r="BP35" s="70">
        <v>0</v>
      </c>
      <c r="BQ35" s="71">
        <v>1</v>
      </c>
      <c r="BR35" s="72">
        <v>1</v>
      </c>
      <c r="BS35" s="276"/>
      <c r="BT35" s="71">
        <v>3</v>
      </c>
      <c r="BU35" s="71">
        <v>4</v>
      </c>
      <c r="BV35" s="71">
        <v>1</v>
      </c>
      <c r="BW35" s="71">
        <v>2</v>
      </c>
      <c r="BX35" s="71">
        <v>0</v>
      </c>
      <c r="BY35" s="72">
        <v>10</v>
      </c>
      <c r="BZ35" s="73">
        <v>11</v>
      </c>
      <c r="CA35" s="70">
        <v>0</v>
      </c>
      <c r="CB35" s="71">
        <v>0</v>
      </c>
      <c r="CC35" s="72">
        <v>0</v>
      </c>
      <c r="CD35" s="276"/>
      <c r="CE35" s="71">
        <v>0</v>
      </c>
      <c r="CF35" s="71">
        <v>0</v>
      </c>
      <c r="CG35" s="71">
        <v>0</v>
      </c>
      <c r="CH35" s="71">
        <v>0</v>
      </c>
      <c r="CI35" s="71">
        <v>0</v>
      </c>
      <c r="CJ35" s="72">
        <v>0</v>
      </c>
      <c r="CK35" s="73">
        <v>0</v>
      </c>
      <c r="CL35" s="70">
        <v>1</v>
      </c>
      <c r="CM35" s="71">
        <v>4</v>
      </c>
      <c r="CN35" s="72">
        <v>5</v>
      </c>
      <c r="CO35" s="276"/>
      <c r="CP35" s="71">
        <v>10</v>
      </c>
      <c r="CQ35" s="71">
        <v>8</v>
      </c>
      <c r="CR35" s="71">
        <v>3</v>
      </c>
      <c r="CS35" s="71">
        <v>4</v>
      </c>
      <c r="CT35" s="71">
        <v>3</v>
      </c>
      <c r="CU35" s="72">
        <v>28</v>
      </c>
      <c r="CV35" s="73">
        <v>33</v>
      </c>
      <c r="CW35" s="126">
        <v>0</v>
      </c>
      <c r="CX35" s="82">
        <v>0</v>
      </c>
      <c r="CY35" s="83">
        <v>0</v>
      </c>
      <c r="CZ35" s="273"/>
      <c r="DA35" s="82">
        <v>1</v>
      </c>
      <c r="DB35" s="82">
        <v>1</v>
      </c>
      <c r="DC35" s="82">
        <v>5</v>
      </c>
      <c r="DD35" s="82">
        <v>3</v>
      </c>
      <c r="DE35" s="82">
        <v>1</v>
      </c>
      <c r="DF35" s="84">
        <v>11</v>
      </c>
      <c r="DG35" s="85">
        <v>11</v>
      </c>
      <c r="DH35" s="70">
        <v>0</v>
      </c>
      <c r="DI35" s="71">
        <v>0</v>
      </c>
      <c r="DJ35" s="72">
        <v>0</v>
      </c>
      <c r="DK35" s="276"/>
      <c r="DL35" s="71">
        <v>1</v>
      </c>
      <c r="DM35" s="71">
        <v>0</v>
      </c>
      <c r="DN35" s="71">
        <v>0</v>
      </c>
      <c r="DO35" s="71">
        <v>0</v>
      </c>
      <c r="DP35" s="71">
        <v>0</v>
      </c>
      <c r="DQ35" s="72">
        <v>1</v>
      </c>
      <c r="DR35" s="73">
        <v>1</v>
      </c>
      <c r="DS35" s="70">
        <v>0</v>
      </c>
      <c r="DT35" s="71">
        <v>0</v>
      </c>
      <c r="DU35" s="72">
        <v>0</v>
      </c>
      <c r="DV35" s="276"/>
      <c r="DW35" s="71">
        <v>0</v>
      </c>
      <c r="DX35" s="71">
        <v>0</v>
      </c>
      <c r="DY35" s="71">
        <v>0</v>
      </c>
      <c r="DZ35" s="71">
        <v>0</v>
      </c>
      <c r="EA35" s="71">
        <v>0</v>
      </c>
      <c r="EB35" s="72">
        <v>0</v>
      </c>
      <c r="EC35" s="73">
        <v>0</v>
      </c>
      <c r="ED35" s="70">
        <v>0</v>
      </c>
      <c r="EE35" s="71">
        <v>0</v>
      </c>
      <c r="EF35" s="72">
        <v>0</v>
      </c>
      <c r="EG35" s="276"/>
      <c r="EH35" s="71">
        <v>0</v>
      </c>
      <c r="EI35" s="71">
        <v>0</v>
      </c>
      <c r="EJ35" s="71">
        <v>0</v>
      </c>
      <c r="EK35" s="71">
        <v>0</v>
      </c>
      <c r="EL35" s="71">
        <v>0</v>
      </c>
      <c r="EM35" s="72">
        <v>0</v>
      </c>
      <c r="EN35" s="73">
        <v>0</v>
      </c>
      <c r="EO35" s="70">
        <v>0</v>
      </c>
      <c r="EP35" s="71">
        <v>0</v>
      </c>
      <c r="EQ35" s="72">
        <v>0</v>
      </c>
      <c r="ER35" s="276"/>
      <c r="ES35" s="71">
        <v>0</v>
      </c>
      <c r="ET35" s="71">
        <v>0</v>
      </c>
      <c r="EU35" s="71">
        <v>1</v>
      </c>
      <c r="EV35" s="71">
        <v>0</v>
      </c>
      <c r="EW35" s="71">
        <v>0</v>
      </c>
      <c r="EX35" s="72">
        <v>1</v>
      </c>
      <c r="EY35" s="73">
        <v>1</v>
      </c>
      <c r="EZ35" s="70">
        <v>0</v>
      </c>
      <c r="FA35" s="71">
        <v>0</v>
      </c>
      <c r="FB35" s="72">
        <v>0</v>
      </c>
      <c r="FC35" s="276"/>
      <c r="FD35" s="71">
        <v>0</v>
      </c>
      <c r="FE35" s="71">
        <v>0</v>
      </c>
      <c r="FF35" s="71">
        <v>3</v>
      </c>
      <c r="FG35" s="71">
        <v>1</v>
      </c>
      <c r="FH35" s="71">
        <v>0</v>
      </c>
      <c r="FI35" s="72">
        <v>4</v>
      </c>
      <c r="FJ35" s="73">
        <v>4</v>
      </c>
      <c r="FK35" s="70">
        <v>0</v>
      </c>
      <c r="FL35" s="71">
        <v>0</v>
      </c>
      <c r="FM35" s="72">
        <v>0</v>
      </c>
      <c r="FN35" s="276"/>
      <c r="FO35" s="71">
        <v>0</v>
      </c>
      <c r="FP35" s="71">
        <v>1</v>
      </c>
      <c r="FQ35" s="71">
        <v>1</v>
      </c>
      <c r="FR35" s="71">
        <v>2</v>
      </c>
      <c r="FS35" s="71">
        <v>1</v>
      </c>
      <c r="FT35" s="72">
        <v>5</v>
      </c>
      <c r="FU35" s="73">
        <v>5</v>
      </c>
      <c r="FV35" s="70">
        <v>0</v>
      </c>
      <c r="FW35" s="71">
        <v>0</v>
      </c>
      <c r="FX35" s="72">
        <v>0</v>
      </c>
      <c r="FY35" s="276"/>
      <c r="FZ35" s="71">
        <v>0</v>
      </c>
      <c r="GA35" s="71">
        <v>0</v>
      </c>
      <c r="GB35" s="71">
        <v>0</v>
      </c>
      <c r="GC35" s="71">
        <v>0</v>
      </c>
      <c r="GD35" s="71">
        <v>0</v>
      </c>
      <c r="GE35" s="72">
        <v>0</v>
      </c>
      <c r="GF35" s="73">
        <v>0</v>
      </c>
      <c r="GG35" s="70">
        <v>0</v>
      </c>
      <c r="GH35" s="71">
        <v>0</v>
      </c>
      <c r="GI35" s="72">
        <v>0</v>
      </c>
      <c r="GJ35" s="276"/>
      <c r="GK35" s="71">
        <v>1</v>
      </c>
      <c r="GL35" s="71">
        <v>1</v>
      </c>
      <c r="GM35" s="71">
        <v>5</v>
      </c>
      <c r="GN35" s="71">
        <v>3</v>
      </c>
      <c r="GO35" s="71">
        <v>1</v>
      </c>
      <c r="GP35" s="72">
        <v>11</v>
      </c>
      <c r="GQ35" s="73">
        <v>11</v>
      </c>
      <c r="GR35" s="126">
        <v>1</v>
      </c>
      <c r="GS35" s="82">
        <v>4</v>
      </c>
      <c r="GT35" s="83">
        <v>5</v>
      </c>
      <c r="GU35" s="273"/>
      <c r="GV35" s="82">
        <v>11</v>
      </c>
      <c r="GW35" s="82">
        <v>9</v>
      </c>
      <c r="GX35" s="82">
        <v>8</v>
      </c>
      <c r="GY35" s="82">
        <v>7</v>
      </c>
      <c r="GZ35" s="82">
        <v>4</v>
      </c>
      <c r="HA35" s="84">
        <v>39</v>
      </c>
      <c r="HB35" s="85">
        <v>44</v>
      </c>
      <c r="HC35" s="70">
        <v>0</v>
      </c>
      <c r="HD35" s="71">
        <v>0</v>
      </c>
      <c r="HE35" s="72">
        <v>0</v>
      </c>
      <c r="HF35" s="276"/>
      <c r="HG35" s="71">
        <v>1</v>
      </c>
      <c r="HH35" s="71">
        <v>0</v>
      </c>
      <c r="HI35" s="71">
        <v>0</v>
      </c>
      <c r="HJ35" s="71">
        <v>0</v>
      </c>
      <c r="HK35" s="71">
        <v>0</v>
      </c>
      <c r="HL35" s="72">
        <v>1</v>
      </c>
      <c r="HM35" s="73">
        <v>1</v>
      </c>
      <c r="HN35" s="70">
        <v>0</v>
      </c>
      <c r="HO35" s="71">
        <v>0</v>
      </c>
      <c r="HP35" s="72">
        <v>0</v>
      </c>
      <c r="HQ35" s="276"/>
      <c r="HR35" s="71">
        <v>1</v>
      </c>
      <c r="HS35" s="71">
        <v>0</v>
      </c>
      <c r="HT35" s="71">
        <v>0</v>
      </c>
      <c r="HU35" s="71">
        <v>0</v>
      </c>
      <c r="HV35" s="71">
        <v>0</v>
      </c>
      <c r="HW35" s="72">
        <v>1</v>
      </c>
      <c r="HX35" s="73">
        <v>1</v>
      </c>
      <c r="HY35" s="70">
        <v>1</v>
      </c>
      <c r="HZ35" s="71">
        <v>0</v>
      </c>
      <c r="IA35" s="72">
        <v>1</v>
      </c>
      <c r="IB35" s="276"/>
      <c r="IC35" s="71">
        <v>1</v>
      </c>
      <c r="ID35" s="71">
        <v>0</v>
      </c>
      <c r="IE35" s="71">
        <v>0</v>
      </c>
      <c r="IF35" s="71">
        <v>1</v>
      </c>
      <c r="IG35" s="71">
        <v>0</v>
      </c>
      <c r="IH35" s="72">
        <v>2</v>
      </c>
      <c r="II35" s="73">
        <v>3</v>
      </c>
      <c r="IJ35" s="70">
        <v>0</v>
      </c>
      <c r="IK35" s="71">
        <v>0</v>
      </c>
      <c r="IL35" s="72">
        <v>0</v>
      </c>
      <c r="IM35" s="276"/>
      <c r="IN35" s="71">
        <v>1</v>
      </c>
      <c r="IO35" s="71">
        <v>1</v>
      </c>
      <c r="IP35" s="71">
        <v>2</v>
      </c>
      <c r="IQ35" s="71">
        <v>0</v>
      </c>
      <c r="IR35" s="71">
        <v>2</v>
      </c>
      <c r="IS35" s="72">
        <v>6</v>
      </c>
      <c r="IT35" s="73">
        <v>6</v>
      </c>
      <c r="IU35" s="70">
        <v>0</v>
      </c>
      <c r="IV35" s="71">
        <v>3</v>
      </c>
      <c r="IW35" s="72">
        <v>3</v>
      </c>
      <c r="IX35" s="276"/>
      <c r="IY35" s="71">
        <v>4</v>
      </c>
      <c r="IZ35" s="71">
        <v>3</v>
      </c>
      <c r="JA35" s="71">
        <v>4</v>
      </c>
      <c r="JB35" s="71">
        <v>2</v>
      </c>
      <c r="JC35" s="71">
        <v>1</v>
      </c>
      <c r="JD35" s="72">
        <v>14</v>
      </c>
      <c r="JE35" s="73">
        <v>17</v>
      </c>
      <c r="JF35" s="70">
        <v>0</v>
      </c>
      <c r="JG35" s="71">
        <v>1</v>
      </c>
      <c r="JH35" s="72">
        <v>1</v>
      </c>
      <c r="JI35" s="276"/>
      <c r="JJ35" s="71">
        <v>3</v>
      </c>
      <c r="JK35" s="71">
        <v>5</v>
      </c>
      <c r="JL35" s="71">
        <v>2</v>
      </c>
      <c r="JM35" s="71">
        <v>4</v>
      </c>
      <c r="JN35" s="71">
        <v>1</v>
      </c>
      <c r="JO35" s="72">
        <v>15</v>
      </c>
      <c r="JP35" s="73">
        <v>16</v>
      </c>
      <c r="JQ35" s="70">
        <v>0</v>
      </c>
      <c r="JR35" s="71">
        <v>0</v>
      </c>
      <c r="JS35" s="72">
        <v>0</v>
      </c>
      <c r="JT35" s="276"/>
      <c r="JU35" s="71">
        <v>0</v>
      </c>
      <c r="JV35" s="71">
        <v>0</v>
      </c>
      <c r="JW35" s="71">
        <v>0</v>
      </c>
      <c r="JX35" s="71">
        <v>0</v>
      </c>
      <c r="JY35" s="71">
        <v>0</v>
      </c>
      <c r="JZ35" s="72">
        <v>0</v>
      </c>
      <c r="KA35" s="73">
        <v>0</v>
      </c>
      <c r="KB35" s="70">
        <v>1</v>
      </c>
      <c r="KC35" s="71">
        <v>4</v>
      </c>
      <c r="KD35" s="72">
        <v>5</v>
      </c>
      <c r="KE35" s="276"/>
      <c r="KF35" s="71">
        <v>11</v>
      </c>
      <c r="KG35" s="71">
        <v>9</v>
      </c>
      <c r="KH35" s="71">
        <v>8</v>
      </c>
      <c r="KI35" s="71">
        <v>7</v>
      </c>
      <c r="KJ35" s="71">
        <v>4</v>
      </c>
      <c r="KK35" s="72">
        <v>39</v>
      </c>
      <c r="KL35" s="73">
        <v>44</v>
      </c>
    </row>
    <row r="36" spans="1:298" ht="19.5" customHeight="1" x14ac:dyDescent="0.2">
      <c r="A36" s="129" t="s">
        <v>33</v>
      </c>
      <c r="B36" s="350">
        <v>4</v>
      </c>
      <c r="C36" s="82">
        <v>1</v>
      </c>
      <c r="D36" s="83">
        <v>5</v>
      </c>
      <c r="E36" s="273"/>
      <c r="F36" s="82">
        <v>7</v>
      </c>
      <c r="G36" s="82">
        <v>4</v>
      </c>
      <c r="H36" s="82">
        <v>3</v>
      </c>
      <c r="I36" s="82">
        <v>0</v>
      </c>
      <c r="J36" s="82">
        <v>2</v>
      </c>
      <c r="K36" s="84">
        <v>16</v>
      </c>
      <c r="L36" s="85">
        <v>21</v>
      </c>
      <c r="M36" s="70">
        <v>0</v>
      </c>
      <c r="N36" s="71">
        <v>0</v>
      </c>
      <c r="O36" s="72">
        <v>0</v>
      </c>
      <c r="P36" s="276"/>
      <c r="Q36" s="71">
        <v>0</v>
      </c>
      <c r="R36" s="71">
        <v>0</v>
      </c>
      <c r="S36" s="71">
        <v>1</v>
      </c>
      <c r="T36" s="71">
        <v>0</v>
      </c>
      <c r="U36" s="71">
        <v>0</v>
      </c>
      <c r="V36" s="72">
        <v>1</v>
      </c>
      <c r="W36" s="73">
        <v>1</v>
      </c>
      <c r="X36" s="70">
        <v>1</v>
      </c>
      <c r="Y36" s="71">
        <v>0</v>
      </c>
      <c r="Z36" s="72">
        <v>1</v>
      </c>
      <c r="AA36" s="276"/>
      <c r="AB36" s="71">
        <v>0</v>
      </c>
      <c r="AC36" s="71">
        <v>1</v>
      </c>
      <c r="AD36" s="71">
        <v>0</v>
      </c>
      <c r="AE36" s="71">
        <v>0</v>
      </c>
      <c r="AF36" s="71">
        <v>0</v>
      </c>
      <c r="AG36" s="72">
        <v>1</v>
      </c>
      <c r="AH36" s="73">
        <v>2</v>
      </c>
      <c r="AI36" s="70">
        <v>2</v>
      </c>
      <c r="AJ36" s="71">
        <v>0</v>
      </c>
      <c r="AK36" s="72">
        <v>2</v>
      </c>
      <c r="AL36" s="276"/>
      <c r="AM36" s="71">
        <v>1</v>
      </c>
      <c r="AN36" s="71">
        <v>0</v>
      </c>
      <c r="AO36" s="71">
        <v>0</v>
      </c>
      <c r="AP36" s="71">
        <v>0</v>
      </c>
      <c r="AQ36" s="71">
        <v>1</v>
      </c>
      <c r="AR36" s="72">
        <v>2</v>
      </c>
      <c r="AS36" s="73">
        <v>4</v>
      </c>
      <c r="AT36" s="70">
        <v>0</v>
      </c>
      <c r="AU36" s="71">
        <v>0</v>
      </c>
      <c r="AV36" s="72">
        <v>0</v>
      </c>
      <c r="AW36" s="276"/>
      <c r="AX36" s="71">
        <v>2</v>
      </c>
      <c r="AY36" s="71">
        <v>1</v>
      </c>
      <c r="AZ36" s="71">
        <v>1</v>
      </c>
      <c r="BA36" s="71">
        <v>0</v>
      </c>
      <c r="BB36" s="71">
        <v>1</v>
      </c>
      <c r="BC36" s="72">
        <v>5</v>
      </c>
      <c r="BD36" s="73">
        <v>5</v>
      </c>
      <c r="BE36" s="70">
        <v>1</v>
      </c>
      <c r="BF36" s="71">
        <v>0</v>
      </c>
      <c r="BG36" s="72">
        <v>1</v>
      </c>
      <c r="BH36" s="276"/>
      <c r="BI36" s="71">
        <v>0</v>
      </c>
      <c r="BJ36" s="71">
        <v>1</v>
      </c>
      <c r="BK36" s="71">
        <v>1</v>
      </c>
      <c r="BL36" s="71">
        <v>0</v>
      </c>
      <c r="BM36" s="71">
        <v>0</v>
      </c>
      <c r="BN36" s="72">
        <v>2</v>
      </c>
      <c r="BO36" s="73">
        <v>3</v>
      </c>
      <c r="BP36" s="70">
        <v>0</v>
      </c>
      <c r="BQ36" s="71">
        <v>1</v>
      </c>
      <c r="BR36" s="72">
        <v>1</v>
      </c>
      <c r="BS36" s="276"/>
      <c r="BT36" s="71">
        <v>4</v>
      </c>
      <c r="BU36" s="71">
        <v>1</v>
      </c>
      <c r="BV36" s="71">
        <v>0</v>
      </c>
      <c r="BW36" s="71">
        <v>0</v>
      </c>
      <c r="BX36" s="71">
        <v>0</v>
      </c>
      <c r="BY36" s="72">
        <v>5</v>
      </c>
      <c r="BZ36" s="73">
        <v>6</v>
      </c>
      <c r="CA36" s="70">
        <v>0</v>
      </c>
      <c r="CB36" s="71">
        <v>0</v>
      </c>
      <c r="CC36" s="72">
        <v>0</v>
      </c>
      <c r="CD36" s="276"/>
      <c r="CE36" s="71">
        <v>0</v>
      </c>
      <c r="CF36" s="71">
        <v>0</v>
      </c>
      <c r="CG36" s="71">
        <v>0</v>
      </c>
      <c r="CH36" s="71">
        <v>0</v>
      </c>
      <c r="CI36" s="71">
        <v>0</v>
      </c>
      <c r="CJ36" s="72">
        <v>0</v>
      </c>
      <c r="CK36" s="73">
        <v>0</v>
      </c>
      <c r="CL36" s="70">
        <v>4</v>
      </c>
      <c r="CM36" s="71">
        <v>1</v>
      </c>
      <c r="CN36" s="72">
        <v>5</v>
      </c>
      <c r="CO36" s="276"/>
      <c r="CP36" s="71">
        <v>7</v>
      </c>
      <c r="CQ36" s="71">
        <v>4</v>
      </c>
      <c r="CR36" s="71">
        <v>3</v>
      </c>
      <c r="CS36" s="71">
        <v>0</v>
      </c>
      <c r="CT36" s="71">
        <v>2</v>
      </c>
      <c r="CU36" s="72">
        <v>16</v>
      </c>
      <c r="CV36" s="73">
        <v>21</v>
      </c>
      <c r="CW36" s="126">
        <v>1</v>
      </c>
      <c r="CX36" s="82">
        <v>2</v>
      </c>
      <c r="CY36" s="83">
        <v>3</v>
      </c>
      <c r="CZ36" s="273"/>
      <c r="DA36" s="82">
        <v>0</v>
      </c>
      <c r="DB36" s="82">
        <v>0</v>
      </c>
      <c r="DC36" s="82">
        <v>0</v>
      </c>
      <c r="DD36" s="82">
        <v>1</v>
      </c>
      <c r="DE36" s="82">
        <v>0</v>
      </c>
      <c r="DF36" s="84">
        <v>1</v>
      </c>
      <c r="DG36" s="85">
        <v>4</v>
      </c>
      <c r="DH36" s="70">
        <v>0</v>
      </c>
      <c r="DI36" s="71">
        <v>0</v>
      </c>
      <c r="DJ36" s="72">
        <v>0</v>
      </c>
      <c r="DK36" s="276"/>
      <c r="DL36" s="71">
        <v>0</v>
      </c>
      <c r="DM36" s="71">
        <v>0</v>
      </c>
      <c r="DN36" s="71">
        <v>0</v>
      </c>
      <c r="DO36" s="71">
        <v>0</v>
      </c>
      <c r="DP36" s="71">
        <v>0</v>
      </c>
      <c r="DQ36" s="72">
        <v>0</v>
      </c>
      <c r="DR36" s="73">
        <v>0</v>
      </c>
      <c r="DS36" s="70">
        <v>0</v>
      </c>
      <c r="DT36" s="71">
        <v>0</v>
      </c>
      <c r="DU36" s="72">
        <v>0</v>
      </c>
      <c r="DV36" s="276"/>
      <c r="DW36" s="71">
        <v>0</v>
      </c>
      <c r="DX36" s="71">
        <v>0</v>
      </c>
      <c r="DY36" s="71">
        <v>0</v>
      </c>
      <c r="DZ36" s="71">
        <v>0</v>
      </c>
      <c r="EA36" s="71">
        <v>0</v>
      </c>
      <c r="EB36" s="72">
        <v>0</v>
      </c>
      <c r="EC36" s="73">
        <v>0</v>
      </c>
      <c r="ED36" s="70">
        <v>0</v>
      </c>
      <c r="EE36" s="71">
        <v>0</v>
      </c>
      <c r="EF36" s="72">
        <v>0</v>
      </c>
      <c r="EG36" s="276"/>
      <c r="EH36" s="71">
        <v>0</v>
      </c>
      <c r="EI36" s="71">
        <v>0</v>
      </c>
      <c r="EJ36" s="71">
        <v>0</v>
      </c>
      <c r="EK36" s="71">
        <v>0</v>
      </c>
      <c r="EL36" s="71">
        <v>0</v>
      </c>
      <c r="EM36" s="72">
        <v>0</v>
      </c>
      <c r="EN36" s="73">
        <v>0</v>
      </c>
      <c r="EO36" s="70">
        <v>0</v>
      </c>
      <c r="EP36" s="71">
        <v>0</v>
      </c>
      <c r="EQ36" s="72">
        <v>0</v>
      </c>
      <c r="ER36" s="276"/>
      <c r="ES36" s="71">
        <v>0</v>
      </c>
      <c r="ET36" s="71">
        <v>0</v>
      </c>
      <c r="EU36" s="71">
        <v>0</v>
      </c>
      <c r="EV36" s="71">
        <v>0</v>
      </c>
      <c r="EW36" s="71">
        <v>0</v>
      </c>
      <c r="EX36" s="72">
        <v>0</v>
      </c>
      <c r="EY36" s="73">
        <v>0</v>
      </c>
      <c r="EZ36" s="70">
        <v>1</v>
      </c>
      <c r="FA36" s="71">
        <v>0</v>
      </c>
      <c r="FB36" s="72">
        <v>1</v>
      </c>
      <c r="FC36" s="276"/>
      <c r="FD36" s="71">
        <v>0</v>
      </c>
      <c r="FE36" s="71">
        <v>0</v>
      </c>
      <c r="FF36" s="71">
        <v>0</v>
      </c>
      <c r="FG36" s="71">
        <v>1</v>
      </c>
      <c r="FH36" s="71">
        <v>0</v>
      </c>
      <c r="FI36" s="72">
        <v>1</v>
      </c>
      <c r="FJ36" s="73">
        <v>2</v>
      </c>
      <c r="FK36" s="70">
        <v>0</v>
      </c>
      <c r="FL36" s="71">
        <v>2</v>
      </c>
      <c r="FM36" s="72">
        <v>2</v>
      </c>
      <c r="FN36" s="276"/>
      <c r="FO36" s="71">
        <v>0</v>
      </c>
      <c r="FP36" s="71">
        <v>0</v>
      </c>
      <c r="FQ36" s="71">
        <v>0</v>
      </c>
      <c r="FR36" s="71">
        <v>0</v>
      </c>
      <c r="FS36" s="71">
        <v>0</v>
      </c>
      <c r="FT36" s="72">
        <v>0</v>
      </c>
      <c r="FU36" s="73">
        <v>2</v>
      </c>
      <c r="FV36" s="70">
        <v>0</v>
      </c>
      <c r="FW36" s="71">
        <v>0</v>
      </c>
      <c r="FX36" s="72">
        <v>0</v>
      </c>
      <c r="FY36" s="276"/>
      <c r="FZ36" s="71">
        <v>0</v>
      </c>
      <c r="GA36" s="71">
        <v>0</v>
      </c>
      <c r="GB36" s="71">
        <v>0</v>
      </c>
      <c r="GC36" s="71">
        <v>0</v>
      </c>
      <c r="GD36" s="71">
        <v>0</v>
      </c>
      <c r="GE36" s="72">
        <v>0</v>
      </c>
      <c r="GF36" s="73">
        <v>0</v>
      </c>
      <c r="GG36" s="70">
        <v>1</v>
      </c>
      <c r="GH36" s="71">
        <v>2</v>
      </c>
      <c r="GI36" s="72">
        <v>3</v>
      </c>
      <c r="GJ36" s="276"/>
      <c r="GK36" s="71">
        <v>0</v>
      </c>
      <c r="GL36" s="71">
        <v>0</v>
      </c>
      <c r="GM36" s="71">
        <v>0</v>
      </c>
      <c r="GN36" s="71">
        <v>1</v>
      </c>
      <c r="GO36" s="71">
        <v>0</v>
      </c>
      <c r="GP36" s="72">
        <v>1</v>
      </c>
      <c r="GQ36" s="73">
        <v>4</v>
      </c>
      <c r="GR36" s="126">
        <v>5</v>
      </c>
      <c r="GS36" s="82">
        <v>3</v>
      </c>
      <c r="GT36" s="83">
        <v>8</v>
      </c>
      <c r="GU36" s="273"/>
      <c r="GV36" s="82">
        <v>7</v>
      </c>
      <c r="GW36" s="82">
        <v>4</v>
      </c>
      <c r="GX36" s="82">
        <v>3</v>
      </c>
      <c r="GY36" s="82">
        <v>1</v>
      </c>
      <c r="GZ36" s="82">
        <v>2</v>
      </c>
      <c r="HA36" s="84">
        <v>17</v>
      </c>
      <c r="HB36" s="85">
        <v>25</v>
      </c>
      <c r="HC36" s="70">
        <v>0</v>
      </c>
      <c r="HD36" s="71">
        <v>0</v>
      </c>
      <c r="HE36" s="72">
        <v>0</v>
      </c>
      <c r="HF36" s="276"/>
      <c r="HG36" s="71">
        <v>0</v>
      </c>
      <c r="HH36" s="71">
        <v>0</v>
      </c>
      <c r="HI36" s="71">
        <v>1</v>
      </c>
      <c r="HJ36" s="71">
        <v>0</v>
      </c>
      <c r="HK36" s="71">
        <v>0</v>
      </c>
      <c r="HL36" s="72">
        <v>1</v>
      </c>
      <c r="HM36" s="73">
        <v>1</v>
      </c>
      <c r="HN36" s="70">
        <v>1</v>
      </c>
      <c r="HO36" s="71">
        <v>0</v>
      </c>
      <c r="HP36" s="72">
        <v>1</v>
      </c>
      <c r="HQ36" s="276"/>
      <c r="HR36" s="71">
        <v>0</v>
      </c>
      <c r="HS36" s="71">
        <v>1</v>
      </c>
      <c r="HT36" s="71">
        <v>0</v>
      </c>
      <c r="HU36" s="71">
        <v>0</v>
      </c>
      <c r="HV36" s="71">
        <v>0</v>
      </c>
      <c r="HW36" s="72">
        <v>1</v>
      </c>
      <c r="HX36" s="73">
        <v>2</v>
      </c>
      <c r="HY36" s="70">
        <v>2</v>
      </c>
      <c r="HZ36" s="71">
        <v>0</v>
      </c>
      <c r="IA36" s="72">
        <v>2</v>
      </c>
      <c r="IB36" s="276"/>
      <c r="IC36" s="71">
        <v>1</v>
      </c>
      <c r="ID36" s="71">
        <v>0</v>
      </c>
      <c r="IE36" s="71">
        <v>0</v>
      </c>
      <c r="IF36" s="71">
        <v>0</v>
      </c>
      <c r="IG36" s="71">
        <v>1</v>
      </c>
      <c r="IH36" s="72">
        <v>2</v>
      </c>
      <c r="II36" s="73">
        <v>4</v>
      </c>
      <c r="IJ36" s="70">
        <v>0</v>
      </c>
      <c r="IK36" s="71">
        <v>0</v>
      </c>
      <c r="IL36" s="72">
        <v>0</v>
      </c>
      <c r="IM36" s="276"/>
      <c r="IN36" s="71">
        <v>2</v>
      </c>
      <c r="IO36" s="71">
        <v>1</v>
      </c>
      <c r="IP36" s="71">
        <v>1</v>
      </c>
      <c r="IQ36" s="71">
        <v>0</v>
      </c>
      <c r="IR36" s="71">
        <v>1</v>
      </c>
      <c r="IS36" s="72">
        <v>5</v>
      </c>
      <c r="IT36" s="73">
        <v>5</v>
      </c>
      <c r="IU36" s="70">
        <v>2</v>
      </c>
      <c r="IV36" s="71">
        <v>0</v>
      </c>
      <c r="IW36" s="72">
        <v>2</v>
      </c>
      <c r="IX36" s="276"/>
      <c r="IY36" s="71">
        <v>0</v>
      </c>
      <c r="IZ36" s="71">
        <v>1</v>
      </c>
      <c r="JA36" s="71">
        <v>1</v>
      </c>
      <c r="JB36" s="71">
        <v>1</v>
      </c>
      <c r="JC36" s="71">
        <v>0</v>
      </c>
      <c r="JD36" s="72">
        <v>3</v>
      </c>
      <c r="JE36" s="73">
        <v>5</v>
      </c>
      <c r="JF36" s="70">
        <v>0</v>
      </c>
      <c r="JG36" s="71">
        <v>3</v>
      </c>
      <c r="JH36" s="72">
        <v>3</v>
      </c>
      <c r="JI36" s="276"/>
      <c r="JJ36" s="71">
        <v>4</v>
      </c>
      <c r="JK36" s="71">
        <v>1</v>
      </c>
      <c r="JL36" s="71">
        <v>0</v>
      </c>
      <c r="JM36" s="71">
        <v>0</v>
      </c>
      <c r="JN36" s="71">
        <v>0</v>
      </c>
      <c r="JO36" s="72">
        <v>5</v>
      </c>
      <c r="JP36" s="73">
        <v>8</v>
      </c>
      <c r="JQ36" s="70">
        <v>0</v>
      </c>
      <c r="JR36" s="71">
        <v>0</v>
      </c>
      <c r="JS36" s="72">
        <v>0</v>
      </c>
      <c r="JT36" s="276"/>
      <c r="JU36" s="71">
        <v>0</v>
      </c>
      <c r="JV36" s="71">
        <v>0</v>
      </c>
      <c r="JW36" s="71">
        <v>0</v>
      </c>
      <c r="JX36" s="71">
        <v>0</v>
      </c>
      <c r="JY36" s="71">
        <v>0</v>
      </c>
      <c r="JZ36" s="72">
        <v>0</v>
      </c>
      <c r="KA36" s="73">
        <v>0</v>
      </c>
      <c r="KB36" s="70">
        <v>5</v>
      </c>
      <c r="KC36" s="71">
        <v>3</v>
      </c>
      <c r="KD36" s="72">
        <v>8</v>
      </c>
      <c r="KE36" s="276"/>
      <c r="KF36" s="71">
        <v>7</v>
      </c>
      <c r="KG36" s="71">
        <v>4</v>
      </c>
      <c r="KH36" s="71">
        <v>3</v>
      </c>
      <c r="KI36" s="71">
        <v>1</v>
      </c>
      <c r="KJ36" s="71">
        <v>2</v>
      </c>
      <c r="KK36" s="72">
        <v>17</v>
      </c>
      <c r="KL36" s="73">
        <v>25</v>
      </c>
    </row>
    <row r="37" spans="1:298" ht="19.5" customHeight="1" x14ac:dyDescent="0.2">
      <c r="A37" s="129" t="s">
        <v>34</v>
      </c>
      <c r="B37" s="350">
        <v>3</v>
      </c>
      <c r="C37" s="82">
        <v>2</v>
      </c>
      <c r="D37" s="83">
        <v>5</v>
      </c>
      <c r="E37" s="273"/>
      <c r="F37" s="82">
        <v>8</v>
      </c>
      <c r="G37" s="82">
        <v>3</v>
      </c>
      <c r="H37" s="82">
        <v>5</v>
      </c>
      <c r="I37" s="82">
        <v>0</v>
      </c>
      <c r="J37" s="82">
        <v>1</v>
      </c>
      <c r="K37" s="84">
        <v>17</v>
      </c>
      <c r="L37" s="85">
        <v>22</v>
      </c>
      <c r="M37" s="70">
        <v>0</v>
      </c>
      <c r="N37" s="71">
        <v>0</v>
      </c>
      <c r="O37" s="72">
        <v>0</v>
      </c>
      <c r="P37" s="276"/>
      <c r="Q37" s="71">
        <v>1</v>
      </c>
      <c r="R37" s="71">
        <v>1</v>
      </c>
      <c r="S37" s="71">
        <v>0</v>
      </c>
      <c r="T37" s="71">
        <v>0</v>
      </c>
      <c r="U37" s="71">
        <v>0</v>
      </c>
      <c r="V37" s="72">
        <v>2</v>
      </c>
      <c r="W37" s="73">
        <v>2</v>
      </c>
      <c r="X37" s="70">
        <v>0</v>
      </c>
      <c r="Y37" s="71">
        <v>0</v>
      </c>
      <c r="Z37" s="72">
        <v>0</v>
      </c>
      <c r="AA37" s="276"/>
      <c r="AB37" s="71">
        <v>1</v>
      </c>
      <c r="AC37" s="71">
        <v>0</v>
      </c>
      <c r="AD37" s="71">
        <v>0</v>
      </c>
      <c r="AE37" s="71">
        <v>0</v>
      </c>
      <c r="AF37" s="71">
        <v>0</v>
      </c>
      <c r="AG37" s="72">
        <v>1</v>
      </c>
      <c r="AH37" s="73">
        <v>1</v>
      </c>
      <c r="AI37" s="70">
        <v>0</v>
      </c>
      <c r="AJ37" s="71">
        <v>0</v>
      </c>
      <c r="AK37" s="72">
        <v>0</v>
      </c>
      <c r="AL37" s="276"/>
      <c r="AM37" s="71">
        <v>0</v>
      </c>
      <c r="AN37" s="71">
        <v>0</v>
      </c>
      <c r="AO37" s="71">
        <v>0</v>
      </c>
      <c r="AP37" s="71">
        <v>0</v>
      </c>
      <c r="AQ37" s="71">
        <v>0</v>
      </c>
      <c r="AR37" s="72">
        <v>0</v>
      </c>
      <c r="AS37" s="73">
        <v>0</v>
      </c>
      <c r="AT37" s="70">
        <v>1</v>
      </c>
      <c r="AU37" s="71">
        <v>2</v>
      </c>
      <c r="AV37" s="72">
        <v>3</v>
      </c>
      <c r="AW37" s="276"/>
      <c r="AX37" s="71">
        <v>1</v>
      </c>
      <c r="AY37" s="71">
        <v>0</v>
      </c>
      <c r="AZ37" s="71">
        <v>2</v>
      </c>
      <c r="BA37" s="71">
        <v>0</v>
      </c>
      <c r="BB37" s="71">
        <v>0</v>
      </c>
      <c r="BC37" s="72">
        <v>3</v>
      </c>
      <c r="BD37" s="73">
        <v>6</v>
      </c>
      <c r="BE37" s="70">
        <v>1</v>
      </c>
      <c r="BF37" s="71">
        <v>0</v>
      </c>
      <c r="BG37" s="72">
        <v>1</v>
      </c>
      <c r="BH37" s="276"/>
      <c r="BI37" s="71">
        <v>3</v>
      </c>
      <c r="BJ37" s="71">
        <v>1</v>
      </c>
      <c r="BK37" s="71">
        <v>2</v>
      </c>
      <c r="BL37" s="71">
        <v>0</v>
      </c>
      <c r="BM37" s="71">
        <v>0</v>
      </c>
      <c r="BN37" s="72">
        <v>6</v>
      </c>
      <c r="BO37" s="73">
        <v>7</v>
      </c>
      <c r="BP37" s="70">
        <v>1</v>
      </c>
      <c r="BQ37" s="71">
        <v>0</v>
      </c>
      <c r="BR37" s="72">
        <v>1</v>
      </c>
      <c r="BS37" s="276"/>
      <c r="BT37" s="71">
        <v>2</v>
      </c>
      <c r="BU37" s="71">
        <v>1</v>
      </c>
      <c r="BV37" s="71">
        <v>1</v>
      </c>
      <c r="BW37" s="71">
        <v>0</v>
      </c>
      <c r="BX37" s="71">
        <v>1</v>
      </c>
      <c r="BY37" s="72">
        <v>5</v>
      </c>
      <c r="BZ37" s="73">
        <v>6</v>
      </c>
      <c r="CA37" s="70">
        <v>0</v>
      </c>
      <c r="CB37" s="71">
        <v>0</v>
      </c>
      <c r="CC37" s="72">
        <v>0</v>
      </c>
      <c r="CD37" s="276"/>
      <c r="CE37" s="71">
        <v>0</v>
      </c>
      <c r="CF37" s="71">
        <v>0</v>
      </c>
      <c r="CG37" s="71">
        <v>0</v>
      </c>
      <c r="CH37" s="71">
        <v>0</v>
      </c>
      <c r="CI37" s="71">
        <v>0</v>
      </c>
      <c r="CJ37" s="72">
        <v>0</v>
      </c>
      <c r="CK37" s="73">
        <v>0</v>
      </c>
      <c r="CL37" s="70">
        <v>3</v>
      </c>
      <c r="CM37" s="71">
        <v>2</v>
      </c>
      <c r="CN37" s="72">
        <v>5</v>
      </c>
      <c r="CO37" s="276"/>
      <c r="CP37" s="71">
        <v>8</v>
      </c>
      <c r="CQ37" s="71">
        <v>3</v>
      </c>
      <c r="CR37" s="71">
        <v>5</v>
      </c>
      <c r="CS37" s="71">
        <v>0</v>
      </c>
      <c r="CT37" s="71">
        <v>1</v>
      </c>
      <c r="CU37" s="72">
        <v>17</v>
      </c>
      <c r="CV37" s="73">
        <v>22</v>
      </c>
      <c r="CW37" s="126">
        <v>0</v>
      </c>
      <c r="CX37" s="82">
        <v>0</v>
      </c>
      <c r="CY37" s="83">
        <v>0</v>
      </c>
      <c r="CZ37" s="273"/>
      <c r="DA37" s="82">
        <v>1</v>
      </c>
      <c r="DB37" s="82">
        <v>0</v>
      </c>
      <c r="DC37" s="82">
        <v>0</v>
      </c>
      <c r="DD37" s="82">
        <v>0</v>
      </c>
      <c r="DE37" s="82">
        <v>1</v>
      </c>
      <c r="DF37" s="84">
        <v>2</v>
      </c>
      <c r="DG37" s="85">
        <v>2</v>
      </c>
      <c r="DH37" s="70">
        <v>0</v>
      </c>
      <c r="DI37" s="71">
        <v>0</v>
      </c>
      <c r="DJ37" s="72">
        <v>0</v>
      </c>
      <c r="DK37" s="276"/>
      <c r="DL37" s="71">
        <v>0</v>
      </c>
      <c r="DM37" s="71">
        <v>0</v>
      </c>
      <c r="DN37" s="71">
        <v>0</v>
      </c>
      <c r="DO37" s="71">
        <v>0</v>
      </c>
      <c r="DP37" s="71">
        <v>0</v>
      </c>
      <c r="DQ37" s="72">
        <v>0</v>
      </c>
      <c r="DR37" s="73">
        <v>0</v>
      </c>
      <c r="DS37" s="70">
        <v>0</v>
      </c>
      <c r="DT37" s="71">
        <v>0</v>
      </c>
      <c r="DU37" s="72">
        <v>0</v>
      </c>
      <c r="DV37" s="276"/>
      <c r="DW37" s="71">
        <v>0</v>
      </c>
      <c r="DX37" s="71">
        <v>0</v>
      </c>
      <c r="DY37" s="71">
        <v>0</v>
      </c>
      <c r="DZ37" s="71">
        <v>0</v>
      </c>
      <c r="EA37" s="71">
        <v>0</v>
      </c>
      <c r="EB37" s="72">
        <v>0</v>
      </c>
      <c r="EC37" s="73">
        <v>0</v>
      </c>
      <c r="ED37" s="70">
        <v>0</v>
      </c>
      <c r="EE37" s="71">
        <v>0</v>
      </c>
      <c r="EF37" s="72">
        <v>0</v>
      </c>
      <c r="EG37" s="276"/>
      <c r="EH37" s="71">
        <v>0</v>
      </c>
      <c r="EI37" s="71">
        <v>0</v>
      </c>
      <c r="EJ37" s="71">
        <v>0</v>
      </c>
      <c r="EK37" s="71">
        <v>0</v>
      </c>
      <c r="EL37" s="71">
        <v>0</v>
      </c>
      <c r="EM37" s="72">
        <v>0</v>
      </c>
      <c r="EN37" s="73">
        <v>0</v>
      </c>
      <c r="EO37" s="70">
        <v>0</v>
      </c>
      <c r="EP37" s="71">
        <v>0</v>
      </c>
      <c r="EQ37" s="72">
        <v>0</v>
      </c>
      <c r="ER37" s="276"/>
      <c r="ES37" s="71">
        <v>0</v>
      </c>
      <c r="ET37" s="71">
        <v>0</v>
      </c>
      <c r="EU37" s="71">
        <v>0</v>
      </c>
      <c r="EV37" s="71">
        <v>0</v>
      </c>
      <c r="EW37" s="71">
        <v>0</v>
      </c>
      <c r="EX37" s="72">
        <v>0</v>
      </c>
      <c r="EY37" s="73">
        <v>0</v>
      </c>
      <c r="EZ37" s="70">
        <v>0</v>
      </c>
      <c r="FA37" s="71">
        <v>0</v>
      </c>
      <c r="FB37" s="72">
        <v>0</v>
      </c>
      <c r="FC37" s="276"/>
      <c r="FD37" s="71">
        <v>1</v>
      </c>
      <c r="FE37" s="71">
        <v>0</v>
      </c>
      <c r="FF37" s="71">
        <v>0</v>
      </c>
      <c r="FG37" s="71">
        <v>0</v>
      </c>
      <c r="FH37" s="71">
        <v>0</v>
      </c>
      <c r="FI37" s="72">
        <v>1</v>
      </c>
      <c r="FJ37" s="73">
        <v>1</v>
      </c>
      <c r="FK37" s="70">
        <v>0</v>
      </c>
      <c r="FL37" s="71">
        <v>0</v>
      </c>
      <c r="FM37" s="72">
        <v>0</v>
      </c>
      <c r="FN37" s="276"/>
      <c r="FO37" s="71">
        <v>0</v>
      </c>
      <c r="FP37" s="71">
        <v>0</v>
      </c>
      <c r="FQ37" s="71">
        <v>0</v>
      </c>
      <c r="FR37" s="71">
        <v>0</v>
      </c>
      <c r="FS37" s="71">
        <v>1</v>
      </c>
      <c r="FT37" s="72">
        <v>1</v>
      </c>
      <c r="FU37" s="73">
        <v>1</v>
      </c>
      <c r="FV37" s="70">
        <v>0</v>
      </c>
      <c r="FW37" s="71">
        <v>0</v>
      </c>
      <c r="FX37" s="72">
        <v>0</v>
      </c>
      <c r="FY37" s="276"/>
      <c r="FZ37" s="71">
        <v>0</v>
      </c>
      <c r="GA37" s="71">
        <v>0</v>
      </c>
      <c r="GB37" s="71">
        <v>0</v>
      </c>
      <c r="GC37" s="71">
        <v>0</v>
      </c>
      <c r="GD37" s="71">
        <v>0</v>
      </c>
      <c r="GE37" s="72">
        <v>0</v>
      </c>
      <c r="GF37" s="73">
        <v>0</v>
      </c>
      <c r="GG37" s="70">
        <v>0</v>
      </c>
      <c r="GH37" s="71">
        <v>0</v>
      </c>
      <c r="GI37" s="72">
        <v>0</v>
      </c>
      <c r="GJ37" s="276"/>
      <c r="GK37" s="71">
        <v>1</v>
      </c>
      <c r="GL37" s="71">
        <v>0</v>
      </c>
      <c r="GM37" s="71">
        <v>0</v>
      </c>
      <c r="GN37" s="71">
        <v>0</v>
      </c>
      <c r="GO37" s="71">
        <v>1</v>
      </c>
      <c r="GP37" s="72">
        <v>2</v>
      </c>
      <c r="GQ37" s="73">
        <v>2</v>
      </c>
      <c r="GR37" s="126">
        <v>3</v>
      </c>
      <c r="GS37" s="82">
        <v>2</v>
      </c>
      <c r="GT37" s="83">
        <v>5</v>
      </c>
      <c r="GU37" s="273"/>
      <c r="GV37" s="82">
        <v>9</v>
      </c>
      <c r="GW37" s="82">
        <v>3</v>
      </c>
      <c r="GX37" s="82">
        <v>5</v>
      </c>
      <c r="GY37" s="82">
        <v>0</v>
      </c>
      <c r="GZ37" s="82">
        <v>2</v>
      </c>
      <c r="HA37" s="84">
        <v>19</v>
      </c>
      <c r="HB37" s="85">
        <v>24</v>
      </c>
      <c r="HC37" s="70">
        <v>0</v>
      </c>
      <c r="HD37" s="71">
        <v>0</v>
      </c>
      <c r="HE37" s="72">
        <v>0</v>
      </c>
      <c r="HF37" s="276"/>
      <c r="HG37" s="71">
        <v>1</v>
      </c>
      <c r="HH37" s="71">
        <v>1</v>
      </c>
      <c r="HI37" s="71">
        <v>0</v>
      </c>
      <c r="HJ37" s="71">
        <v>0</v>
      </c>
      <c r="HK37" s="71">
        <v>0</v>
      </c>
      <c r="HL37" s="72">
        <v>2</v>
      </c>
      <c r="HM37" s="73">
        <v>2</v>
      </c>
      <c r="HN37" s="70">
        <v>0</v>
      </c>
      <c r="HO37" s="71">
        <v>0</v>
      </c>
      <c r="HP37" s="72">
        <v>0</v>
      </c>
      <c r="HQ37" s="276"/>
      <c r="HR37" s="71">
        <v>1</v>
      </c>
      <c r="HS37" s="71">
        <v>0</v>
      </c>
      <c r="HT37" s="71">
        <v>0</v>
      </c>
      <c r="HU37" s="71">
        <v>0</v>
      </c>
      <c r="HV37" s="71">
        <v>0</v>
      </c>
      <c r="HW37" s="72">
        <v>1</v>
      </c>
      <c r="HX37" s="73">
        <v>1</v>
      </c>
      <c r="HY37" s="70">
        <v>0</v>
      </c>
      <c r="HZ37" s="71">
        <v>0</v>
      </c>
      <c r="IA37" s="72">
        <v>0</v>
      </c>
      <c r="IB37" s="276"/>
      <c r="IC37" s="71">
        <v>0</v>
      </c>
      <c r="ID37" s="71">
        <v>0</v>
      </c>
      <c r="IE37" s="71">
        <v>0</v>
      </c>
      <c r="IF37" s="71">
        <v>0</v>
      </c>
      <c r="IG37" s="71">
        <v>0</v>
      </c>
      <c r="IH37" s="72">
        <v>0</v>
      </c>
      <c r="II37" s="73">
        <v>0</v>
      </c>
      <c r="IJ37" s="70">
        <v>1</v>
      </c>
      <c r="IK37" s="71">
        <v>2</v>
      </c>
      <c r="IL37" s="72">
        <v>3</v>
      </c>
      <c r="IM37" s="276"/>
      <c r="IN37" s="71">
        <v>1</v>
      </c>
      <c r="IO37" s="71">
        <v>0</v>
      </c>
      <c r="IP37" s="71">
        <v>2</v>
      </c>
      <c r="IQ37" s="71">
        <v>0</v>
      </c>
      <c r="IR37" s="71">
        <v>0</v>
      </c>
      <c r="IS37" s="72">
        <v>3</v>
      </c>
      <c r="IT37" s="73">
        <v>6</v>
      </c>
      <c r="IU37" s="70">
        <v>1</v>
      </c>
      <c r="IV37" s="71">
        <v>0</v>
      </c>
      <c r="IW37" s="72">
        <v>1</v>
      </c>
      <c r="IX37" s="276"/>
      <c r="IY37" s="71">
        <v>4</v>
      </c>
      <c r="IZ37" s="71">
        <v>1</v>
      </c>
      <c r="JA37" s="71">
        <v>2</v>
      </c>
      <c r="JB37" s="71">
        <v>0</v>
      </c>
      <c r="JC37" s="71">
        <v>0</v>
      </c>
      <c r="JD37" s="72">
        <v>7</v>
      </c>
      <c r="JE37" s="73">
        <v>8</v>
      </c>
      <c r="JF37" s="70">
        <v>1</v>
      </c>
      <c r="JG37" s="71">
        <v>0</v>
      </c>
      <c r="JH37" s="72">
        <v>1</v>
      </c>
      <c r="JI37" s="276"/>
      <c r="JJ37" s="71">
        <v>2</v>
      </c>
      <c r="JK37" s="71">
        <v>1</v>
      </c>
      <c r="JL37" s="71">
        <v>1</v>
      </c>
      <c r="JM37" s="71">
        <v>0</v>
      </c>
      <c r="JN37" s="71">
        <v>2</v>
      </c>
      <c r="JO37" s="72">
        <v>6</v>
      </c>
      <c r="JP37" s="73">
        <v>7</v>
      </c>
      <c r="JQ37" s="70">
        <v>0</v>
      </c>
      <c r="JR37" s="71">
        <v>0</v>
      </c>
      <c r="JS37" s="72">
        <v>0</v>
      </c>
      <c r="JT37" s="276"/>
      <c r="JU37" s="71">
        <v>0</v>
      </c>
      <c r="JV37" s="71">
        <v>0</v>
      </c>
      <c r="JW37" s="71">
        <v>0</v>
      </c>
      <c r="JX37" s="71">
        <v>0</v>
      </c>
      <c r="JY37" s="71">
        <v>0</v>
      </c>
      <c r="JZ37" s="72">
        <v>0</v>
      </c>
      <c r="KA37" s="73">
        <v>0</v>
      </c>
      <c r="KB37" s="70">
        <v>3</v>
      </c>
      <c r="KC37" s="71">
        <v>2</v>
      </c>
      <c r="KD37" s="72">
        <v>5</v>
      </c>
      <c r="KE37" s="276"/>
      <c r="KF37" s="71">
        <v>9</v>
      </c>
      <c r="KG37" s="71">
        <v>3</v>
      </c>
      <c r="KH37" s="71">
        <v>5</v>
      </c>
      <c r="KI37" s="71">
        <v>0</v>
      </c>
      <c r="KJ37" s="71">
        <v>2</v>
      </c>
      <c r="KK37" s="72">
        <v>19</v>
      </c>
      <c r="KL37" s="73">
        <v>24</v>
      </c>
    </row>
    <row r="38" spans="1:298" ht="19.5" customHeight="1" x14ac:dyDescent="0.2">
      <c r="A38" s="129" t="s">
        <v>35</v>
      </c>
      <c r="B38" s="350">
        <v>9</v>
      </c>
      <c r="C38" s="82">
        <v>6</v>
      </c>
      <c r="D38" s="83">
        <v>15</v>
      </c>
      <c r="E38" s="273"/>
      <c r="F38" s="82">
        <v>19</v>
      </c>
      <c r="G38" s="82">
        <v>12</v>
      </c>
      <c r="H38" s="82">
        <v>6</v>
      </c>
      <c r="I38" s="82">
        <v>5</v>
      </c>
      <c r="J38" s="82">
        <v>3</v>
      </c>
      <c r="K38" s="84">
        <v>45</v>
      </c>
      <c r="L38" s="85">
        <v>60</v>
      </c>
      <c r="M38" s="70">
        <v>0</v>
      </c>
      <c r="N38" s="71">
        <v>0</v>
      </c>
      <c r="O38" s="72">
        <v>0</v>
      </c>
      <c r="P38" s="276"/>
      <c r="Q38" s="71">
        <v>0</v>
      </c>
      <c r="R38" s="71">
        <v>0</v>
      </c>
      <c r="S38" s="71">
        <v>0</v>
      </c>
      <c r="T38" s="71">
        <v>0</v>
      </c>
      <c r="U38" s="71">
        <v>0</v>
      </c>
      <c r="V38" s="72">
        <v>0</v>
      </c>
      <c r="W38" s="73">
        <v>0</v>
      </c>
      <c r="X38" s="70">
        <v>1</v>
      </c>
      <c r="Y38" s="71">
        <v>1</v>
      </c>
      <c r="Z38" s="72">
        <v>2</v>
      </c>
      <c r="AA38" s="276"/>
      <c r="AB38" s="71">
        <v>0</v>
      </c>
      <c r="AC38" s="71">
        <v>0</v>
      </c>
      <c r="AD38" s="71">
        <v>0</v>
      </c>
      <c r="AE38" s="71">
        <v>0</v>
      </c>
      <c r="AF38" s="71">
        <v>0</v>
      </c>
      <c r="AG38" s="72">
        <v>0</v>
      </c>
      <c r="AH38" s="73">
        <v>2</v>
      </c>
      <c r="AI38" s="70">
        <v>0</v>
      </c>
      <c r="AJ38" s="71">
        <v>1</v>
      </c>
      <c r="AK38" s="72">
        <v>1</v>
      </c>
      <c r="AL38" s="276"/>
      <c r="AM38" s="71">
        <v>3</v>
      </c>
      <c r="AN38" s="71">
        <v>1</v>
      </c>
      <c r="AO38" s="71">
        <v>1</v>
      </c>
      <c r="AP38" s="71">
        <v>1</v>
      </c>
      <c r="AQ38" s="71">
        <v>0</v>
      </c>
      <c r="AR38" s="72">
        <v>6</v>
      </c>
      <c r="AS38" s="73">
        <v>7</v>
      </c>
      <c r="AT38" s="70">
        <v>2</v>
      </c>
      <c r="AU38" s="71">
        <v>1</v>
      </c>
      <c r="AV38" s="72">
        <v>3</v>
      </c>
      <c r="AW38" s="276"/>
      <c r="AX38" s="71">
        <v>5</v>
      </c>
      <c r="AY38" s="71">
        <v>2</v>
      </c>
      <c r="AZ38" s="71">
        <v>2</v>
      </c>
      <c r="BA38" s="71">
        <v>1</v>
      </c>
      <c r="BB38" s="71">
        <v>0</v>
      </c>
      <c r="BC38" s="72">
        <v>10</v>
      </c>
      <c r="BD38" s="73">
        <v>13</v>
      </c>
      <c r="BE38" s="70">
        <v>3</v>
      </c>
      <c r="BF38" s="71">
        <v>2</v>
      </c>
      <c r="BG38" s="72">
        <v>5</v>
      </c>
      <c r="BH38" s="276"/>
      <c r="BI38" s="71">
        <v>4</v>
      </c>
      <c r="BJ38" s="71">
        <v>4</v>
      </c>
      <c r="BK38" s="71">
        <v>1</v>
      </c>
      <c r="BL38" s="71">
        <v>1</v>
      </c>
      <c r="BM38" s="71">
        <v>1</v>
      </c>
      <c r="BN38" s="72">
        <v>11</v>
      </c>
      <c r="BO38" s="73">
        <v>16</v>
      </c>
      <c r="BP38" s="70">
        <v>3</v>
      </c>
      <c r="BQ38" s="71">
        <v>1</v>
      </c>
      <c r="BR38" s="72">
        <v>4</v>
      </c>
      <c r="BS38" s="276"/>
      <c r="BT38" s="71">
        <v>7</v>
      </c>
      <c r="BU38" s="71">
        <v>5</v>
      </c>
      <c r="BV38" s="71">
        <v>2</v>
      </c>
      <c r="BW38" s="71">
        <v>2</v>
      </c>
      <c r="BX38" s="71">
        <v>2</v>
      </c>
      <c r="BY38" s="72">
        <v>18</v>
      </c>
      <c r="BZ38" s="73">
        <v>22</v>
      </c>
      <c r="CA38" s="70">
        <v>0</v>
      </c>
      <c r="CB38" s="71">
        <v>0</v>
      </c>
      <c r="CC38" s="72">
        <v>0</v>
      </c>
      <c r="CD38" s="276"/>
      <c r="CE38" s="71">
        <v>0</v>
      </c>
      <c r="CF38" s="71">
        <v>0</v>
      </c>
      <c r="CG38" s="71">
        <v>0</v>
      </c>
      <c r="CH38" s="71">
        <v>0</v>
      </c>
      <c r="CI38" s="71">
        <v>0</v>
      </c>
      <c r="CJ38" s="72">
        <v>0</v>
      </c>
      <c r="CK38" s="73">
        <v>0</v>
      </c>
      <c r="CL38" s="70">
        <v>9</v>
      </c>
      <c r="CM38" s="71">
        <v>6</v>
      </c>
      <c r="CN38" s="72">
        <v>15</v>
      </c>
      <c r="CO38" s="276"/>
      <c r="CP38" s="71">
        <v>19</v>
      </c>
      <c r="CQ38" s="71">
        <v>12</v>
      </c>
      <c r="CR38" s="71">
        <v>6</v>
      </c>
      <c r="CS38" s="71">
        <v>5</v>
      </c>
      <c r="CT38" s="71">
        <v>3</v>
      </c>
      <c r="CU38" s="72">
        <v>45</v>
      </c>
      <c r="CV38" s="73">
        <v>60</v>
      </c>
      <c r="CW38" s="126">
        <v>3</v>
      </c>
      <c r="CX38" s="82">
        <v>0</v>
      </c>
      <c r="CY38" s="83">
        <v>3</v>
      </c>
      <c r="CZ38" s="273"/>
      <c r="DA38" s="82">
        <v>4</v>
      </c>
      <c r="DB38" s="82">
        <v>4</v>
      </c>
      <c r="DC38" s="82">
        <v>0</v>
      </c>
      <c r="DD38" s="82">
        <v>5</v>
      </c>
      <c r="DE38" s="82">
        <v>1</v>
      </c>
      <c r="DF38" s="84">
        <v>14</v>
      </c>
      <c r="DG38" s="85">
        <v>17</v>
      </c>
      <c r="DH38" s="70">
        <v>0</v>
      </c>
      <c r="DI38" s="71">
        <v>0</v>
      </c>
      <c r="DJ38" s="72">
        <v>0</v>
      </c>
      <c r="DK38" s="276"/>
      <c r="DL38" s="71">
        <v>0</v>
      </c>
      <c r="DM38" s="71">
        <v>0</v>
      </c>
      <c r="DN38" s="71">
        <v>0</v>
      </c>
      <c r="DO38" s="71">
        <v>0</v>
      </c>
      <c r="DP38" s="71">
        <v>0</v>
      </c>
      <c r="DQ38" s="72">
        <v>0</v>
      </c>
      <c r="DR38" s="73">
        <v>0</v>
      </c>
      <c r="DS38" s="70">
        <v>0</v>
      </c>
      <c r="DT38" s="71">
        <v>0</v>
      </c>
      <c r="DU38" s="72">
        <v>0</v>
      </c>
      <c r="DV38" s="276"/>
      <c r="DW38" s="71">
        <v>1</v>
      </c>
      <c r="DX38" s="71">
        <v>0</v>
      </c>
      <c r="DY38" s="71">
        <v>0</v>
      </c>
      <c r="DZ38" s="71">
        <v>0</v>
      </c>
      <c r="EA38" s="71">
        <v>0</v>
      </c>
      <c r="EB38" s="72">
        <v>1</v>
      </c>
      <c r="EC38" s="73">
        <v>1</v>
      </c>
      <c r="ED38" s="70">
        <v>0</v>
      </c>
      <c r="EE38" s="71">
        <v>0</v>
      </c>
      <c r="EF38" s="72">
        <v>0</v>
      </c>
      <c r="EG38" s="276"/>
      <c r="EH38" s="71">
        <v>0</v>
      </c>
      <c r="EI38" s="71">
        <v>0</v>
      </c>
      <c r="EJ38" s="71">
        <v>0</v>
      </c>
      <c r="EK38" s="71">
        <v>0</v>
      </c>
      <c r="EL38" s="71">
        <v>0</v>
      </c>
      <c r="EM38" s="72">
        <v>0</v>
      </c>
      <c r="EN38" s="73">
        <v>0</v>
      </c>
      <c r="EO38" s="70">
        <v>1</v>
      </c>
      <c r="EP38" s="71">
        <v>0</v>
      </c>
      <c r="EQ38" s="72">
        <v>1</v>
      </c>
      <c r="ER38" s="276"/>
      <c r="ES38" s="71">
        <v>0</v>
      </c>
      <c r="ET38" s="71">
        <v>1</v>
      </c>
      <c r="EU38" s="71">
        <v>0</v>
      </c>
      <c r="EV38" s="71">
        <v>0</v>
      </c>
      <c r="EW38" s="71">
        <v>0</v>
      </c>
      <c r="EX38" s="72">
        <v>1</v>
      </c>
      <c r="EY38" s="73">
        <v>2</v>
      </c>
      <c r="EZ38" s="70">
        <v>0</v>
      </c>
      <c r="FA38" s="71">
        <v>0</v>
      </c>
      <c r="FB38" s="72">
        <v>0</v>
      </c>
      <c r="FC38" s="276"/>
      <c r="FD38" s="71">
        <v>2</v>
      </c>
      <c r="FE38" s="71">
        <v>1</v>
      </c>
      <c r="FF38" s="71">
        <v>0</v>
      </c>
      <c r="FG38" s="71">
        <v>1</v>
      </c>
      <c r="FH38" s="71">
        <v>0</v>
      </c>
      <c r="FI38" s="72">
        <v>4</v>
      </c>
      <c r="FJ38" s="73">
        <v>4</v>
      </c>
      <c r="FK38" s="70">
        <v>2</v>
      </c>
      <c r="FL38" s="71">
        <v>0</v>
      </c>
      <c r="FM38" s="72">
        <v>2</v>
      </c>
      <c r="FN38" s="276"/>
      <c r="FO38" s="71">
        <v>1</v>
      </c>
      <c r="FP38" s="71">
        <v>2</v>
      </c>
      <c r="FQ38" s="71">
        <v>0</v>
      </c>
      <c r="FR38" s="71">
        <v>4</v>
      </c>
      <c r="FS38" s="71">
        <v>1</v>
      </c>
      <c r="FT38" s="72">
        <v>8</v>
      </c>
      <c r="FU38" s="73">
        <v>10</v>
      </c>
      <c r="FV38" s="70">
        <v>0</v>
      </c>
      <c r="FW38" s="71">
        <v>0</v>
      </c>
      <c r="FX38" s="72">
        <v>0</v>
      </c>
      <c r="FY38" s="276"/>
      <c r="FZ38" s="71">
        <v>0</v>
      </c>
      <c r="GA38" s="71">
        <v>0</v>
      </c>
      <c r="GB38" s="71">
        <v>0</v>
      </c>
      <c r="GC38" s="71">
        <v>0</v>
      </c>
      <c r="GD38" s="71">
        <v>0</v>
      </c>
      <c r="GE38" s="72">
        <v>0</v>
      </c>
      <c r="GF38" s="73">
        <v>0</v>
      </c>
      <c r="GG38" s="70">
        <v>3</v>
      </c>
      <c r="GH38" s="71">
        <v>0</v>
      </c>
      <c r="GI38" s="72">
        <v>3</v>
      </c>
      <c r="GJ38" s="276"/>
      <c r="GK38" s="71">
        <v>4</v>
      </c>
      <c r="GL38" s="71">
        <v>4</v>
      </c>
      <c r="GM38" s="71">
        <v>0</v>
      </c>
      <c r="GN38" s="71">
        <v>5</v>
      </c>
      <c r="GO38" s="71">
        <v>1</v>
      </c>
      <c r="GP38" s="72">
        <v>14</v>
      </c>
      <c r="GQ38" s="73">
        <v>17</v>
      </c>
      <c r="GR38" s="126">
        <v>12</v>
      </c>
      <c r="GS38" s="82">
        <v>6</v>
      </c>
      <c r="GT38" s="83">
        <v>18</v>
      </c>
      <c r="GU38" s="273"/>
      <c r="GV38" s="82">
        <v>23</v>
      </c>
      <c r="GW38" s="82">
        <v>16</v>
      </c>
      <c r="GX38" s="82">
        <v>6</v>
      </c>
      <c r="GY38" s="82">
        <v>10</v>
      </c>
      <c r="GZ38" s="82">
        <v>4</v>
      </c>
      <c r="HA38" s="84">
        <v>59</v>
      </c>
      <c r="HB38" s="85">
        <v>77</v>
      </c>
      <c r="HC38" s="70">
        <v>0</v>
      </c>
      <c r="HD38" s="71">
        <v>0</v>
      </c>
      <c r="HE38" s="72">
        <v>0</v>
      </c>
      <c r="HF38" s="276"/>
      <c r="HG38" s="71">
        <v>0</v>
      </c>
      <c r="HH38" s="71">
        <v>0</v>
      </c>
      <c r="HI38" s="71">
        <v>0</v>
      </c>
      <c r="HJ38" s="71">
        <v>0</v>
      </c>
      <c r="HK38" s="71">
        <v>0</v>
      </c>
      <c r="HL38" s="72">
        <v>0</v>
      </c>
      <c r="HM38" s="73">
        <v>0</v>
      </c>
      <c r="HN38" s="70">
        <v>1</v>
      </c>
      <c r="HO38" s="71">
        <v>1</v>
      </c>
      <c r="HP38" s="72">
        <v>2</v>
      </c>
      <c r="HQ38" s="276"/>
      <c r="HR38" s="71">
        <v>1</v>
      </c>
      <c r="HS38" s="71">
        <v>0</v>
      </c>
      <c r="HT38" s="71">
        <v>0</v>
      </c>
      <c r="HU38" s="71">
        <v>0</v>
      </c>
      <c r="HV38" s="71">
        <v>0</v>
      </c>
      <c r="HW38" s="72">
        <v>1</v>
      </c>
      <c r="HX38" s="73">
        <v>3</v>
      </c>
      <c r="HY38" s="70">
        <v>0</v>
      </c>
      <c r="HZ38" s="71">
        <v>1</v>
      </c>
      <c r="IA38" s="72">
        <v>1</v>
      </c>
      <c r="IB38" s="276"/>
      <c r="IC38" s="71">
        <v>3</v>
      </c>
      <c r="ID38" s="71">
        <v>1</v>
      </c>
      <c r="IE38" s="71">
        <v>1</v>
      </c>
      <c r="IF38" s="71">
        <v>1</v>
      </c>
      <c r="IG38" s="71">
        <v>0</v>
      </c>
      <c r="IH38" s="72">
        <v>6</v>
      </c>
      <c r="II38" s="73">
        <v>7</v>
      </c>
      <c r="IJ38" s="70">
        <v>3</v>
      </c>
      <c r="IK38" s="71">
        <v>1</v>
      </c>
      <c r="IL38" s="72">
        <v>4</v>
      </c>
      <c r="IM38" s="276"/>
      <c r="IN38" s="71">
        <v>5</v>
      </c>
      <c r="IO38" s="71">
        <v>3</v>
      </c>
      <c r="IP38" s="71">
        <v>2</v>
      </c>
      <c r="IQ38" s="71">
        <v>1</v>
      </c>
      <c r="IR38" s="71">
        <v>0</v>
      </c>
      <c r="IS38" s="72">
        <v>11</v>
      </c>
      <c r="IT38" s="73">
        <v>15</v>
      </c>
      <c r="IU38" s="70">
        <v>3</v>
      </c>
      <c r="IV38" s="71">
        <v>2</v>
      </c>
      <c r="IW38" s="72">
        <v>5</v>
      </c>
      <c r="IX38" s="276"/>
      <c r="IY38" s="71">
        <v>6</v>
      </c>
      <c r="IZ38" s="71">
        <v>5</v>
      </c>
      <c r="JA38" s="71">
        <v>1</v>
      </c>
      <c r="JB38" s="71">
        <v>2</v>
      </c>
      <c r="JC38" s="71">
        <v>1</v>
      </c>
      <c r="JD38" s="72">
        <v>15</v>
      </c>
      <c r="JE38" s="73">
        <v>20</v>
      </c>
      <c r="JF38" s="70">
        <v>5</v>
      </c>
      <c r="JG38" s="71">
        <v>1</v>
      </c>
      <c r="JH38" s="72">
        <v>6</v>
      </c>
      <c r="JI38" s="276"/>
      <c r="JJ38" s="71">
        <v>8</v>
      </c>
      <c r="JK38" s="71">
        <v>7</v>
      </c>
      <c r="JL38" s="71">
        <v>2</v>
      </c>
      <c r="JM38" s="71">
        <v>6</v>
      </c>
      <c r="JN38" s="71">
        <v>3</v>
      </c>
      <c r="JO38" s="72">
        <v>26</v>
      </c>
      <c r="JP38" s="73">
        <v>32</v>
      </c>
      <c r="JQ38" s="70">
        <v>0</v>
      </c>
      <c r="JR38" s="71">
        <v>0</v>
      </c>
      <c r="JS38" s="72">
        <v>0</v>
      </c>
      <c r="JT38" s="276"/>
      <c r="JU38" s="71">
        <v>0</v>
      </c>
      <c r="JV38" s="71">
        <v>0</v>
      </c>
      <c r="JW38" s="71">
        <v>0</v>
      </c>
      <c r="JX38" s="71">
        <v>0</v>
      </c>
      <c r="JY38" s="71">
        <v>0</v>
      </c>
      <c r="JZ38" s="72">
        <v>0</v>
      </c>
      <c r="KA38" s="73">
        <v>0</v>
      </c>
      <c r="KB38" s="70">
        <v>12</v>
      </c>
      <c r="KC38" s="71">
        <v>6</v>
      </c>
      <c r="KD38" s="72">
        <v>18</v>
      </c>
      <c r="KE38" s="276"/>
      <c r="KF38" s="71">
        <v>23</v>
      </c>
      <c r="KG38" s="71">
        <v>16</v>
      </c>
      <c r="KH38" s="71">
        <v>6</v>
      </c>
      <c r="KI38" s="71">
        <v>10</v>
      </c>
      <c r="KJ38" s="71">
        <v>4</v>
      </c>
      <c r="KK38" s="72">
        <v>59</v>
      </c>
      <c r="KL38" s="73">
        <v>77</v>
      </c>
    </row>
    <row r="39" spans="1:298" ht="19.5" customHeight="1" x14ac:dyDescent="0.2">
      <c r="A39" s="129" t="s">
        <v>36</v>
      </c>
      <c r="B39" s="350">
        <v>4</v>
      </c>
      <c r="C39" s="82">
        <v>10</v>
      </c>
      <c r="D39" s="83">
        <v>14</v>
      </c>
      <c r="E39" s="273"/>
      <c r="F39" s="82">
        <v>13</v>
      </c>
      <c r="G39" s="82">
        <v>8</v>
      </c>
      <c r="H39" s="82">
        <v>8</v>
      </c>
      <c r="I39" s="82">
        <v>8</v>
      </c>
      <c r="J39" s="82">
        <v>2</v>
      </c>
      <c r="K39" s="84">
        <v>39</v>
      </c>
      <c r="L39" s="85">
        <v>53</v>
      </c>
      <c r="M39" s="70">
        <v>0</v>
      </c>
      <c r="N39" s="71">
        <v>0</v>
      </c>
      <c r="O39" s="72">
        <v>0</v>
      </c>
      <c r="P39" s="276"/>
      <c r="Q39" s="71">
        <v>1</v>
      </c>
      <c r="R39" s="71">
        <v>2</v>
      </c>
      <c r="S39" s="71">
        <v>0</v>
      </c>
      <c r="T39" s="71">
        <v>0</v>
      </c>
      <c r="U39" s="71">
        <v>0</v>
      </c>
      <c r="V39" s="72">
        <v>3</v>
      </c>
      <c r="W39" s="73">
        <v>3</v>
      </c>
      <c r="X39" s="70">
        <v>2</v>
      </c>
      <c r="Y39" s="71">
        <v>0</v>
      </c>
      <c r="Z39" s="72">
        <v>2</v>
      </c>
      <c r="AA39" s="276"/>
      <c r="AB39" s="71">
        <v>1</v>
      </c>
      <c r="AC39" s="71">
        <v>0</v>
      </c>
      <c r="AD39" s="71">
        <v>0</v>
      </c>
      <c r="AE39" s="71">
        <v>2</v>
      </c>
      <c r="AF39" s="71">
        <v>0</v>
      </c>
      <c r="AG39" s="72">
        <v>3</v>
      </c>
      <c r="AH39" s="73">
        <v>5</v>
      </c>
      <c r="AI39" s="70">
        <v>0</v>
      </c>
      <c r="AJ39" s="71">
        <v>1</v>
      </c>
      <c r="AK39" s="72">
        <v>1</v>
      </c>
      <c r="AL39" s="276"/>
      <c r="AM39" s="71">
        <v>1</v>
      </c>
      <c r="AN39" s="71">
        <v>0</v>
      </c>
      <c r="AO39" s="71">
        <v>1</v>
      </c>
      <c r="AP39" s="71">
        <v>0</v>
      </c>
      <c r="AQ39" s="71">
        <v>0</v>
      </c>
      <c r="AR39" s="72">
        <v>2</v>
      </c>
      <c r="AS39" s="73">
        <v>3</v>
      </c>
      <c r="AT39" s="70">
        <v>0</v>
      </c>
      <c r="AU39" s="71">
        <v>2</v>
      </c>
      <c r="AV39" s="72">
        <v>2</v>
      </c>
      <c r="AW39" s="276"/>
      <c r="AX39" s="71">
        <v>2</v>
      </c>
      <c r="AY39" s="71">
        <v>1</v>
      </c>
      <c r="AZ39" s="71">
        <v>0</v>
      </c>
      <c r="BA39" s="71">
        <v>0</v>
      </c>
      <c r="BB39" s="71">
        <v>1</v>
      </c>
      <c r="BC39" s="72">
        <v>4</v>
      </c>
      <c r="BD39" s="73">
        <v>6</v>
      </c>
      <c r="BE39" s="70">
        <v>1</v>
      </c>
      <c r="BF39" s="71">
        <v>5</v>
      </c>
      <c r="BG39" s="72">
        <v>6</v>
      </c>
      <c r="BH39" s="276"/>
      <c r="BI39" s="71">
        <v>4</v>
      </c>
      <c r="BJ39" s="71">
        <v>3</v>
      </c>
      <c r="BK39" s="71">
        <v>3</v>
      </c>
      <c r="BL39" s="71">
        <v>4</v>
      </c>
      <c r="BM39" s="71">
        <v>1</v>
      </c>
      <c r="BN39" s="72">
        <v>15</v>
      </c>
      <c r="BO39" s="73">
        <v>21</v>
      </c>
      <c r="BP39" s="70">
        <v>1</v>
      </c>
      <c r="BQ39" s="71">
        <v>2</v>
      </c>
      <c r="BR39" s="72">
        <v>3</v>
      </c>
      <c r="BS39" s="276"/>
      <c r="BT39" s="71">
        <v>4</v>
      </c>
      <c r="BU39" s="71">
        <v>2</v>
      </c>
      <c r="BV39" s="71">
        <v>4</v>
      </c>
      <c r="BW39" s="71">
        <v>2</v>
      </c>
      <c r="BX39" s="71">
        <v>0</v>
      </c>
      <c r="BY39" s="72">
        <v>12</v>
      </c>
      <c r="BZ39" s="73">
        <v>15</v>
      </c>
      <c r="CA39" s="70">
        <v>0</v>
      </c>
      <c r="CB39" s="71">
        <v>0</v>
      </c>
      <c r="CC39" s="72">
        <v>0</v>
      </c>
      <c r="CD39" s="276"/>
      <c r="CE39" s="71">
        <v>0</v>
      </c>
      <c r="CF39" s="71">
        <v>0</v>
      </c>
      <c r="CG39" s="71">
        <v>0</v>
      </c>
      <c r="CH39" s="71">
        <v>0</v>
      </c>
      <c r="CI39" s="71">
        <v>0</v>
      </c>
      <c r="CJ39" s="72">
        <v>0</v>
      </c>
      <c r="CK39" s="73">
        <v>0</v>
      </c>
      <c r="CL39" s="70">
        <v>4</v>
      </c>
      <c r="CM39" s="71">
        <v>10</v>
      </c>
      <c r="CN39" s="72">
        <v>14</v>
      </c>
      <c r="CO39" s="276"/>
      <c r="CP39" s="71">
        <v>13</v>
      </c>
      <c r="CQ39" s="71">
        <v>8</v>
      </c>
      <c r="CR39" s="71">
        <v>8</v>
      </c>
      <c r="CS39" s="71">
        <v>8</v>
      </c>
      <c r="CT39" s="71">
        <v>2</v>
      </c>
      <c r="CU39" s="72">
        <v>39</v>
      </c>
      <c r="CV39" s="73">
        <v>53</v>
      </c>
      <c r="CW39" s="126">
        <v>2</v>
      </c>
      <c r="CX39" s="82">
        <v>3</v>
      </c>
      <c r="CY39" s="83">
        <v>5</v>
      </c>
      <c r="CZ39" s="273"/>
      <c r="DA39" s="82">
        <v>0</v>
      </c>
      <c r="DB39" s="82">
        <v>0</v>
      </c>
      <c r="DC39" s="82">
        <v>0</v>
      </c>
      <c r="DD39" s="82">
        <v>0</v>
      </c>
      <c r="DE39" s="82">
        <v>5</v>
      </c>
      <c r="DF39" s="84">
        <v>5</v>
      </c>
      <c r="DG39" s="85">
        <v>10</v>
      </c>
      <c r="DH39" s="70">
        <v>0</v>
      </c>
      <c r="DI39" s="71">
        <v>0</v>
      </c>
      <c r="DJ39" s="72">
        <v>0</v>
      </c>
      <c r="DK39" s="276"/>
      <c r="DL39" s="71">
        <v>0</v>
      </c>
      <c r="DM39" s="71">
        <v>0</v>
      </c>
      <c r="DN39" s="71">
        <v>0</v>
      </c>
      <c r="DO39" s="71">
        <v>0</v>
      </c>
      <c r="DP39" s="71">
        <v>0</v>
      </c>
      <c r="DQ39" s="72">
        <v>0</v>
      </c>
      <c r="DR39" s="73">
        <v>0</v>
      </c>
      <c r="DS39" s="70">
        <v>0</v>
      </c>
      <c r="DT39" s="71">
        <v>0</v>
      </c>
      <c r="DU39" s="72">
        <v>0</v>
      </c>
      <c r="DV39" s="276"/>
      <c r="DW39" s="71">
        <v>0</v>
      </c>
      <c r="DX39" s="71">
        <v>0</v>
      </c>
      <c r="DY39" s="71">
        <v>0</v>
      </c>
      <c r="DZ39" s="71">
        <v>0</v>
      </c>
      <c r="EA39" s="71">
        <v>0</v>
      </c>
      <c r="EB39" s="72">
        <v>0</v>
      </c>
      <c r="EC39" s="73">
        <v>0</v>
      </c>
      <c r="ED39" s="70">
        <v>0</v>
      </c>
      <c r="EE39" s="71">
        <v>0</v>
      </c>
      <c r="EF39" s="72">
        <v>0</v>
      </c>
      <c r="EG39" s="276"/>
      <c r="EH39" s="71">
        <v>0</v>
      </c>
      <c r="EI39" s="71">
        <v>0</v>
      </c>
      <c r="EJ39" s="71">
        <v>0</v>
      </c>
      <c r="EK39" s="71">
        <v>0</v>
      </c>
      <c r="EL39" s="71">
        <v>0</v>
      </c>
      <c r="EM39" s="72">
        <v>0</v>
      </c>
      <c r="EN39" s="73">
        <v>0</v>
      </c>
      <c r="EO39" s="70">
        <v>0</v>
      </c>
      <c r="EP39" s="71">
        <v>2</v>
      </c>
      <c r="EQ39" s="72">
        <v>2</v>
      </c>
      <c r="ER39" s="276"/>
      <c r="ES39" s="71">
        <v>0</v>
      </c>
      <c r="ET39" s="71">
        <v>0</v>
      </c>
      <c r="EU39" s="71">
        <v>0</v>
      </c>
      <c r="EV39" s="71">
        <v>0</v>
      </c>
      <c r="EW39" s="71">
        <v>0</v>
      </c>
      <c r="EX39" s="72">
        <v>0</v>
      </c>
      <c r="EY39" s="73">
        <v>2</v>
      </c>
      <c r="EZ39" s="70">
        <v>1</v>
      </c>
      <c r="FA39" s="71">
        <v>1</v>
      </c>
      <c r="FB39" s="72">
        <v>2</v>
      </c>
      <c r="FC39" s="276"/>
      <c r="FD39" s="71">
        <v>0</v>
      </c>
      <c r="FE39" s="71">
        <v>0</v>
      </c>
      <c r="FF39" s="71">
        <v>0</v>
      </c>
      <c r="FG39" s="71">
        <v>0</v>
      </c>
      <c r="FH39" s="71">
        <v>1</v>
      </c>
      <c r="FI39" s="72">
        <v>1</v>
      </c>
      <c r="FJ39" s="73">
        <v>3</v>
      </c>
      <c r="FK39" s="70">
        <v>1</v>
      </c>
      <c r="FL39" s="71">
        <v>0</v>
      </c>
      <c r="FM39" s="72">
        <v>1</v>
      </c>
      <c r="FN39" s="276"/>
      <c r="FO39" s="71">
        <v>0</v>
      </c>
      <c r="FP39" s="71">
        <v>0</v>
      </c>
      <c r="FQ39" s="71">
        <v>0</v>
      </c>
      <c r="FR39" s="71">
        <v>0</v>
      </c>
      <c r="FS39" s="71">
        <v>4</v>
      </c>
      <c r="FT39" s="72">
        <v>4</v>
      </c>
      <c r="FU39" s="73">
        <v>5</v>
      </c>
      <c r="FV39" s="70">
        <v>0</v>
      </c>
      <c r="FW39" s="71">
        <v>0</v>
      </c>
      <c r="FX39" s="72">
        <v>0</v>
      </c>
      <c r="FY39" s="276"/>
      <c r="FZ39" s="71">
        <v>0</v>
      </c>
      <c r="GA39" s="71">
        <v>0</v>
      </c>
      <c r="GB39" s="71">
        <v>0</v>
      </c>
      <c r="GC39" s="71">
        <v>0</v>
      </c>
      <c r="GD39" s="71">
        <v>0</v>
      </c>
      <c r="GE39" s="72">
        <v>0</v>
      </c>
      <c r="GF39" s="73">
        <v>0</v>
      </c>
      <c r="GG39" s="70">
        <v>2</v>
      </c>
      <c r="GH39" s="71">
        <v>3</v>
      </c>
      <c r="GI39" s="72">
        <v>5</v>
      </c>
      <c r="GJ39" s="276"/>
      <c r="GK39" s="71">
        <v>0</v>
      </c>
      <c r="GL39" s="71">
        <v>0</v>
      </c>
      <c r="GM39" s="71">
        <v>0</v>
      </c>
      <c r="GN39" s="71">
        <v>0</v>
      </c>
      <c r="GO39" s="71">
        <v>5</v>
      </c>
      <c r="GP39" s="72">
        <v>5</v>
      </c>
      <c r="GQ39" s="73">
        <v>10</v>
      </c>
      <c r="GR39" s="126">
        <v>6</v>
      </c>
      <c r="GS39" s="82">
        <v>13</v>
      </c>
      <c r="GT39" s="83">
        <v>19</v>
      </c>
      <c r="GU39" s="273"/>
      <c r="GV39" s="82">
        <v>13</v>
      </c>
      <c r="GW39" s="82">
        <v>8</v>
      </c>
      <c r="GX39" s="82">
        <v>8</v>
      </c>
      <c r="GY39" s="82">
        <v>8</v>
      </c>
      <c r="GZ39" s="82">
        <v>7</v>
      </c>
      <c r="HA39" s="84">
        <v>44</v>
      </c>
      <c r="HB39" s="85">
        <v>63</v>
      </c>
      <c r="HC39" s="70">
        <v>0</v>
      </c>
      <c r="HD39" s="71">
        <v>0</v>
      </c>
      <c r="HE39" s="72">
        <v>0</v>
      </c>
      <c r="HF39" s="276"/>
      <c r="HG39" s="71">
        <v>1</v>
      </c>
      <c r="HH39" s="71">
        <v>2</v>
      </c>
      <c r="HI39" s="71">
        <v>0</v>
      </c>
      <c r="HJ39" s="71">
        <v>0</v>
      </c>
      <c r="HK39" s="71">
        <v>0</v>
      </c>
      <c r="HL39" s="72">
        <v>3</v>
      </c>
      <c r="HM39" s="73">
        <v>3</v>
      </c>
      <c r="HN39" s="70">
        <v>2</v>
      </c>
      <c r="HO39" s="71">
        <v>0</v>
      </c>
      <c r="HP39" s="72">
        <v>2</v>
      </c>
      <c r="HQ39" s="276"/>
      <c r="HR39" s="71">
        <v>1</v>
      </c>
      <c r="HS39" s="71">
        <v>0</v>
      </c>
      <c r="HT39" s="71">
        <v>0</v>
      </c>
      <c r="HU39" s="71">
        <v>2</v>
      </c>
      <c r="HV39" s="71">
        <v>0</v>
      </c>
      <c r="HW39" s="72">
        <v>3</v>
      </c>
      <c r="HX39" s="73">
        <v>5</v>
      </c>
      <c r="HY39" s="70">
        <v>0</v>
      </c>
      <c r="HZ39" s="71">
        <v>1</v>
      </c>
      <c r="IA39" s="72">
        <v>1</v>
      </c>
      <c r="IB39" s="276"/>
      <c r="IC39" s="71">
        <v>1</v>
      </c>
      <c r="ID39" s="71">
        <v>0</v>
      </c>
      <c r="IE39" s="71">
        <v>1</v>
      </c>
      <c r="IF39" s="71">
        <v>0</v>
      </c>
      <c r="IG39" s="71">
        <v>0</v>
      </c>
      <c r="IH39" s="72">
        <v>2</v>
      </c>
      <c r="II39" s="73">
        <v>3</v>
      </c>
      <c r="IJ39" s="70">
        <v>0</v>
      </c>
      <c r="IK39" s="71">
        <v>4</v>
      </c>
      <c r="IL39" s="72">
        <v>4</v>
      </c>
      <c r="IM39" s="276"/>
      <c r="IN39" s="71">
        <v>2</v>
      </c>
      <c r="IO39" s="71">
        <v>1</v>
      </c>
      <c r="IP39" s="71">
        <v>0</v>
      </c>
      <c r="IQ39" s="71">
        <v>0</v>
      </c>
      <c r="IR39" s="71">
        <v>1</v>
      </c>
      <c r="IS39" s="72">
        <v>4</v>
      </c>
      <c r="IT39" s="73">
        <v>8</v>
      </c>
      <c r="IU39" s="70">
        <v>2</v>
      </c>
      <c r="IV39" s="71">
        <v>6</v>
      </c>
      <c r="IW39" s="72">
        <v>8</v>
      </c>
      <c r="IX39" s="276"/>
      <c r="IY39" s="71">
        <v>4</v>
      </c>
      <c r="IZ39" s="71">
        <v>3</v>
      </c>
      <c r="JA39" s="71">
        <v>3</v>
      </c>
      <c r="JB39" s="71">
        <v>4</v>
      </c>
      <c r="JC39" s="71">
        <v>2</v>
      </c>
      <c r="JD39" s="72">
        <v>16</v>
      </c>
      <c r="JE39" s="73">
        <v>24</v>
      </c>
      <c r="JF39" s="70">
        <v>2</v>
      </c>
      <c r="JG39" s="71">
        <v>2</v>
      </c>
      <c r="JH39" s="72">
        <v>4</v>
      </c>
      <c r="JI39" s="276"/>
      <c r="JJ39" s="71">
        <v>4</v>
      </c>
      <c r="JK39" s="71">
        <v>2</v>
      </c>
      <c r="JL39" s="71">
        <v>4</v>
      </c>
      <c r="JM39" s="71">
        <v>2</v>
      </c>
      <c r="JN39" s="71">
        <v>4</v>
      </c>
      <c r="JO39" s="72">
        <v>16</v>
      </c>
      <c r="JP39" s="73">
        <v>20</v>
      </c>
      <c r="JQ39" s="70">
        <v>0</v>
      </c>
      <c r="JR39" s="71">
        <v>0</v>
      </c>
      <c r="JS39" s="72">
        <v>0</v>
      </c>
      <c r="JT39" s="276"/>
      <c r="JU39" s="71">
        <v>0</v>
      </c>
      <c r="JV39" s="71">
        <v>0</v>
      </c>
      <c r="JW39" s="71">
        <v>0</v>
      </c>
      <c r="JX39" s="71">
        <v>0</v>
      </c>
      <c r="JY39" s="71">
        <v>0</v>
      </c>
      <c r="JZ39" s="72">
        <v>0</v>
      </c>
      <c r="KA39" s="73">
        <v>0</v>
      </c>
      <c r="KB39" s="70">
        <v>6</v>
      </c>
      <c r="KC39" s="71">
        <v>13</v>
      </c>
      <c r="KD39" s="72">
        <v>19</v>
      </c>
      <c r="KE39" s="276"/>
      <c r="KF39" s="71">
        <v>13</v>
      </c>
      <c r="KG39" s="71">
        <v>8</v>
      </c>
      <c r="KH39" s="71">
        <v>8</v>
      </c>
      <c r="KI39" s="71">
        <v>8</v>
      </c>
      <c r="KJ39" s="71">
        <v>7</v>
      </c>
      <c r="KK39" s="72">
        <v>44</v>
      </c>
      <c r="KL39" s="73">
        <v>63</v>
      </c>
    </row>
    <row r="40" spans="1:298" ht="19.5" customHeight="1" thickBot="1" x14ac:dyDescent="0.25">
      <c r="A40" s="130" t="s">
        <v>37</v>
      </c>
      <c r="B40" s="351">
        <v>1</v>
      </c>
      <c r="C40" s="87">
        <v>0</v>
      </c>
      <c r="D40" s="88">
        <v>1</v>
      </c>
      <c r="E40" s="274"/>
      <c r="F40" s="87">
        <v>2</v>
      </c>
      <c r="G40" s="87">
        <v>2</v>
      </c>
      <c r="H40" s="87">
        <v>1</v>
      </c>
      <c r="I40" s="87">
        <v>0</v>
      </c>
      <c r="J40" s="87">
        <v>1</v>
      </c>
      <c r="K40" s="89">
        <v>6</v>
      </c>
      <c r="L40" s="90">
        <v>7</v>
      </c>
      <c r="M40" s="74">
        <v>0</v>
      </c>
      <c r="N40" s="75">
        <v>0</v>
      </c>
      <c r="O40" s="76">
        <v>0</v>
      </c>
      <c r="P40" s="277"/>
      <c r="Q40" s="75">
        <v>0</v>
      </c>
      <c r="R40" s="75">
        <v>0</v>
      </c>
      <c r="S40" s="75">
        <v>0</v>
      </c>
      <c r="T40" s="75">
        <v>0</v>
      </c>
      <c r="U40" s="75">
        <v>0</v>
      </c>
      <c r="V40" s="76">
        <v>0</v>
      </c>
      <c r="W40" s="77">
        <v>0</v>
      </c>
      <c r="X40" s="74">
        <v>1</v>
      </c>
      <c r="Y40" s="75">
        <v>0</v>
      </c>
      <c r="Z40" s="76">
        <v>1</v>
      </c>
      <c r="AA40" s="277"/>
      <c r="AB40" s="75">
        <v>0</v>
      </c>
      <c r="AC40" s="75">
        <v>0</v>
      </c>
      <c r="AD40" s="75">
        <v>1</v>
      </c>
      <c r="AE40" s="75">
        <v>0</v>
      </c>
      <c r="AF40" s="75">
        <v>0</v>
      </c>
      <c r="AG40" s="76">
        <v>1</v>
      </c>
      <c r="AH40" s="77">
        <v>2</v>
      </c>
      <c r="AI40" s="74">
        <v>0</v>
      </c>
      <c r="AJ40" s="75">
        <v>0</v>
      </c>
      <c r="AK40" s="76">
        <v>0</v>
      </c>
      <c r="AL40" s="277"/>
      <c r="AM40" s="75">
        <v>0</v>
      </c>
      <c r="AN40" s="75">
        <v>1</v>
      </c>
      <c r="AO40" s="75">
        <v>0</v>
      </c>
      <c r="AP40" s="75">
        <v>0</v>
      </c>
      <c r="AQ40" s="75">
        <v>0</v>
      </c>
      <c r="AR40" s="76">
        <v>1</v>
      </c>
      <c r="AS40" s="77">
        <v>1</v>
      </c>
      <c r="AT40" s="74">
        <v>0</v>
      </c>
      <c r="AU40" s="75">
        <v>0</v>
      </c>
      <c r="AV40" s="76">
        <v>0</v>
      </c>
      <c r="AW40" s="277"/>
      <c r="AX40" s="75">
        <v>1</v>
      </c>
      <c r="AY40" s="75">
        <v>0</v>
      </c>
      <c r="AZ40" s="75">
        <v>0</v>
      </c>
      <c r="BA40" s="75">
        <v>0</v>
      </c>
      <c r="BB40" s="75">
        <v>0</v>
      </c>
      <c r="BC40" s="76">
        <v>1</v>
      </c>
      <c r="BD40" s="77">
        <v>1</v>
      </c>
      <c r="BE40" s="74">
        <v>0</v>
      </c>
      <c r="BF40" s="75">
        <v>0</v>
      </c>
      <c r="BG40" s="76">
        <v>0</v>
      </c>
      <c r="BH40" s="277"/>
      <c r="BI40" s="75">
        <v>1</v>
      </c>
      <c r="BJ40" s="75">
        <v>1</v>
      </c>
      <c r="BK40" s="75">
        <v>0</v>
      </c>
      <c r="BL40" s="75">
        <v>0</v>
      </c>
      <c r="BM40" s="75">
        <v>1</v>
      </c>
      <c r="BN40" s="76">
        <v>3</v>
      </c>
      <c r="BO40" s="77">
        <v>3</v>
      </c>
      <c r="BP40" s="74">
        <v>0</v>
      </c>
      <c r="BQ40" s="75">
        <v>0</v>
      </c>
      <c r="BR40" s="76">
        <v>0</v>
      </c>
      <c r="BS40" s="277"/>
      <c r="BT40" s="75">
        <v>0</v>
      </c>
      <c r="BU40" s="75">
        <v>0</v>
      </c>
      <c r="BV40" s="75">
        <v>0</v>
      </c>
      <c r="BW40" s="75">
        <v>0</v>
      </c>
      <c r="BX40" s="75">
        <v>0</v>
      </c>
      <c r="BY40" s="76">
        <v>0</v>
      </c>
      <c r="BZ40" s="77">
        <v>0</v>
      </c>
      <c r="CA40" s="74">
        <v>0</v>
      </c>
      <c r="CB40" s="75">
        <v>0</v>
      </c>
      <c r="CC40" s="76">
        <v>0</v>
      </c>
      <c r="CD40" s="277"/>
      <c r="CE40" s="75">
        <v>0</v>
      </c>
      <c r="CF40" s="75">
        <v>0</v>
      </c>
      <c r="CG40" s="75">
        <v>0</v>
      </c>
      <c r="CH40" s="75">
        <v>0</v>
      </c>
      <c r="CI40" s="75">
        <v>0</v>
      </c>
      <c r="CJ40" s="76">
        <v>0</v>
      </c>
      <c r="CK40" s="77">
        <v>0</v>
      </c>
      <c r="CL40" s="74">
        <v>1</v>
      </c>
      <c r="CM40" s="75">
        <v>0</v>
      </c>
      <c r="CN40" s="76">
        <v>1</v>
      </c>
      <c r="CO40" s="277"/>
      <c r="CP40" s="75">
        <v>2</v>
      </c>
      <c r="CQ40" s="75">
        <v>2</v>
      </c>
      <c r="CR40" s="75">
        <v>1</v>
      </c>
      <c r="CS40" s="75">
        <v>0</v>
      </c>
      <c r="CT40" s="75">
        <v>1</v>
      </c>
      <c r="CU40" s="76">
        <v>6</v>
      </c>
      <c r="CV40" s="77">
        <v>7</v>
      </c>
      <c r="CW40" s="127">
        <v>0</v>
      </c>
      <c r="CX40" s="87">
        <v>0</v>
      </c>
      <c r="CY40" s="88">
        <v>0</v>
      </c>
      <c r="CZ40" s="274"/>
      <c r="DA40" s="87">
        <v>0</v>
      </c>
      <c r="DB40" s="87">
        <v>0</v>
      </c>
      <c r="DC40" s="87">
        <v>0</v>
      </c>
      <c r="DD40" s="87">
        <v>0</v>
      </c>
      <c r="DE40" s="87">
        <v>1</v>
      </c>
      <c r="DF40" s="89">
        <v>1</v>
      </c>
      <c r="DG40" s="90">
        <v>1</v>
      </c>
      <c r="DH40" s="74">
        <v>0</v>
      </c>
      <c r="DI40" s="75">
        <v>0</v>
      </c>
      <c r="DJ40" s="76">
        <v>0</v>
      </c>
      <c r="DK40" s="277"/>
      <c r="DL40" s="75">
        <v>0</v>
      </c>
      <c r="DM40" s="75">
        <v>0</v>
      </c>
      <c r="DN40" s="75">
        <v>0</v>
      </c>
      <c r="DO40" s="75">
        <v>0</v>
      </c>
      <c r="DP40" s="75">
        <v>0</v>
      </c>
      <c r="DQ40" s="76">
        <v>0</v>
      </c>
      <c r="DR40" s="77">
        <v>0</v>
      </c>
      <c r="DS40" s="74">
        <v>0</v>
      </c>
      <c r="DT40" s="75">
        <v>0</v>
      </c>
      <c r="DU40" s="76">
        <v>0</v>
      </c>
      <c r="DV40" s="277"/>
      <c r="DW40" s="75">
        <v>0</v>
      </c>
      <c r="DX40" s="75">
        <v>0</v>
      </c>
      <c r="DY40" s="75">
        <v>0</v>
      </c>
      <c r="DZ40" s="75">
        <v>0</v>
      </c>
      <c r="EA40" s="75">
        <v>0</v>
      </c>
      <c r="EB40" s="76">
        <v>0</v>
      </c>
      <c r="EC40" s="77">
        <v>0</v>
      </c>
      <c r="ED40" s="74">
        <v>0</v>
      </c>
      <c r="EE40" s="75">
        <v>0</v>
      </c>
      <c r="EF40" s="76">
        <v>0</v>
      </c>
      <c r="EG40" s="277"/>
      <c r="EH40" s="75">
        <v>0</v>
      </c>
      <c r="EI40" s="75">
        <v>0</v>
      </c>
      <c r="EJ40" s="75">
        <v>0</v>
      </c>
      <c r="EK40" s="75">
        <v>0</v>
      </c>
      <c r="EL40" s="75">
        <v>0</v>
      </c>
      <c r="EM40" s="76">
        <v>0</v>
      </c>
      <c r="EN40" s="77">
        <v>0</v>
      </c>
      <c r="EO40" s="74">
        <v>0</v>
      </c>
      <c r="EP40" s="75">
        <v>0</v>
      </c>
      <c r="EQ40" s="76">
        <v>0</v>
      </c>
      <c r="ER40" s="277"/>
      <c r="ES40" s="75">
        <v>0</v>
      </c>
      <c r="ET40" s="75">
        <v>0</v>
      </c>
      <c r="EU40" s="75">
        <v>0</v>
      </c>
      <c r="EV40" s="75">
        <v>0</v>
      </c>
      <c r="EW40" s="75">
        <v>0</v>
      </c>
      <c r="EX40" s="76">
        <v>0</v>
      </c>
      <c r="EY40" s="77">
        <v>0</v>
      </c>
      <c r="EZ40" s="74">
        <v>0</v>
      </c>
      <c r="FA40" s="75">
        <v>0</v>
      </c>
      <c r="FB40" s="76">
        <v>0</v>
      </c>
      <c r="FC40" s="277"/>
      <c r="FD40" s="75">
        <v>0</v>
      </c>
      <c r="FE40" s="75">
        <v>0</v>
      </c>
      <c r="FF40" s="75">
        <v>0</v>
      </c>
      <c r="FG40" s="75">
        <v>0</v>
      </c>
      <c r="FH40" s="75">
        <v>0</v>
      </c>
      <c r="FI40" s="76">
        <v>0</v>
      </c>
      <c r="FJ40" s="77">
        <v>0</v>
      </c>
      <c r="FK40" s="74">
        <v>0</v>
      </c>
      <c r="FL40" s="75">
        <v>0</v>
      </c>
      <c r="FM40" s="76">
        <v>0</v>
      </c>
      <c r="FN40" s="277"/>
      <c r="FO40" s="75">
        <v>0</v>
      </c>
      <c r="FP40" s="75">
        <v>0</v>
      </c>
      <c r="FQ40" s="75">
        <v>0</v>
      </c>
      <c r="FR40" s="75">
        <v>0</v>
      </c>
      <c r="FS40" s="75">
        <v>1</v>
      </c>
      <c r="FT40" s="76">
        <v>1</v>
      </c>
      <c r="FU40" s="77">
        <v>1</v>
      </c>
      <c r="FV40" s="74">
        <v>0</v>
      </c>
      <c r="FW40" s="75">
        <v>0</v>
      </c>
      <c r="FX40" s="76">
        <v>0</v>
      </c>
      <c r="FY40" s="277"/>
      <c r="FZ40" s="75">
        <v>0</v>
      </c>
      <c r="GA40" s="75">
        <v>0</v>
      </c>
      <c r="GB40" s="75">
        <v>0</v>
      </c>
      <c r="GC40" s="75">
        <v>0</v>
      </c>
      <c r="GD40" s="75">
        <v>0</v>
      </c>
      <c r="GE40" s="76">
        <v>0</v>
      </c>
      <c r="GF40" s="77">
        <v>0</v>
      </c>
      <c r="GG40" s="74">
        <v>0</v>
      </c>
      <c r="GH40" s="75">
        <v>0</v>
      </c>
      <c r="GI40" s="76">
        <v>0</v>
      </c>
      <c r="GJ40" s="277"/>
      <c r="GK40" s="75">
        <v>0</v>
      </c>
      <c r="GL40" s="75">
        <v>0</v>
      </c>
      <c r="GM40" s="75">
        <v>0</v>
      </c>
      <c r="GN40" s="75">
        <v>0</v>
      </c>
      <c r="GO40" s="75">
        <v>1</v>
      </c>
      <c r="GP40" s="76">
        <v>1</v>
      </c>
      <c r="GQ40" s="77">
        <v>1</v>
      </c>
      <c r="GR40" s="127">
        <v>1</v>
      </c>
      <c r="GS40" s="87">
        <v>0</v>
      </c>
      <c r="GT40" s="88">
        <v>1</v>
      </c>
      <c r="GU40" s="274"/>
      <c r="GV40" s="87">
        <v>2</v>
      </c>
      <c r="GW40" s="87">
        <v>2</v>
      </c>
      <c r="GX40" s="87">
        <v>1</v>
      </c>
      <c r="GY40" s="87">
        <v>0</v>
      </c>
      <c r="GZ40" s="87">
        <v>2</v>
      </c>
      <c r="HA40" s="89">
        <v>7</v>
      </c>
      <c r="HB40" s="90">
        <v>8</v>
      </c>
      <c r="HC40" s="74">
        <v>0</v>
      </c>
      <c r="HD40" s="75">
        <v>0</v>
      </c>
      <c r="HE40" s="76">
        <v>0</v>
      </c>
      <c r="HF40" s="277"/>
      <c r="HG40" s="75">
        <v>0</v>
      </c>
      <c r="HH40" s="75">
        <v>0</v>
      </c>
      <c r="HI40" s="75">
        <v>0</v>
      </c>
      <c r="HJ40" s="75">
        <v>0</v>
      </c>
      <c r="HK40" s="75">
        <v>0</v>
      </c>
      <c r="HL40" s="76">
        <v>0</v>
      </c>
      <c r="HM40" s="77">
        <v>0</v>
      </c>
      <c r="HN40" s="74">
        <v>1</v>
      </c>
      <c r="HO40" s="75">
        <v>0</v>
      </c>
      <c r="HP40" s="76">
        <v>1</v>
      </c>
      <c r="HQ40" s="277"/>
      <c r="HR40" s="75">
        <v>0</v>
      </c>
      <c r="HS40" s="75">
        <v>0</v>
      </c>
      <c r="HT40" s="75">
        <v>1</v>
      </c>
      <c r="HU40" s="75">
        <v>0</v>
      </c>
      <c r="HV40" s="75">
        <v>0</v>
      </c>
      <c r="HW40" s="76">
        <v>1</v>
      </c>
      <c r="HX40" s="77">
        <v>2</v>
      </c>
      <c r="HY40" s="74">
        <v>0</v>
      </c>
      <c r="HZ40" s="75">
        <v>0</v>
      </c>
      <c r="IA40" s="76">
        <v>0</v>
      </c>
      <c r="IB40" s="277"/>
      <c r="IC40" s="75">
        <v>0</v>
      </c>
      <c r="ID40" s="75">
        <v>1</v>
      </c>
      <c r="IE40" s="75">
        <v>0</v>
      </c>
      <c r="IF40" s="75">
        <v>0</v>
      </c>
      <c r="IG40" s="75">
        <v>0</v>
      </c>
      <c r="IH40" s="76">
        <v>1</v>
      </c>
      <c r="II40" s="77">
        <v>1</v>
      </c>
      <c r="IJ40" s="74">
        <v>0</v>
      </c>
      <c r="IK40" s="75">
        <v>0</v>
      </c>
      <c r="IL40" s="76">
        <v>0</v>
      </c>
      <c r="IM40" s="277"/>
      <c r="IN40" s="75">
        <v>1</v>
      </c>
      <c r="IO40" s="75">
        <v>0</v>
      </c>
      <c r="IP40" s="75">
        <v>0</v>
      </c>
      <c r="IQ40" s="75">
        <v>0</v>
      </c>
      <c r="IR40" s="75">
        <v>0</v>
      </c>
      <c r="IS40" s="76">
        <v>1</v>
      </c>
      <c r="IT40" s="77">
        <v>1</v>
      </c>
      <c r="IU40" s="74">
        <v>0</v>
      </c>
      <c r="IV40" s="75">
        <v>0</v>
      </c>
      <c r="IW40" s="76">
        <v>0</v>
      </c>
      <c r="IX40" s="277"/>
      <c r="IY40" s="75">
        <v>1</v>
      </c>
      <c r="IZ40" s="75">
        <v>1</v>
      </c>
      <c r="JA40" s="75">
        <v>0</v>
      </c>
      <c r="JB40" s="75">
        <v>0</v>
      </c>
      <c r="JC40" s="75">
        <v>1</v>
      </c>
      <c r="JD40" s="76">
        <v>3</v>
      </c>
      <c r="JE40" s="77">
        <v>3</v>
      </c>
      <c r="JF40" s="74">
        <v>0</v>
      </c>
      <c r="JG40" s="75">
        <v>0</v>
      </c>
      <c r="JH40" s="76">
        <v>0</v>
      </c>
      <c r="JI40" s="277"/>
      <c r="JJ40" s="75">
        <v>0</v>
      </c>
      <c r="JK40" s="75">
        <v>0</v>
      </c>
      <c r="JL40" s="75">
        <v>0</v>
      </c>
      <c r="JM40" s="75">
        <v>0</v>
      </c>
      <c r="JN40" s="75">
        <v>1</v>
      </c>
      <c r="JO40" s="76">
        <v>1</v>
      </c>
      <c r="JP40" s="77">
        <v>1</v>
      </c>
      <c r="JQ40" s="74">
        <v>0</v>
      </c>
      <c r="JR40" s="75">
        <v>0</v>
      </c>
      <c r="JS40" s="76">
        <v>0</v>
      </c>
      <c r="JT40" s="277"/>
      <c r="JU40" s="75">
        <v>0</v>
      </c>
      <c r="JV40" s="75">
        <v>0</v>
      </c>
      <c r="JW40" s="75">
        <v>0</v>
      </c>
      <c r="JX40" s="75">
        <v>0</v>
      </c>
      <c r="JY40" s="75">
        <v>0</v>
      </c>
      <c r="JZ40" s="76">
        <v>0</v>
      </c>
      <c r="KA40" s="77">
        <v>0</v>
      </c>
      <c r="KB40" s="74">
        <v>1</v>
      </c>
      <c r="KC40" s="75">
        <v>0</v>
      </c>
      <c r="KD40" s="76">
        <v>1</v>
      </c>
      <c r="KE40" s="277"/>
      <c r="KF40" s="75">
        <v>2</v>
      </c>
      <c r="KG40" s="75">
        <v>2</v>
      </c>
      <c r="KH40" s="75">
        <v>1</v>
      </c>
      <c r="KI40" s="75">
        <v>0</v>
      </c>
      <c r="KJ40" s="75">
        <v>2</v>
      </c>
      <c r="KK40" s="76">
        <v>7</v>
      </c>
      <c r="KL40" s="77">
        <v>8</v>
      </c>
    </row>
    <row r="41" spans="1:298" ht="32.25" customHeight="1" x14ac:dyDescent="0.2">
      <c r="B41" s="345" t="s">
        <v>126</v>
      </c>
    </row>
  </sheetData>
  <mergeCells count="36">
    <mergeCell ref="CW3:GQ3"/>
    <mergeCell ref="B5:L5"/>
    <mergeCell ref="M5:W5"/>
    <mergeCell ref="X5:AH5"/>
    <mergeCell ref="AI5:AS5"/>
    <mergeCell ref="AT5:BD5"/>
    <mergeCell ref="EO5:EY5"/>
    <mergeCell ref="GG4:GQ5"/>
    <mergeCell ref="BP5:BZ5"/>
    <mergeCell ref="CW5:DG5"/>
    <mergeCell ref="EZ5:FJ5"/>
    <mergeCell ref="FK5:FU5"/>
    <mergeCell ref="B4:BZ4"/>
    <mergeCell ref="CL4:CV5"/>
    <mergeCell ref="BE5:BO5"/>
    <mergeCell ref="H1:I1"/>
    <mergeCell ref="E1:F1"/>
    <mergeCell ref="CA4:CK5"/>
    <mergeCell ref="A3:A5"/>
    <mergeCell ref="B3:CV3"/>
    <mergeCell ref="GR5:HB5"/>
    <mergeCell ref="DH5:DR5"/>
    <mergeCell ref="DS5:EC5"/>
    <mergeCell ref="ED5:EN5"/>
    <mergeCell ref="GR3:KL3"/>
    <mergeCell ref="GR4:JP4"/>
    <mergeCell ref="JQ4:KA5"/>
    <mergeCell ref="KB4:KL5"/>
    <mergeCell ref="IJ5:IT5"/>
    <mergeCell ref="IU5:JE5"/>
    <mergeCell ref="JF5:JP5"/>
    <mergeCell ref="HC5:HM5"/>
    <mergeCell ref="HN5:HX5"/>
    <mergeCell ref="HY5:II5"/>
    <mergeCell ref="CW4:FU4"/>
    <mergeCell ref="FV4:GF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4" max="40" man="1"/>
    <brk id="67" max="1048575" man="1"/>
    <brk id="100" max="1048575" man="1"/>
    <brk id="133"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KL41"/>
  <sheetViews>
    <sheetView zoomScaleNormal="100"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9.44140625" style="44" customWidth="1"/>
    <col min="2" max="10" width="7.88671875" style="43" customWidth="1"/>
    <col min="11" max="12" width="8.77734375" style="43" customWidth="1"/>
    <col min="13" max="32" width="7.88671875" style="43" customWidth="1"/>
    <col min="33" max="33" width="9.109375" style="43" customWidth="1"/>
    <col min="34" max="34" width="8.44140625" style="43" customWidth="1"/>
    <col min="35" max="54" width="7.88671875" style="43" customWidth="1"/>
    <col min="55" max="55" width="9.109375" style="43" customWidth="1"/>
    <col min="56" max="56" width="8.44140625" style="43" customWidth="1"/>
    <col min="57" max="76" width="7.88671875" style="43" customWidth="1"/>
    <col min="77" max="77" width="9.109375" style="43" customWidth="1"/>
    <col min="78" max="78" width="8.44140625" style="43" customWidth="1"/>
    <col min="79" max="85" width="7.88671875" style="43" customWidth="1"/>
    <col min="86" max="92" width="9" style="43"/>
    <col min="93" max="93" width="8.44140625" style="43" customWidth="1"/>
    <col min="94" max="101" width="9" style="43"/>
    <col min="102" max="103" width="9" style="44"/>
    <col min="104" max="104" width="7.77734375" style="44" customWidth="1"/>
    <col min="105" max="114" width="9" style="44"/>
    <col min="115" max="115" width="7.77734375" style="44" customWidth="1"/>
    <col min="116" max="125" width="9" style="44"/>
    <col min="126" max="126" width="7.77734375" style="44" customWidth="1"/>
    <col min="127" max="136" width="9" style="44"/>
    <col min="137" max="137" width="8" style="44" customWidth="1"/>
    <col min="138" max="147" width="9" style="44"/>
    <col min="148" max="148" width="7.77734375" style="44" customWidth="1"/>
    <col min="149" max="158" width="9" style="44"/>
    <col min="159" max="159" width="7.44140625" style="44" customWidth="1"/>
    <col min="160" max="169" width="9" style="44"/>
    <col min="170" max="170" width="7.88671875" style="44" customWidth="1"/>
    <col min="171" max="180" width="9" style="44"/>
    <col min="181" max="181" width="7.21875" style="44" customWidth="1"/>
    <col min="182" max="191" width="9" style="44"/>
    <col min="192" max="192" width="8" style="44" customWidth="1"/>
    <col min="193" max="202" width="9" style="44"/>
    <col min="203" max="203" width="7.88671875" style="44" customWidth="1"/>
    <col min="204" max="213" width="9" style="44"/>
    <col min="214" max="214" width="7.88671875" style="44" customWidth="1"/>
    <col min="215" max="224" width="9" style="44"/>
    <col min="225" max="225" width="7.33203125" style="44" customWidth="1"/>
    <col min="226" max="235" width="9" style="44"/>
    <col min="236" max="236" width="7.6640625" style="44" customWidth="1"/>
    <col min="237" max="246" width="9" style="44"/>
    <col min="247" max="247" width="8" style="44" customWidth="1"/>
    <col min="248" max="257" width="9" style="44"/>
    <col min="258" max="258" width="8" style="44" customWidth="1"/>
    <col min="259" max="268" width="9" style="44"/>
    <col min="269" max="269" width="8" style="44" customWidth="1"/>
    <col min="270" max="279" width="9" style="44"/>
    <col min="280" max="280" width="8" style="44" customWidth="1"/>
    <col min="281" max="290" width="9" style="44"/>
    <col min="291" max="291" width="8.109375" style="44" customWidth="1"/>
    <col min="292" max="16384" width="9" style="44"/>
  </cols>
  <sheetData>
    <row r="1" spans="1:298" ht="17.25" customHeight="1" x14ac:dyDescent="0.2">
      <c r="A1" s="12" t="s">
        <v>163</v>
      </c>
      <c r="E1" s="545">
        <f>第１表!F2</f>
        <v>4</v>
      </c>
      <c r="F1" s="545"/>
      <c r="G1" s="282">
        <f>第１表!G2</f>
        <v>4</v>
      </c>
      <c r="H1" s="544">
        <f>G1</f>
        <v>4</v>
      </c>
      <c r="I1" s="544"/>
    </row>
    <row r="2" spans="1:298" ht="16.5" customHeight="1" thickBot="1" x14ac:dyDescent="0.25">
      <c r="A2" s="20" t="s">
        <v>153</v>
      </c>
    </row>
    <row r="3" spans="1:298" ht="22.5" customHeight="1" thickBot="1" x14ac:dyDescent="0.25">
      <c r="A3" s="531" t="s">
        <v>38</v>
      </c>
      <c r="B3" s="526" t="s">
        <v>96</v>
      </c>
      <c r="C3" s="526"/>
      <c r="D3" s="526"/>
      <c r="E3" s="526"/>
      <c r="F3" s="526"/>
      <c r="G3" s="526"/>
      <c r="H3" s="526"/>
      <c r="I3" s="526"/>
      <c r="J3" s="526"/>
      <c r="K3" s="526"/>
      <c r="L3" s="526"/>
      <c r="M3" s="526"/>
      <c r="N3" s="526"/>
      <c r="O3" s="526"/>
      <c r="P3" s="526"/>
      <c r="Q3" s="526"/>
      <c r="R3" s="526"/>
      <c r="S3" s="526"/>
      <c r="T3" s="526"/>
      <c r="U3" s="526"/>
      <c r="V3" s="526"/>
      <c r="W3" s="526"/>
      <c r="X3" s="526"/>
      <c r="Y3" s="526"/>
      <c r="Z3" s="526"/>
      <c r="AA3" s="526"/>
      <c r="AB3" s="526"/>
      <c r="AC3" s="526"/>
      <c r="AD3" s="526"/>
      <c r="AE3" s="526"/>
      <c r="AF3" s="526"/>
      <c r="AG3" s="526"/>
      <c r="AH3" s="526"/>
      <c r="AI3" s="526"/>
      <c r="AJ3" s="526"/>
      <c r="AK3" s="526"/>
      <c r="AL3" s="526"/>
      <c r="AM3" s="526"/>
      <c r="AN3" s="526"/>
      <c r="AO3" s="526"/>
      <c r="AP3" s="526"/>
      <c r="AQ3" s="526"/>
      <c r="AR3" s="526"/>
      <c r="AS3" s="526"/>
      <c r="AT3" s="526"/>
      <c r="AU3" s="526"/>
      <c r="AV3" s="526"/>
      <c r="AW3" s="526"/>
      <c r="AX3" s="526"/>
      <c r="AY3" s="526"/>
      <c r="AZ3" s="526"/>
      <c r="BA3" s="526"/>
      <c r="BB3" s="526"/>
      <c r="BC3" s="526"/>
      <c r="BD3" s="526"/>
      <c r="BE3" s="526"/>
      <c r="BF3" s="526"/>
      <c r="BG3" s="526"/>
      <c r="BH3" s="526"/>
      <c r="BI3" s="526"/>
      <c r="BJ3" s="526"/>
      <c r="BK3" s="526"/>
      <c r="BL3" s="526"/>
      <c r="BM3" s="526"/>
      <c r="BN3" s="526"/>
      <c r="BO3" s="526"/>
      <c r="BP3" s="526"/>
      <c r="BQ3" s="526"/>
      <c r="BR3" s="526"/>
      <c r="BS3" s="526"/>
      <c r="BT3" s="526"/>
      <c r="BU3" s="526"/>
      <c r="BV3" s="526"/>
      <c r="BW3" s="526"/>
      <c r="BX3" s="526"/>
      <c r="BY3" s="526"/>
      <c r="BZ3" s="526"/>
      <c r="CA3" s="526"/>
      <c r="CB3" s="526"/>
      <c r="CC3" s="526"/>
      <c r="CD3" s="526"/>
      <c r="CE3" s="526"/>
      <c r="CF3" s="526"/>
      <c r="CG3" s="526"/>
      <c r="CH3" s="526"/>
      <c r="CI3" s="526"/>
      <c r="CJ3" s="526"/>
      <c r="CK3" s="526"/>
      <c r="CL3" s="526"/>
      <c r="CM3" s="526"/>
      <c r="CN3" s="526"/>
      <c r="CO3" s="526"/>
      <c r="CP3" s="526"/>
      <c r="CQ3" s="526"/>
      <c r="CR3" s="526"/>
      <c r="CS3" s="526"/>
      <c r="CT3" s="526"/>
      <c r="CU3" s="526"/>
      <c r="CV3" s="527"/>
      <c r="CW3" s="526" t="s">
        <v>103</v>
      </c>
      <c r="CX3" s="526"/>
      <c r="CY3" s="526"/>
      <c r="CZ3" s="526"/>
      <c r="DA3" s="526"/>
      <c r="DB3" s="526"/>
      <c r="DC3" s="526"/>
      <c r="DD3" s="526"/>
      <c r="DE3" s="526"/>
      <c r="DF3" s="526"/>
      <c r="DG3" s="526"/>
      <c r="DH3" s="526"/>
      <c r="DI3" s="526"/>
      <c r="DJ3" s="526"/>
      <c r="DK3" s="526"/>
      <c r="DL3" s="526"/>
      <c r="DM3" s="526"/>
      <c r="DN3" s="526"/>
      <c r="DO3" s="526"/>
      <c r="DP3" s="526"/>
      <c r="DQ3" s="526"/>
      <c r="DR3" s="526"/>
      <c r="DS3" s="526"/>
      <c r="DT3" s="526"/>
      <c r="DU3" s="526"/>
      <c r="DV3" s="526"/>
      <c r="DW3" s="526"/>
      <c r="DX3" s="526"/>
      <c r="DY3" s="526"/>
      <c r="DZ3" s="526"/>
      <c r="EA3" s="526"/>
      <c r="EB3" s="526"/>
      <c r="EC3" s="526"/>
      <c r="ED3" s="526"/>
      <c r="EE3" s="526"/>
      <c r="EF3" s="526"/>
      <c r="EG3" s="526"/>
      <c r="EH3" s="526"/>
      <c r="EI3" s="526"/>
      <c r="EJ3" s="526"/>
      <c r="EK3" s="526"/>
      <c r="EL3" s="526"/>
      <c r="EM3" s="526"/>
      <c r="EN3" s="526"/>
      <c r="EO3" s="526"/>
      <c r="EP3" s="526"/>
      <c r="EQ3" s="526"/>
      <c r="ER3" s="526"/>
      <c r="ES3" s="526"/>
      <c r="ET3" s="526"/>
      <c r="EU3" s="526"/>
      <c r="EV3" s="526"/>
      <c r="EW3" s="526"/>
      <c r="EX3" s="526"/>
      <c r="EY3" s="526"/>
      <c r="EZ3" s="526"/>
      <c r="FA3" s="526"/>
      <c r="FB3" s="526"/>
      <c r="FC3" s="526"/>
      <c r="FD3" s="526"/>
      <c r="FE3" s="526"/>
      <c r="FF3" s="526"/>
      <c r="FG3" s="526"/>
      <c r="FH3" s="526"/>
      <c r="FI3" s="526"/>
      <c r="FJ3" s="526"/>
      <c r="FK3" s="526"/>
      <c r="FL3" s="526"/>
      <c r="FM3" s="526"/>
      <c r="FN3" s="526"/>
      <c r="FO3" s="526"/>
      <c r="FP3" s="526"/>
      <c r="FQ3" s="526"/>
      <c r="FR3" s="526"/>
      <c r="FS3" s="526"/>
      <c r="FT3" s="526"/>
      <c r="FU3" s="526"/>
      <c r="FV3" s="526"/>
      <c r="FW3" s="526"/>
      <c r="FX3" s="526"/>
      <c r="FY3" s="526"/>
      <c r="FZ3" s="526"/>
      <c r="GA3" s="526"/>
      <c r="GB3" s="526"/>
      <c r="GC3" s="526"/>
      <c r="GD3" s="526"/>
      <c r="GE3" s="526"/>
      <c r="GF3" s="526"/>
      <c r="GG3" s="526"/>
      <c r="GH3" s="526"/>
      <c r="GI3" s="526"/>
      <c r="GJ3" s="526"/>
      <c r="GK3" s="526"/>
      <c r="GL3" s="526"/>
      <c r="GM3" s="526"/>
      <c r="GN3" s="526"/>
      <c r="GO3" s="526"/>
      <c r="GP3" s="526"/>
      <c r="GQ3" s="527"/>
      <c r="GR3" s="526" t="s">
        <v>104</v>
      </c>
      <c r="GS3" s="526"/>
      <c r="GT3" s="526"/>
      <c r="GU3" s="526"/>
      <c r="GV3" s="526"/>
      <c r="GW3" s="526"/>
      <c r="GX3" s="526"/>
      <c r="GY3" s="526"/>
      <c r="GZ3" s="526"/>
      <c r="HA3" s="526"/>
      <c r="HB3" s="526"/>
      <c r="HC3" s="526"/>
      <c r="HD3" s="526"/>
      <c r="HE3" s="526"/>
      <c r="HF3" s="526"/>
      <c r="HG3" s="526"/>
      <c r="HH3" s="526"/>
      <c r="HI3" s="526"/>
      <c r="HJ3" s="526"/>
      <c r="HK3" s="526"/>
      <c r="HL3" s="526"/>
      <c r="HM3" s="526"/>
      <c r="HN3" s="526"/>
      <c r="HO3" s="526"/>
      <c r="HP3" s="526"/>
      <c r="HQ3" s="526"/>
      <c r="HR3" s="526"/>
      <c r="HS3" s="526"/>
      <c r="HT3" s="526"/>
      <c r="HU3" s="526"/>
      <c r="HV3" s="526"/>
      <c r="HW3" s="526"/>
      <c r="HX3" s="526"/>
      <c r="HY3" s="526"/>
      <c r="HZ3" s="526"/>
      <c r="IA3" s="526"/>
      <c r="IB3" s="526"/>
      <c r="IC3" s="526"/>
      <c r="ID3" s="526"/>
      <c r="IE3" s="526"/>
      <c r="IF3" s="526"/>
      <c r="IG3" s="526"/>
      <c r="IH3" s="526"/>
      <c r="II3" s="526"/>
      <c r="IJ3" s="526"/>
      <c r="IK3" s="526"/>
      <c r="IL3" s="526"/>
      <c r="IM3" s="526"/>
      <c r="IN3" s="526"/>
      <c r="IO3" s="526"/>
      <c r="IP3" s="526"/>
      <c r="IQ3" s="526"/>
      <c r="IR3" s="526"/>
      <c r="IS3" s="526"/>
      <c r="IT3" s="526"/>
      <c r="IU3" s="526"/>
      <c r="IV3" s="526"/>
      <c r="IW3" s="526"/>
      <c r="IX3" s="526"/>
      <c r="IY3" s="526"/>
      <c r="IZ3" s="526"/>
      <c r="JA3" s="526"/>
      <c r="JB3" s="526"/>
      <c r="JC3" s="526"/>
      <c r="JD3" s="526"/>
      <c r="JE3" s="526"/>
      <c r="JF3" s="526"/>
      <c r="JG3" s="526"/>
      <c r="JH3" s="526"/>
      <c r="JI3" s="526"/>
      <c r="JJ3" s="526"/>
      <c r="JK3" s="526"/>
      <c r="JL3" s="526"/>
      <c r="JM3" s="526"/>
      <c r="JN3" s="526"/>
      <c r="JO3" s="526"/>
      <c r="JP3" s="526"/>
      <c r="JQ3" s="526"/>
      <c r="JR3" s="526"/>
      <c r="JS3" s="526"/>
      <c r="JT3" s="526"/>
      <c r="JU3" s="526"/>
      <c r="JV3" s="526"/>
      <c r="JW3" s="526"/>
      <c r="JX3" s="526"/>
      <c r="JY3" s="526"/>
      <c r="JZ3" s="526"/>
      <c r="KA3" s="526"/>
      <c r="KB3" s="526"/>
      <c r="KC3" s="526"/>
      <c r="KD3" s="526"/>
      <c r="KE3" s="526"/>
      <c r="KF3" s="526"/>
      <c r="KG3" s="526"/>
      <c r="KH3" s="526"/>
      <c r="KI3" s="526"/>
      <c r="KJ3" s="526"/>
      <c r="KK3" s="526"/>
      <c r="KL3" s="527"/>
    </row>
    <row r="4" spans="1:298" ht="27.75" customHeight="1" thickBot="1" x14ac:dyDescent="0.25">
      <c r="A4" s="543"/>
      <c r="B4" s="528" t="s">
        <v>39</v>
      </c>
      <c r="C4" s="529"/>
      <c r="D4" s="529"/>
      <c r="E4" s="529"/>
      <c r="F4" s="529"/>
      <c r="G4" s="529"/>
      <c r="H4" s="529"/>
      <c r="I4" s="529"/>
      <c r="J4" s="529"/>
      <c r="K4" s="529"/>
      <c r="L4" s="529"/>
      <c r="M4" s="529"/>
      <c r="N4" s="529"/>
      <c r="O4" s="529"/>
      <c r="P4" s="529"/>
      <c r="Q4" s="529"/>
      <c r="R4" s="529"/>
      <c r="S4" s="529"/>
      <c r="T4" s="529"/>
      <c r="U4" s="529"/>
      <c r="V4" s="529"/>
      <c r="W4" s="529"/>
      <c r="X4" s="529"/>
      <c r="Y4" s="529"/>
      <c r="Z4" s="529"/>
      <c r="AA4" s="529"/>
      <c r="AB4" s="529"/>
      <c r="AC4" s="529"/>
      <c r="AD4" s="529"/>
      <c r="AE4" s="529"/>
      <c r="AF4" s="529"/>
      <c r="AG4" s="529"/>
      <c r="AH4" s="529"/>
      <c r="AI4" s="529"/>
      <c r="AJ4" s="529"/>
      <c r="AK4" s="529"/>
      <c r="AL4" s="529"/>
      <c r="AM4" s="529"/>
      <c r="AN4" s="529"/>
      <c r="AO4" s="529"/>
      <c r="AP4" s="529"/>
      <c r="AQ4" s="529"/>
      <c r="AR4" s="529"/>
      <c r="AS4" s="529"/>
      <c r="AT4" s="529"/>
      <c r="AU4" s="529"/>
      <c r="AV4" s="529"/>
      <c r="AW4" s="529"/>
      <c r="AX4" s="529"/>
      <c r="AY4" s="529"/>
      <c r="AZ4" s="529"/>
      <c r="BA4" s="529"/>
      <c r="BB4" s="529"/>
      <c r="BC4" s="529"/>
      <c r="BD4" s="529"/>
      <c r="BE4" s="529"/>
      <c r="BF4" s="529"/>
      <c r="BG4" s="529"/>
      <c r="BH4" s="529"/>
      <c r="BI4" s="529"/>
      <c r="BJ4" s="529"/>
      <c r="BK4" s="529"/>
      <c r="BL4" s="529"/>
      <c r="BM4" s="529"/>
      <c r="BN4" s="529"/>
      <c r="BO4" s="529"/>
      <c r="BP4" s="529"/>
      <c r="BQ4" s="529"/>
      <c r="BR4" s="529"/>
      <c r="BS4" s="529"/>
      <c r="BT4" s="529"/>
      <c r="BU4" s="529"/>
      <c r="BV4" s="529"/>
      <c r="BW4" s="529"/>
      <c r="BX4" s="529"/>
      <c r="BY4" s="529"/>
      <c r="BZ4" s="530"/>
      <c r="CA4" s="531" t="s">
        <v>40</v>
      </c>
      <c r="CB4" s="532"/>
      <c r="CC4" s="532"/>
      <c r="CD4" s="532"/>
      <c r="CE4" s="532"/>
      <c r="CF4" s="532"/>
      <c r="CG4" s="532"/>
      <c r="CH4" s="532"/>
      <c r="CI4" s="532"/>
      <c r="CJ4" s="532"/>
      <c r="CK4" s="533"/>
      <c r="CL4" s="531" t="s">
        <v>41</v>
      </c>
      <c r="CM4" s="532"/>
      <c r="CN4" s="532"/>
      <c r="CO4" s="532"/>
      <c r="CP4" s="532"/>
      <c r="CQ4" s="532"/>
      <c r="CR4" s="532"/>
      <c r="CS4" s="532"/>
      <c r="CT4" s="532"/>
      <c r="CU4" s="532"/>
      <c r="CV4" s="533"/>
      <c r="CW4" s="528" t="s">
        <v>39</v>
      </c>
      <c r="CX4" s="529"/>
      <c r="CY4" s="529"/>
      <c r="CZ4" s="529"/>
      <c r="DA4" s="529"/>
      <c r="DB4" s="529"/>
      <c r="DC4" s="529"/>
      <c r="DD4" s="529"/>
      <c r="DE4" s="529"/>
      <c r="DF4" s="529"/>
      <c r="DG4" s="529"/>
      <c r="DH4" s="529"/>
      <c r="DI4" s="529"/>
      <c r="DJ4" s="529"/>
      <c r="DK4" s="529"/>
      <c r="DL4" s="529"/>
      <c r="DM4" s="529"/>
      <c r="DN4" s="529"/>
      <c r="DO4" s="529"/>
      <c r="DP4" s="529"/>
      <c r="DQ4" s="529"/>
      <c r="DR4" s="529"/>
      <c r="DS4" s="529"/>
      <c r="DT4" s="529"/>
      <c r="DU4" s="529"/>
      <c r="DV4" s="529"/>
      <c r="DW4" s="529"/>
      <c r="DX4" s="529"/>
      <c r="DY4" s="529"/>
      <c r="DZ4" s="529"/>
      <c r="EA4" s="529"/>
      <c r="EB4" s="529"/>
      <c r="EC4" s="529"/>
      <c r="ED4" s="529"/>
      <c r="EE4" s="529"/>
      <c r="EF4" s="529"/>
      <c r="EG4" s="529"/>
      <c r="EH4" s="529"/>
      <c r="EI4" s="529"/>
      <c r="EJ4" s="529"/>
      <c r="EK4" s="529"/>
      <c r="EL4" s="529"/>
      <c r="EM4" s="529"/>
      <c r="EN4" s="529"/>
      <c r="EO4" s="529"/>
      <c r="EP4" s="529"/>
      <c r="EQ4" s="529"/>
      <c r="ER4" s="529"/>
      <c r="ES4" s="529"/>
      <c r="ET4" s="529"/>
      <c r="EU4" s="529"/>
      <c r="EV4" s="529"/>
      <c r="EW4" s="529"/>
      <c r="EX4" s="529"/>
      <c r="EY4" s="529"/>
      <c r="EZ4" s="529"/>
      <c r="FA4" s="529"/>
      <c r="FB4" s="529"/>
      <c r="FC4" s="529"/>
      <c r="FD4" s="529"/>
      <c r="FE4" s="529"/>
      <c r="FF4" s="529"/>
      <c r="FG4" s="529"/>
      <c r="FH4" s="529"/>
      <c r="FI4" s="529"/>
      <c r="FJ4" s="529"/>
      <c r="FK4" s="529"/>
      <c r="FL4" s="529"/>
      <c r="FM4" s="529"/>
      <c r="FN4" s="529"/>
      <c r="FO4" s="529"/>
      <c r="FP4" s="529"/>
      <c r="FQ4" s="529"/>
      <c r="FR4" s="529"/>
      <c r="FS4" s="529"/>
      <c r="FT4" s="529"/>
      <c r="FU4" s="530"/>
      <c r="FV4" s="531" t="s">
        <v>40</v>
      </c>
      <c r="FW4" s="532"/>
      <c r="FX4" s="532"/>
      <c r="FY4" s="532"/>
      <c r="FZ4" s="532"/>
      <c r="GA4" s="532"/>
      <c r="GB4" s="532"/>
      <c r="GC4" s="532"/>
      <c r="GD4" s="532"/>
      <c r="GE4" s="532"/>
      <c r="GF4" s="533"/>
      <c r="GG4" s="531" t="s">
        <v>41</v>
      </c>
      <c r="GH4" s="532"/>
      <c r="GI4" s="532"/>
      <c r="GJ4" s="532"/>
      <c r="GK4" s="532"/>
      <c r="GL4" s="532"/>
      <c r="GM4" s="532"/>
      <c r="GN4" s="532"/>
      <c r="GO4" s="532"/>
      <c r="GP4" s="532"/>
      <c r="GQ4" s="533"/>
      <c r="GR4" s="528" t="s">
        <v>39</v>
      </c>
      <c r="GS4" s="529"/>
      <c r="GT4" s="529"/>
      <c r="GU4" s="529"/>
      <c r="GV4" s="529"/>
      <c r="GW4" s="529"/>
      <c r="GX4" s="529"/>
      <c r="GY4" s="529"/>
      <c r="GZ4" s="529"/>
      <c r="HA4" s="529"/>
      <c r="HB4" s="529"/>
      <c r="HC4" s="529"/>
      <c r="HD4" s="529"/>
      <c r="HE4" s="529"/>
      <c r="HF4" s="529"/>
      <c r="HG4" s="529"/>
      <c r="HH4" s="529"/>
      <c r="HI4" s="529"/>
      <c r="HJ4" s="529"/>
      <c r="HK4" s="529"/>
      <c r="HL4" s="529"/>
      <c r="HM4" s="529"/>
      <c r="HN4" s="529"/>
      <c r="HO4" s="529"/>
      <c r="HP4" s="529"/>
      <c r="HQ4" s="529"/>
      <c r="HR4" s="529"/>
      <c r="HS4" s="529"/>
      <c r="HT4" s="529"/>
      <c r="HU4" s="529"/>
      <c r="HV4" s="529"/>
      <c r="HW4" s="529"/>
      <c r="HX4" s="529"/>
      <c r="HY4" s="529"/>
      <c r="HZ4" s="529"/>
      <c r="IA4" s="529"/>
      <c r="IB4" s="529"/>
      <c r="IC4" s="529"/>
      <c r="ID4" s="529"/>
      <c r="IE4" s="529"/>
      <c r="IF4" s="529"/>
      <c r="IG4" s="529"/>
      <c r="IH4" s="529"/>
      <c r="II4" s="529"/>
      <c r="IJ4" s="529"/>
      <c r="IK4" s="529"/>
      <c r="IL4" s="529"/>
      <c r="IM4" s="529"/>
      <c r="IN4" s="529"/>
      <c r="IO4" s="529"/>
      <c r="IP4" s="529"/>
      <c r="IQ4" s="529"/>
      <c r="IR4" s="529"/>
      <c r="IS4" s="529"/>
      <c r="IT4" s="529"/>
      <c r="IU4" s="529"/>
      <c r="IV4" s="529"/>
      <c r="IW4" s="529"/>
      <c r="IX4" s="529"/>
      <c r="IY4" s="529"/>
      <c r="IZ4" s="529"/>
      <c r="JA4" s="529"/>
      <c r="JB4" s="529"/>
      <c r="JC4" s="529"/>
      <c r="JD4" s="529"/>
      <c r="JE4" s="529"/>
      <c r="JF4" s="529"/>
      <c r="JG4" s="529"/>
      <c r="JH4" s="529"/>
      <c r="JI4" s="529"/>
      <c r="JJ4" s="529"/>
      <c r="JK4" s="529"/>
      <c r="JL4" s="529"/>
      <c r="JM4" s="529"/>
      <c r="JN4" s="529"/>
      <c r="JO4" s="529"/>
      <c r="JP4" s="530"/>
      <c r="JQ4" s="531" t="s">
        <v>40</v>
      </c>
      <c r="JR4" s="532"/>
      <c r="JS4" s="532"/>
      <c r="JT4" s="532"/>
      <c r="JU4" s="532"/>
      <c r="JV4" s="532"/>
      <c r="JW4" s="532"/>
      <c r="JX4" s="532"/>
      <c r="JY4" s="532"/>
      <c r="JZ4" s="532"/>
      <c r="KA4" s="533"/>
      <c r="KB4" s="531" t="s">
        <v>41</v>
      </c>
      <c r="KC4" s="532"/>
      <c r="KD4" s="532"/>
      <c r="KE4" s="532"/>
      <c r="KF4" s="532"/>
      <c r="KG4" s="532"/>
      <c r="KH4" s="532"/>
      <c r="KI4" s="532"/>
      <c r="KJ4" s="532"/>
      <c r="KK4" s="532"/>
      <c r="KL4" s="533"/>
    </row>
    <row r="5" spans="1:298" ht="27.75" customHeight="1" thickBot="1" x14ac:dyDescent="0.25">
      <c r="A5" s="537"/>
      <c r="B5" s="537"/>
      <c r="C5" s="538"/>
      <c r="D5" s="538"/>
      <c r="E5" s="538"/>
      <c r="F5" s="538"/>
      <c r="G5" s="538"/>
      <c r="H5" s="538"/>
      <c r="I5" s="538"/>
      <c r="J5" s="538"/>
      <c r="K5" s="538"/>
      <c r="L5" s="539"/>
      <c r="M5" s="540" t="s">
        <v>97</v>
      </c>
      <c r="N5" s="541"/>
      <c r="O5" s="541"/>
      <c r="P5" s="541"/>
      <c r="Q5" s="541"/>
      <c r="R5" s="541"/>
      <c r="S5" s="541"/>
      <c r="T5" s="541"/>
      <c r="U5" s="541"/>
      <c r="V5" s="541"/>
      <c r="W5" s="542"/>
      <c r="X5" s="540" t="s">
        <v>98</v>
      </c>
      <c r="Y5" s="541"/>
      <c r="Z5" s="541"/>
      <c r="AA5" s="541"/>
      <c r="AB5" s="541"/>
      <c r="AC5" s="541"/>
      <c r="AD5" s="541"/>
      <c r="AE5" s="541"/>
      <c r="AF5" s="541"/>
      <c r="AG5" s="541"/>
      <c r="AH5" s="542"/>
      <c r="AI5" s="540" t="s">
        <v>99</v>
      </c>
      <c r="AJ5" s="541"/>
      <c r="AK5" s="541"/>
      <c r="AL5" s="541"/>
      <c r="AM5" s="541"/>
      <c r="AN5" s="541"/>
      <c r="AO5" s="541"/>
      <c r="AP5" s="541"/>
      <c r="AQ5" s="541"/>
      <c r="AR5" s="541"/>
      <c r="AS5" s="542"/>
      <c r="AT5" s="540" t="s">
        <v>100</v>
      </c>
      <c r="AU5" s="541"/>
      <c r="AV5" s="541"/>
      <c r="AW5" s="541"/>
      <c r="AX5" s="541"/>
      <c r="AY5" s="541"/>
      <c r="AZ5" s="541"/>
      <c r="BA5" s="541"/>
      <c r="BB5" s="541"/>
      <c r="BC5" s="541"/>
      <c r="BD5" s="542"/>
      <c r="BE5" s="540" t="s">
        <v>101</v>
      </c>
      <c r="BF5" s="541"/>
      <c r="BG5" s="541"/>
      <c r="BH5" s="541"/>
      <c r="BI5" s="541"/>
      <c r="BJ5" s="541"/>
      <c r="BK5" s="541"/>
      <c r="BL5" s="541"/>
      <c r="BM5" s="541"/>
      <c r="BN5" s="541"/>
      <c r="BO5" s="542"/>
      <c r="BP5" s="540" t="s">
        <v>102</v>
      </c>
      <c r="BQ5" s="541"/>
      <c r="BR5" s="541"/>
      <c r="BS5" s="541"/>
      <c r="BT5" s="541"/>
      <c r="BU5" s="541"/>
      <c r="BV5" s="541"/>
      <c r="BW5" s="541"/>
      <c r="BX5" s="541"/>
      <c r="BY5" s="541"/>
      <c r="BZ5" s="542"/>
      <c r="CA5" s="534"/>
      <c r="CB5" s="535"/>
      <c r="CC5" s="535"/>
      <c r="CD5" s="535"/>
      <c r="CE5" s="535"/>
      <c r="CF5" s="535"/>
      <c r="CG5" s="535"/>
      <c r="CH5" s="535"/>
      <c r="CI5" s="535"/>
      <c r="CJ5" s="535"/>
      <c r="CK5" s="536"/>
      <c r="CL5" s="534"/>
      <c r="CM5" s="535"/>
      <c r="CN5" s="535"/>
      <c r="CO5" s="535"/>
      <c r="CP5" s="535"/>
      <c r="CQ5" s="535"/>
      <c r="CR5" s="535"/>
      <c r="CS5" s="535"/>
      <c r="CT5" s="535"/>
      <c r="CU5" s="535"/>
      <c r="CV5" s="536"/>
      <c r="CW5" s="537"/>
      <c r="CX5" s="538"/>
      <c r="CY5" s="538"/>
      <c r="CZ5" s="538"/>
      <c r="DA5" s="538"/>
      <c r="DB5" s="538"/>
      <c r="DC5" s="538"/>
      <c r="DD5" s="538"/>
      <c r="DE5" s="538"/>
      <c r="DF5" s="538"/>
      <c r="DG5" s="539"/>
      <c r="DH5" s="540" t="s">
        <v>97</v>
      </c>
      <c r="DI5" s="541"/>
      <c r="DJ5" s="541"/>
      <c r="DK5" s="541"/>
      <c r="DL5" s="541"/>
      <c r="DM5" s="541"/>
      <c r="DN5" s="541"/>
      <c r="DO5" s="541"/>
      <c r="DP5" s="541"/>
      <c r="DQ5" s="541"/>
      <c r="DR5" s="542"/>
      <c r="DS5" s="540" t="s">
        <v>98</v>
      </c>
      <c r="DT5" s="541"/>
      <c r="DU5" s="541"/>
      <c r="DV5" s="541"/>
      <c r="DW5" s="541"/>
      <c r="DX5" s="541"/>
      <c r="DY5" s="541"/>
      <c r="DZ5" s="541"/>
      <c r="EA5" s="541"/>
      <c r="EB5" s="541"/>
      <c r="EC5" s="542"/>
      <c r="ED5" s="540" t="s">
        <v>99</v>
      </c>
      <c r="EE5" s="541"/>
      <c r="EF5" s="541"/>
      <c r="EG5" s="541"/>
      <c r="EH5" s="541"/>
      <c r="EI5" s="541"/>
      <c r="EJ5" s="541"/>
      <c r="EK5" s="541"/>
      <c r="EL5" s="541"/>
      <c r="EM5" s="541"/>
      <c r="EN5" s="542"/>
      <c r="EO5" s="540" t="s">
        <v>100</v>
      </c>
      <c r="EP5" s="541"/>
      <c r="EQ5" s="541"/>
      <c r="ER5" s="541"/>
      <c r="ES5" s="541"/>
      <c r="ET5" s="541"/>
      <c r="EU5" s="541"/>
      <c r="EV5" s="541"/>
      <c r="EW5" s="541"/>
      <c r="EX5" s="541"/>
      <c r="EY5" s="542"/>
      <c r="EZ5" s="540" t="s">
        <v>101</v>
      </c>
      <c r="FA5" s="541"/>
      <c r="FB5" s="541"/>
      <c r="FC5" s="541"/>
      <c r="FD5" s="541"/>
      <c r="FE5" s="541"/>
      <c r="FF5" s="541"/>
      <c r="FG5" s="541"/>
      <c r="FH5" s="541"/>
      <c r="FI5" s="541"/>
      <c r="FJ5" s="542"/>
      <c r="FK5" s="540" t="s">
        <v>102</v>
      </c>
      <c r="FL5" s="541"/>
      <c r="FM5" s="541"/>
      <c r="FN5" s="541"/>
      <c r="FO5" s="541"/>
      <c r="FP5" s="541"/>
      <c r="FQ5" s="541"/>
      <c r="FR5" s="541"/>
      <c r="FS5" s="541"/>
      <c r="FT5" s="541"/>
      <c r="FU5" s="542"/>
      <c r="FV5" s="534"/>
      <c r="FW5" s="535"/>
      <c r="FX5" s="535"/>
      <c r="FY5" s="535"/>
      <c r="FZ5" s="535"/>
      <c r="GA5" s="535"/>
      <c r="GB5" s="535"/>
      <c r="GC5" s="535"/>
      <c r="GD5" s="535"/>
      <c r="GE5" s="535"/>
      <c r="GF5" s="536"/>
      <c r="GG5" s="534"/>
      <c r="GH5" s="535"/>
      <c r="GI5" s="535"/>
      <c r="GJ5" s="535"/>
      <c r="GK5" s="535"/>
      <c r="GL5" s="535"/>
      <c r="GM5" s="535"/>
      <c r="GN5" s="535"/>
      <c r="GO5" s="535"/>
      <c r="GP5" s="535"/>
      <c r="GQ5" s="536"/>
      <c r="GR5" s="537"/>
      <c r="GS5" s="538"/>
      <c r="GT5" s="538"/>
      <c r="GU5" s="538"/>
      <c r="GV5" s="538"/>
      <c r="GW5" s="538"/>
      <c r="GX5" s="538"/>
      <c r="GY5" s="538"/>
      <c r="GZ5" s="538"/>
      <c r="HA5" s="538"/>
      <c r="HB5" s="539"/>
      <c r="HC5" s="540" t="s">
        <v>97</v>
      </c>
      <c r="HD5" s="541"/>
      <c r="HE5" s="541"/>
      <c r="HF5" s="541"/>
      <c r="HG5" s="541"/>
      <c r="HH5" s="541"/>
      <c r="HI5" s="541"/>
      <c r="HJ5" s="541"/>
      <c r="HK5" s="541"/>
      <c r="HL5" s="541"/>
      <c r="HM5" s="542"/>
      <c r="HN5" s="540" t="s">
        <v>98</v>
      </c>
      <c r="HO5" s="541"/>
      <c r="HP5" s="541"/>
      <c r="HQ5" s="541"/>
      <c r="HR5" s="541"/>
      <c r="HS5" s="541"/>
      <c r="HT5" s="541"/>
      <c r="HU5" s="541"/>
      <c r="HV5" s="541"/>
      <c r="HW5" s="541"/>
      <c r="HX5" s="542"/>
      <c r="HY5" s="540" t="s">
        <v>99</v>
      </c>
      <c r="HZ5" s="541"/>
      <c r="IA5" s="541"/>
      <c r="IB5" s="541"/>
      <c r="IC5" s="541"/>
      <c r="ID5" s="541"/>
      <c r="IE5" s="541"/>
      <c r="IF5" s="541"/>
      <c r="IG5" s="541"/>
      <c r="IH5" s="541"/>
      <c r="II5" s="542"/>
      <c r="IJ5" s="540" t="s">
        <v>100</v>
      </c>
      <c r="IK5" s="541"/>
      <c r="IL5" s="541"/>
      <c r="IM5" s="541"/>
      <c r="IN5" s="541"/>
      <c r="IO5" s="541"/>
      <c r="IP5" s="541"/>
      <c r="IQ5" s="541"/>
      <c r="IR5" s="541"/>
      <c r="IS5" s="541"/>
      <c r="IT5" s="542"/>
      <c r="IU5" s="540" t="s">
        <v>101</v>
      </c>
      <c r="IV5" s="541"/>
      <c r="IW5" s="541"/>
      <c r="IX5" s="541"/>
      <c r="IY5" s="541"/>
      <c r="IZ5" s="541"/>
      <c r="JA5" s="541"/>
      <c r="JB5" s="541"/>
      <c r="JC5" s="541"/>
      <c r="JD5" s="541"/>
      <c r="JE5" s="542"/>
      <c r="JF5" s="540" t="s">
        <v>102</v>
      </c>
      <c r="JG5" s="541"/>
      <c r="JH5" s="541"/>
      <c r="JI5" s="541"/>
      <c r="JJ5" s="541"/>
      <c r="JK5" s="541"/>
      <c r="JL5" s="541"/>
      <c r="JM5" s="541"/>
      <c r="JN5" s="541"/>
      <c r="JO5" s="541"/>
      <c r="JP5" s="542"/>
      <c r="JQ5" s="534"/>
      <c r="JR5" s="535"/>
      <c r="JS5" s="535"/>
      <c r="JT5" s="535"/>
      <c r="JU5" s="535"/>
      <c r="JV5" s="535"/>
      <c r="JW5" s="535"/>
      <c r="JX5" s="535"/>
      <c r="JY5" s="535"/>
      <c r="JZ5" s="535"/>
      <c r="KA5" s="536"/>
      <c r="KB5" s="534"/>
      <c r="KC5" s="535"/>
      <c r="KD5" s="535"/>
      <c r="KE5" s="535"/>
      <c r="KF5" s="535"/>
      <c r="KG5" s="535"/>
      <c r="KH5" s="535"/>
      <c r="KI5" s="535"/>
      <c r="KJ5" s="535"/>
      <c r="KK5" s="535"/>
      <c r="KL5" s="536"/>
    </row>
    <row r="6" spans="1:298" ht="44.25" customHeight="1" thickBot="1" x14ac:dyDescent="0.25">
      <c r="A6" s="396" t="s">
        <v>42</v>
      </c>
      <c r="B6" s="51" t="s">
        <v>43</v>
      </c>
      <c r="C6" s="47" t="s">
        <v>44</v>
      </c>
      <c r="D6" s="48" t="s">
        <v>45</v>
      </c>
      <c r="E6" s="52" t="s">
        <v>46</v>
      </c>
      <c r="F6" s="47" t="s">
        <v>47</v>
      </c>
      <c r="G6" s="47" t="s">
        <v>48</v>
      </c>
      <c r="H6" s="47" t="s">
        <v>49</v>
      </c>
      <c r="I6" s="47" t="s">
        <v>50</v>
      </c>
      <c r="J6" s="47" t="s">
        <v>51</v>
      </c>
      <c r="K6" s="48" t="s">
        <v>45</v>
      </c>
      <c r="L6" s="394" t="s">
        <v>52</v>
      </c>
      <c r="M6" s="400" t="s">
        <v>43</v>
      </c>
      <c r="N6" s="401" t="s">
        <v>44</v>
      </c>
      <c r="O6" s="402" t="s">
        <v>45</v>
      </c>
      <c r="P6" s="403" t="s">
        <v>46</v>
      </c>
      <c r="Q6" s="401" t="s">
        <v>47</v>
      </c>
      <c r="R6" s="401" t="s">
        <v>48</v>
      </c>
      <c r="S6" s="401" t="s">
        <v>49</v>
      </c>
      <c r="T6" s="401" t="s">
        <v>50</v>
      </c>
      <c r="U6" s="401" t="s">
        <v>51</v>
      </c>
      <c r="V6" s="402" t="s">
        <v>45</v>
      </c>
      <c r="W6" s="399" t="s">
        <v>52</v>
      </c>
      <c r="X6" s="400" t="s">
        <v>43</v>
      </c>
      <c r="Y6" s="401" t="s">
        <v>44</v>
      </c>
      <c r="Z6" s="402" t="s">
        <v>45</v>
      </c>
      <c r="AA6" s="403" t="s">
        <v>46</v>
      </c>
      <c r="AB6" s="401" t="s">
        <v>47</v>
      </c>
      <c r="AC6" s="401" t="s">
        <v>48</v>
      </c>
      <c r="AD6" s="401" t="s">
        <v>49</v>
      </c>
      <c r="AE6" s="401" t="s">
        <v>50</v>
      </c>
      <c r="AF6" s="401" t="s">
        <v>51</v>
      </c>
      <c r="AG6" s="402" t="s">
        <v>45</v>
      </c>
      <c r="AH6" s="404" t="s">
        <v>52</v>
      </c>
      <c r="AI6" s="400" t="s">
        <v>43</v>
      </c>
      <c r="AJ6" s="401" t="s">
        <v>44</v>
      </c>
      <c r="AK6" s="402" t="s">
        <v>45</v>
      </c>
      <c r="AL6" s="403" t="s">
        <v>46</v>
      </c>
      <c r="AM6" s="401" t="s">
        <v>47</v>
      </c>
      <c r="AN6" s="401" t="s">
        <v>48</v>
      </c>
      <c r="AO6" s="401" t="s">
        <v>49</v>
      </c>
      <c r="AP6" s="401" t="s">
        <v>50</v>
      </c>
      <c r="AQ6" s="401" t="s">
        <v>51</v>
      </c>
      <c r="AR6" s="402" t="s">
        <v>45</v>
      </c>
      <c r="AS6" s="404" t="s">
        <v>52</v>
      </c>
      <c r="AT6" s="400" t="s">
        <v>43</v>
      </c>
      <c r="AU6" s="401" t="s">
        <v>44</v>
      </c>
      <c r="AV6" s="402" t="s">
        <v>45</v>
      </c>
      <c r="AW6" s="403" t="s">
        <v>46</v>
      </c>
      <c r="AX6" s="401" t="s">
        <v>47</v>
      </c>
      <c r="AY6" s="401" t="s">
        <v>48</v>
      </c>
      <c r="AZ6" s="401" t="s">
        <v>49</v>
      </c>
      <c r="BA6" s="401" t="s">
        <v>50</v>
      </c>
      <c r="BB6" s="401" t="s">
        <v>51</v>
      </c>
      <c r="BC6" s="402" t="s">
        <v>45</v>
      </c>
      <c r="BD6" s="404" t="s">
        <v>52</v>
      </c>
      <c r="BE6" s="400" t="s">
        <v>43</v>
      </c>
      <c r="BF6" s="401" t="s">
        <v>44</v>
      </c>
      <c r="BG6" s="402" t="s">
        <v>45</v>
      </c>
      <c r="BH6" s="403" t="s">
        <v>46</v>
      </c>
      <c r="BI6" s="401" t="s">
        <v>47</v>
      </c>
      <c r="BJ6" s="401" t="s">
        <v>48</v>
      </c>
      <c r="BK6" s="401" t="s">
        <v>49</v>
      </c>
      <c r="BL6" s="401" t="s">
        <v>50</v>
      </c>
      <c r="BM6" s="401" t="s">
        <v>51</v>
      </c>
      <c r="BN6" s="402" t="s">
        <v>45</v>
      </c>
      <c r="BO6" s="404" t="s">
        <v>52</v>
      </c>
      <c r="BP6" s="400" t="s">
        <v>43</v>
      </c>
      <c r="BQ6" s="401" t="s">
        <v>44</v>
      </c>
      <c r="BR6" s="402" t="s">
        <v>45</v>
      </c>
      <c r="BS6" s="403" t="s">
        <v>46</v>
      </c>
      <c r="BT6" s="401" t="s">
        <v>47</v>
      </c>
      <c r="BU6" s="401" t="s">
        <v>48</v>
      </c>
      <c r="BV6" s="401" t="s">
        <v>49</v>
      </c>
      <c r="BW6" s="401" t="s">
        <v>50</v>
      </c>
      <c r="BX6" s="401" t="s">
        <v>51</v>
      </c>
      <c r="BY6" s="402" t="s">
        <v>45</v>
      </c>
      <c r="BZ6" s="404" t="s">
        <v>52</v>
      </c>
      <c r="CA6" s="400" t="s">
        <v>43</v>
      </c>
      <c r="CB6" s="401" t="s">
        <v>44</v>
      </c>
      <c r="CC6" s="402" t="s">
        <v>45</v>
      </c>
      <c r="CD6" s="403" t="s">
        <v>46</v>
      </c>
      <c r="CE6" s="401" t="s">
        <v>47</v>
      </c>
      <c r="CF6" s="401" t="s">
        <v>48</v>
      </c>
      <c r="CG6" s="401" t="s">
        <v>49</v>
      </c>
      <c r="CH6" s="401" t="s">
        <v>50</v>
      </c>
      <c r="CI6" s="401" t="s">
        <v>51</v>
      </c>
      <c r="CJ6" s="402" t="s">
        <v>45</v>
      </c>
      <c r="CK6" s="404" t="s">
        <v>52</v>
      </c>
      <c r="CL6" s="400" t="s">
        <v>43</v>
      </c>
      <c r="CM6" s="401" t="s">
        <v>44</v>
      </c>
      <c r="CN6" s="402" t="s">
        <v>45</v>
      </c>
      <c r="CO6" s="403" t="s">
        <v>46</v>
      </c>
      <c r="CP6" s="401" t="s">
        <v>47</v>
      </c>
      <c r="CQ6" s="401" t="s">
        <v>48</v>
      </c>
      <c r="CR6" s="401" t="s">
        <v>49</v>
      </c>
      <c r="CS6" s="401" t="s">
        <v>50</v>
      </c>
      <c r="CT6" s="401" t="s">
        <v>51</v>
      </c>
      <c r="CU6" s="402" t="s">
        <v>45</v>
      </c>
      <c r="CV6" s="404" t="s">
        <v>52</v>
      </c>
      <c r="CW6" s="51" t="s">
        <v>43</v>
      </c>
      <c r="CX6" s="47" t="s">
        <v>44</v>
      </c>
      <c r="CY6" s="48" t="s">
        <v>45</v>
      </c>
      <c r="CZ6" s="52" t="s">
        <v>46</v>
      </c>
      <c r="DA6" s="47" t="s">
        <v>47</v>
      </c>
      <c r="DB6" s="47" t="s">
        <v>48</v>
      </c>
      <c r="DC6" s="47" t="s">
        <v>49</v>
      </c>
      <c r="DD6" s="47" t="s">
        <v>50</v>
      </c>
      <c r="DE6" s="47" t="s">
        <v>51</v>
      </c>
      <c r="DF6" s="48" t="s">
        <v>45</v>
      </c>
      <c r="DG6" s="394" t="s">
        <v>52</v>
      </c>
      <c r="DH6" s="400" t="s">
        <v>43</v>
      </c>
      <c r="DI6" s="401" t="s">
        <v>44</v>
      </c>
      <c r="DJ6" s="402" t="s">
        <v>45</v>
      </c>
      <c r="DK6" s="403" t="s">
        <v>46</v>
      </c>
      <c r="DL6" s="401" t="s">
        <v>47</v>
      </c>
      <c r="DM6" s="401" t="s">
        <v>48</v>
      </c>
      <c r="DN6" s="401" t="s">
        <v>49</v>
      </c>
      <c r="DO6" s="401" t="s">
        <v>50</v>
      </c>
      <c r="DP6" s="401" t="s">
        <v>51</v>
      </c>
      <c r="DQ6" s="402" t="s">
        <v>45</v>
      </c>
      <c r="DR6" s="404" t="s">
        <v>52</v>
      </c>
      <c r="DS6" s="400" t="s">
        <v>43</v>
      </c>
      <c r="DT6" s="401" t="s">
        <v>44</v>
      </c>
      <c r="DU6" s="402" t="s">
        <v>45</v>
      </c>
      <c r="DV6" s="403" t="s">
        <v>46</v>
      </c>
      <c r="DW6" s="401" t="s">
        <v>47</v>
      </c>
      <c r="DX6" s="401" t="s">
        <v>48</v>
      </c>
      <c r="DY6" s="401" t="s">
        <v>49</v>
      </c>
      <c r="DZ6" s="401" t="s">
        <v>50</v>
      </c>
      <c r="EA6" s="401" t="s">
        <v>51</v>
      </c>
      <c r="EB6" s="402" t="s">
        <v>45</v>
      </c>
      <c r="EC6" s="404" t="s">
        <v>52</v>
      </c>
      <c r="ED6" s="400" t="s">
        <v>43</v>
      </c>
      <c r="EE6" s="401" t="s">
        <v>44</v>
      </c>
      <c r="EF6" s="402" t="s">
        <v>45</v>
      </c>
      <c r="EG6" s="403" t="s">
        <v>46</v>
      </c>
      <c r="EH6" s="401" t="s">
        <v>47</v>
      </c>
      <c r="EI6" s="401" t="s">
        <v>48</v>
      </c>
      <c r="EJ6" s="401" t="s">
        <v>49</v>
      </c>
      <c r="EK6" s="401" t="s">
        <v>50</v>
      </c>
      <c r="EL6" s="401" t="s">
        <v>51</v>
      </c>
      <c r="EM6" s="402" t="s">
        <v>45</v>
      </c>
      <c r="EN6" s="404" t="s">
        <v>52</v>
      </c>
      <c r="EO6" s="400" t="s">
        <v>43</v>
      </c>
      <c r="EP6" s="401" t="s">
        <v>44</v>
      </c>
      <c r="EQ6" s="402" t="s">
        <v>45</v>
      </c>
      <c r="ER6" s="403" t="s">
        <v>46</v>
      </c>
      <c r="ES6" s="401" t="s">
        <v>47</v>
      </c>
      <c r="ET6" s="401" t="s">
        <v>48</v>
      </c>
      <c r="EU6" s="401" t="s">
        <v>49</v>
      </c>
      <c r="EV6" s="401" t="s">
        <v>50</v>
      </c>
      <c r="EW6" s="401" t="s">
        <v>51</v>
      </c>
      <c r="EX6" s="402" t="s">
        <v>45</v>
      </c>
      <c r="EY6" s="404" t="s">
        <v>52</v>
      </c>
      <c r="EZ6" s="400" t="s">
        <v>43</v>
      </c>
      <c r="FA6" s="401" t="s">
        <v>44</v>
      </c>
      <c r="FB6" s="402" t="s">
        <v>45</v>
      </c>
      <c r="FC6" s="403" t="s">
        <v>46</v>
      </c>
      <c r="FD6" s="401" t="s">
        <v>47</v>
      </c>
      <c r="FE6" s="401" t="s">
        <v>48</v>
      </c>
      <c r="FF6" s="401" t="s">
        <v>49</v>
      </c>
      <c r="FG6" s="401" t="s">
        <v>50</v>
      </c>
      <c r="FH6" s="401" t="s">
        <v>51</v>
      </c>
      <c r="FI6" s="402" t="s">
        <v>45</v>
      </c>
      <c r="FJ6" s="404" t="s">
        <v>52</v>
      </c>
      <c r="FK6" s="400" t="s">
        <v>43</v>
      </c>
      <c r="FL6" s="401" t="s">
        <v>44</v>
      </c>
      <c r="FM6" s="402" t="s">
        <v>45</v>
      </c>
      <c r="FN6" s="403" t="s">
        <v>46</v>
      </c>
      <c r="FO6" s="401" t="s">
        <v>47</v>
      </c>
      <c r="FP6" s="401" t="s">
        <v>48</v>
      </c>
      <c r="FQ6" s="401" t="s">
        <v>49</v>
      </c>
      <c r="FR6" s="401" t="s">
        <v>50</v>
      </c>
      <c r="FS6" s="401" t="s">
        <v>51</v>
      </c>
      <c r="FT6" s="402" t="s">
        <v>45</v>
      </c>
      <c r="FU6" s="404" t="s">
        <v>52</v>
      </c>
      <c r="FV6" s="400" t="s">
        <v>43</v>
      </c>
      <c r="FW6" s="401" t="s">
        <v>44</v>
      </c>
      <c r="FX6" s="402" t="s">
        <v>45</v>
      </c>
      <c r="FY6" s="403" t="s">
        <v>46</v>
      </c>
      <c r="FZ6" s="401" t="s">
        <v>47</v>
      </c>
      <c r="GA6" s="401" t="s">
        <v>48</v>
      </c>
      <c r="GB6" s="401" t="s">
        <v>49</v>
      </c>
      <c r="GC6" s="401" t="s">
        <v>50</v>
      </c>
      <c r="GD6" s="401" t="s">
        <v>51</v>
      </c>
      <c r="GE6" s="402" t="s">
        <v>45</v>
      </c>
      <c r="GF6" s="404" t="s">
        <v>52</v>
      </c>
      <c r="GG6" s="400" t="s">
        <v>43</v>
      </c>
      <c r="GH6" s="401" t="s">
        <v>44</v>
      </c>
      <c r="GI6" s="402" t="s">
        <v>45</v>
      </c>
      <c r="GJ6" s="403" t="s">
        <v>46</v>
      </c>
      <c r="GK6" s="401" t="s">
        <v>47</v>
      </c>
      <c r="GL6" s="401" t="s">
        <v>48</v>
      </c>
      <c r="GM6" s="401" t="s">
        <v>49</v>
      </c>
      <c r="GN6" s="401" t="s">
        <v>50</v>
      </c>
      <c r="GO6" s="401" t="s">
        <v>51</v>
      </c>
      <c r="GP6" s="402" t="s">
        <v>45</v>
      </c>
      <c r="GQ6" s="404" t="s">
        <v>52</v>
      </c>
      <c r="GR6" s="51" t="s">
        <v>43</v>
      </c>
      <c r="GS6" s="47" t="s">
        <v>44</v>
      </c>
      <c r="GT6" s="48" t="s">
        <v>45</v>
      </c>
      <c r="GU6" s="52" t="s">
        <v>46</v>
      </c>
      <c r="GV6" s="47" t="s">
        <v>47</v>
      </c>
      <c r="GW6" s="47" t="s">
        <v>48</v>
      </c>
      <c r="GX6" s="47" t="s">
        <v>49</v>
      </c>
      <c r="GY6" s="47" t="s">
        <v>50</v>
      </c>
      <c r="GZ6" s="47" t="s">
        <v>51</v>
      </c>
      <c r="HA6" s="48" t="s">
        <v>45</v>
      </c>
      <c r="HB6" s="394" t="s">
        <v>52</v>
      </c>
      <c r="HC6" s="400" t="s">
        <v>43</v>
      </c>
      <c r="HD6" s="401" t="s">
        <v>44</v>
      </c>
      <c r="HE6" s="402" t="s">
        <v>45</v>
      </c>
      <c r="HF6" s="403" t="s">
        <v>46</v>
      </c>
      <c r="HG6" s="401" t="s">
        <v>47</v>
      </c>
      <c r="HH6" s="401" t="s">
        <v>48</v>
      </c>
      <c r="HI6" s="401" t="s">
        <v>49</v>
      </c>
      <c r="HJ6" s="401" t="s">
        <v>50</v>
      </c>
      <c r="HK6" s="401" t="s">
        <v>51</v>
      </c>
      <c r="HL6" s="402" t="s">
        <v>45</v>
      </c>
      <c r="HM6" s="404" t="s">
        <v>52</v>
      </c>
      <c r="HN6" s="400" t="s">
        <v>43</v>
      </c>
      <c r="HO6" s="401" t="s">
        <v>44</v>
      </c>
      <c r="HP6" s="402" t="s">
        <v>45</v>
      </c>
      <c r="HQ6" s="403" t="s">
        <v>46</v>
      </c>
      <c r="HR6" s="401" t="s">
        <v>47</v>
      </c>
      <c r="HS6" s="401" t="s">
        <v>48</v>
      </c>
      <c r="HT6" s="401" t="s">
        <v>49</v>
      </c>
      <c r="HU6" s="401" t="s">
        <v>50</v>
      </c>
      <c r="HV6" s="401" t="s">
        <v>51</v>
      </c>
      <c r="HW6" s="402" t="s">
        <v>45</v>
      </c>
      <c r="HX6" s="404" t="s">
        <v>52</v>
      </c>
      <c r="HY6" s="400" t="s">
        <v>43</v>
      </c>
      <c r="HZ6" s="401" t="s">
        <v>44</v>
      </c>
      <c r="IA6" s="402" t="s">
        <v>45</v>
      </c>
      <c r="IB6" s="403" t="s">
        <v>46</v>
      </c>
      <c r="IC6" s="401" t="s">
        <v>47</v>
      </c>
      <c r="ID6" s="401" t="s">
        <v>48</v>
      </c>
      <c r="IE6" s="401" t="s">
        <v>49</v>
      </c>
      <c r="IF6" s="401" t="s">
        <v>50</v>
      </c>
      <c r="IG6" s="401" t="s">
        <v>51</v>
      </c>
      <c r="IH6" s="402" t="s">
        <v>45</v>
      </c>
      <c r="II6" s="404" t="s">
        <v>52</v>
      </c>
      <c r="IJ6" s="400" t="s">
        <v>43</v>
      </c>
      <c r="IK6" s="401" t="s">
        <v>44</v>
      </c>
      <c r="IL6" s="402" t="s">
        <v>45</v>
      </c>
      <c r="IM6" s="403" t="s">
        <v>46</v>
      </c>
      <c r="IN6" s="401" t="s">
        <v>47</v>
      </c>
      <c r="IO6" s="401" t="s">
        <v>48</v>
      </c>
      <c r="IP6" s="401" t="s">
        <v>49</v>
      </c>
      <c r="IQ6" s="401" t="s">
        <v>50</v>
      </c>
      <c r="IR6" s="401" t="s">
        <v>51</v>
      </c>
      <c r="IS6" s="402" t="s">
        <v>45</v>
      </c>
      <c r="IT6" s="404" t="s">
        <v>52</v>
      </c>
      <c r="IU6" s="400" t="s">
        <v>43</v>
      </c>
      <c r="IV6" s="401" t="s">
        <v>44</v>
      </c>
      <c r="IW6" s="402" t="s">
        <v>45</v>
      </c>
      <c r="IX6" s="403" t="s">
        <v>46</v>
      </c>
      <c r="IY6" s="401" t="s">
        <v>47</v>
      </c>
      <c r="IZ6" s="401" t="s">
        <v>48</v>
      </c>
      <c r="JA6" s="401" t="s">
        <v>49</v>
      </c>
      <c r="JB6" s="401" t="s">
        <v>50</v>
      </c>
      <c r="JC6" s="401" t="s">
        <v>51</v>
      </c>
      <c r="JD6" s="402" t="s">
        <v>45</v>
      </c>
      <c r="JE6" s="404" t="s">
        <v>52</v>
      </c>
      <c r="JF6" s="400" t="s">
        <v>43</v>
      </c>
      <c r="JG6" s="401" t="s">
        <v>44</v>
      </c>
      <c r="JH6" s="402" t="s">
        <v>45</v>
      </c>
      <c r="JI6" s="403" t="s">
        <v>46</v>
      </c>
      <c r="JJ6" s="401" t="s">
        <v>47</v>
      </c>
      <c r="JK6" s="401" t="s">
        <v>48</v>
      </c>
      <c r="JL6" s="401" t="s">
        <v>49</v>
      </c>
      <c r="JM6" s="401" t="s">
        <v>50</v>
      </c>
      <c r="JN6" s="401" t="s">
        <v>51</v>
      </c>
      <c r="JO6" s="402" t="s">
        <v>45</v>
      </c>
      <c r="JP6" s="404" t="s">
        <v>52</v>
      </c>
      <c r="JQ6" s="400" t="s">
        <v>43</v>
      </c>
      <c r="JR6" s="401" t="s">
        <v>44</v>
      </c>
      <c r="JS6" s="402" t="s">
        <v>45</v>
      </c>
      <c r="JT6" s="403" t="s">
        <v>46</v>
      </c>
      <c r="JU6" s="401" t="s">
        <v>47</v>
      </c>
      <c r="JV6" s="401" t="s">
        <v>48</v>
      </c>
      <c r="JW6" s="401" t="s">
        <v>49</v>
      </c>
      <c r="JX6" s="401" t="s">
        <v>50</v>
      </c>
      <c r="JY6" s="401" t="s">
        <v>51</v>
      </c>
      <c r="JZ6" s="402" t="s">
        <v>45</v>
      </c>
      <c r="KA6" s="404" t="s">
        <v>52</v>
      </c>
      <c r="KB6" s="400" t="s">
        <v>43</v>
      </c>
      <c r="KC6" s="401" t="s">
        <v>44</v>
      </c>
      <c r="KD6" s="402" t="s">
        <v>45</v>
      </c>
      <c r="KE6" s="403" t="s">
        <v>46</v>
      </c>
      <c r="KF6" s="401" t="s">
        <v>47</v>
      </c>
      <c r="KG6" s="401" t="s">
        <v>48</v>
      </c>
      <c r="KH6" s="401" t="s">
        <v>49</v>
      </c>
      <c r="KI6" s="401" t="s">
        <v>50</v>
      </c>
      <c r="KJ6" s="401" t="s">
        <v>51</v>
      </c>
      <c r="KK6" s="402" t="s">
        <v>45</v>
      </c>
      <c r="KL6" s="404" t="s">
        <v>52</v>
      </c>
    </row>
    <row r="7" spans="1:298" ht="19.5" customHeight="1" x14ac:dyDescent="0.2">
      <c r="A7" s="395" t="s">
        <v>4</v>
      </c>
      <c r="B7" s="349">
        <v>3195</v>
      </c>
      <c r="C7" s="78">
        <v>2984</v>
      </c>
      <c r="D7" s="79">
        <v>6179</v>
      </c>
      <c r="E7" s="272"/>
      <c r="F7" s="78">
        <v>4170</v>
      </c>
      <c r="G7" s="78">
        <v>3869</v>
      </c>
      <c r="H7" s="78">
        <v>2354</v>
      </c>
      <c r="I7" s="78">
        <v>2077</v>
      </c>
      <c r="J7" s="78">
        <v>1344</v>
      </c>
      <c r="K7" s="80">
        <v>13814</v>
      </c>
      <c r="L7" s="81">
        <v>19993</v>
      </c>
      <c r="M7" s="66">
        <v>94</v>
      </c>
      <c r="N7" s="67">
        <v>124</v>
      </c>
      <c r="O7" s="68">
        <v>218</v>
      </c>
      <c r="P7" s="275"/>
      <c r="Q7" s="67">
        <v>116</v>
      </c>
      <c r="R7" s="67">
        <v>160</v>
      </c>
      <c r="S7" s="67">
        <v>85</v>
      </c>
      <c r="T7" s="67">
        <v>82</v>
      </c>
      <c r="U7" s="67">
        <v>68</v>
      </c>
      <c r="V7" s="68">
        <v>511</v>
      </c>
      <c r="W7" s="69">
        <v>729</v>
      </c>
      <c r="X7" s="66">
        <v>239</v>
      </c>
      <c r="Y7" s="67">
        <v>266</v>
      </c>
      <c r="Z7" s="68">
        <v>505</v>
      </c>
      <c r="AA7" s="275"/>
      <c r="AB7" s="67">
        <v>305</v>
      </c>
      <c r="AC7" s="67">
        <v>325</v>
      </c>
      <c r="AD7" s="67">
        <v>213</v>
      </c>
      <c r="AE7" s="67">
        <v>179</v>
      </c>
      <c r="AF7" s="67">
        <v>153</v>
      </c>
      <c r="AG7" s="68">
        <v>1175</v>
      </c>
      <c r="AH7" s="69">
        <v>1680</v>
      </c>
      <c r="AI7" s="66">
        <v>375</v>
      </c>
      <c r="AJ7" s="67">
        <v>356</v>
      </c>
      <c r="AK7" s="68">
        <v>731</v>
      </c>
      <c r="AL7" s="275"/>
      <c r="AM7" s="67">
        <v>476</v>
      </c>
      <c r="AN7" s="67">
        <v>440</v>
      </c>
      <c r="AO7" s="67">
        <v>257</v>
      </c>
      <c r="AP7" s="67">
        <v>262</v>
      </c>
      <c r="AQ7" s="67">
        <v>189</v>
      </c>
      <c r="AR7" s="68">
        <v>1624</v>
      </c>
      <c r="AS7" s="69">
        <v>2355</v>
      </c>
      <c r="AT7" s="66">
        <v>752</v>
      </c>
      <c r="AU7" s="67">
        <v>662</v>
      </c>
      <c r="AV7" s="68">
        <v>1414</v>
      </c>
      <c r="AW7" s="275"/>
      <c r="AX7" s="67">
        <v>947</v>
      </c>
      <c r="AY7" s="67">
        <v>783</v>
      </c>
      <c r="AZ7" s="67">
        <v>525</v>
      </c>
      <c r="BA7" s="67">
        <v>388</v>
      </c>
      <c r="BB7" s="67">
        <v>282</v>
      </c>
      <c r="BC7" s="68">
        <v>2925</v>
      </c>
      <c r="BD7" s="69">
        <v>4339</v>
      </c>
      <c r="BE7" s="66">
        <v>998</v>
      </c>
      <c r="BF7" s="67">
        <v>838</v>
      </c>
      <c r="BG7" s="68">
        <v>1836</v>
      </c>
      <c r="BH7" s="275"/>
      <c r="BI7" s="67">
        <v>1206</v>
      </c>
      <c r="BJ7" s="67">
        <v>1008</v>
      </c>
      <c r="BK7" s="67">
        <v>601</v>
      </c>
      <c r="BL7" s="67">
        <v>548</v>
      </c>
      <c r="BM7" s="67">
        <v>302</v>
      </c>
      <c r="BN7" s="68">
        <v>3665</v>
      </c>
      <c r="BO7" s="69">
        <v>5501</v>
      </c>
      <c r="BP7" s="66">
        <v>737</v>
      </c>
      <c r="BQ7" s="67">
        <v>738</v>
      </c>
      <c r="BR7" s="68">
        <v>1475</v>
      </c>
      <c r="BS7" s="275"/>
      <c r="BT7" s="67">
        <v>1120</v>
      </c>
      <c r="BU7" s="67">
        <v>1153</v>
      </c>
      <c r="BV7" s="67">
        <v>673</v>
      </c>
      <c r="BW7" s="67">
        <v>618</v>
      </c>
      <c r="BX7" s="67">
        <v>350</v>
      </c>
      <c r="BY7" s="68">
        <v>3914</v>
      </c>
      <c r="BZ7" s="69">
        <v>5389</v>
      </c>
      <c r="CA7" s="66">
        <v>0</v>
      </c>
      <c r="CB7" s="67">
        <v>0</v>
      </c>
      <c r="CC7" s="68">
        <v>0</v>
      </c>
      <c r="CD7" s="275"/>
      <c r="CE7" s="67">
        <v>0</v>
      </c>
      <c r="CF7" s="67">
        <v>0</v>
      </c>
      <c r="CG7" s="67">
        <v>0</v>
      </c>
      <c r="CH7" s="67">
        <v>0</v>
      </c>
      <c r="CI7" s="67">
        <v>0</v>
      </c>
      <c r="CJ7" s="68">
        <v>0</v>
      </c>
      <c r="CK7" s="69">
        <v>0</v>
      </c>
      <c r="CL7" s="66">
        <v>3195</v>
      </c>
      <c r="CM7" s="67">
        <v>2984</v>
      </c>
      <c r="CN7" s="68">
        <v>6179</v>
      </c>
      <c r="CO7" s="275"/>
      <c r="CP7" s="67">
        <v>4170</v>
      </c>
      <c r="CQ7" s="67">
        <v>3869</v>
      </c>
      <c r="CR7" s="67">
        <v>2354</v>
      </c>
      <c r="CS7" s="67">
        <v>2077</v>
      </c>
      <c r="CT7" s="67">
        <v>1344</v>
      </c>
      <c r="CU7" s="68">
        <v>13814</v>
      </c>
      <c r="CV7" s="69">
        <v>19993</v>
      </c>
      <c r="CW7" s="125">
        <v>1158</v>
      </c>
      <c r="CX7" s="78">
        <v>1283</v>
      </c>
      <c r="CY7" s="79">
        <v>2441</v>
      </c>
      <c r="CZ7" s="272"/>
      <c r="DA7" s="78">
        <v>1667</v>
      </c>
      <c r="DB7" s="78">
        <v>1546</v>
      </c>
      <c r="DC7" s="78">
        <v>1035</v>
      </c>
      <c r="DD7" s="78">
        <v>1062</v>
      </c>
      <c r="DE7" s="78">
        <v>754</v>
      </c>
      <c r="DF7" s="80">
        <v>6064</v>
      </c>
      <c r="DG7" s="81">
        <v>8505</v>
      </c>
      <c r="DH7" s="66">
        <v>33</v>
      </c>
      <c r="DI7" s="67">
        <v>26</v>
      </c>
      <c r="DJ7" s="68">
        <v>59</v>
      </c>
      <c r="DK7" s="275"/>
      <c r="DL7" s="67">
        <v>29</v>
      </c>
      <c r="DM7" s="67">
        <v>38</v>
      </c>
      <c r="DN7" s="67">
        <v>24</v>
      </c>
      <c r="DO7" s="67">
        <v>15</v>
      </c>
      <c r="DP7" s="67">
        <v>8</v>
      </c>
      <c r="DQ7" s="68">
        <v>114</v>
      </c>
      <c r="DR7" s="69">
        <v>173</v>
      </c>
      <c r="DS7" s="66">
        <v>95</v>
      </c>
      <c r="DT7" s="67">
        <v>83</v>
      </c>
      <c r="DU7" s="68">
        <v>178</v>
      </c>
      <c r="DV7" s="275"/>
      <c r="DW7" s="67">
        <v>94</v>
      </c>
      <c r="DX7" s="67">
        <v>76</v>
      </c>
      <c r="DY7" s="67">
        <v>54</v>
      </c>
      <c r="DZ7" s="67">
        <v>43</v>
      </c>
      <c r="EA7" s="67">
        <v>28</v>
      </c>
      <c r="EB7" s="68">
        <v>295</v>
      </c>
      <c r="EC7" s="69">
        <v>473</v>
      </c>
      <c r="ED7" s="66">
        <v>175</v>
      </c>
      <c r="EE7" s="67">
        <v>166</v>
      </c>
      <c r="EF7" s="68">
        <v>341</v>
      </c>
      <c r="EG7" s="275"/>
      <c r="EH7" s="67">
        <v>189</v>
      </c>
      <c r="EI7" s="67">
        <v>134</v>
      </c>
      <c r="EJ7" s="67">
        <v>73</v>
      </c>
      <c r="EK7" s="67">
        <v>68</v>
      </c>
      <c r="EL7" s="67">
        <v>55</v>
      </c>
      <c r="EM7" s="68">
        <v>519</v>
      </c>
      <c r="EN7" s="69">
        <v>860</v>
      </c>
      <c r="EO7" s="66">
        <v>286</v>
      </c>
      <c r="EP7" s="67">
        <v>302</v>
      </c>
      <c r="EQ7" s="68">
        <v>588</v>
      </c>
      <c r="ER7" s="275"/>
      <c r="ES7" s="67">
        <v>356</v>
      </c>
      <c r="ET7" s="67">
        <v>262</v>
      </c>
      <c r="EU7" s="67">
        <v>150</v>
      </c>
      <c r="EV7" s="67">
        <v>142</v>
      </c>
      <c r="EW7" s="67">
        <v>117</v>
      </c>
      <c r="EX7" s="68">
        <v>1027</v>
      </c>
      <c r="EY7" s="69">
        <v>1615</v>
      </c>
      <c r="EZ7" s="66">
        <v>348</v>
      </c>
      <c r="FA7" s="67">
        <v>376</v>
      </c>
      <c r="FB7" s="68">
        <v>724</v>
      </c>
      <c r="FC7" s="275"/>
      <c r="FD7" s="67">
        <v>496</v>
      </c>
      <c r="FE7" s="67">
        <v>463</v>
      </c>
      <c r="FF7" s="67">
        <v>286</v>
      </c>
      <c r="FG7" s="67">
        <v>239</v>
      </c>
      <c r="FH7" s="67">
        <v>195</v>
      </c>
      <c r="FI7" s="68">
        <v>1679</v>
      </c>
      <c r="FJ7" s="69">
        <v>2403</v>
      </c>
      <c r="FK7" s="66">
        <v>221</v>
      </c>
      <c r="FL7" s="67">
        <v>330</v>
      </c>
      <c r="FM7" s="68">
        <v>551</v>
      </c>
      <c r="FN7" s="275"/>
      <c r="FO7" s="67">
        <v>503</v>
      </c>
      <c r="FP7" s="67">
        <v>573</v>
      </c>
      <c r="FQ7" s="67">
        <v>448</v>
      </c>
      <c r="FR7" s="67">
        <v>555</v>
      </c>
      <c r="FS7" s="67">
        <v>351</v>
      </c>
      <c r="FT7" s="68">
        <v>2430</v>
      </c>
      <c r="FU7" s="69">
        <v>2981</v>
      </c>
      <c r="FV7" s="66">
        <v>0</v>
      </c>
      <c r="FW7" s="67">
        <v>0</v>
      </c>
      <c r="FX7" s="68">
        <v>0</v>
      </c>
      <c r="FY7" s="275"/>
      <c r="FZ7" s="67">
        <v>0</v>
      </c>
      <c r="GA7" s="67">
        <v>0</v>
      </c>
      <c r="GB7" s="67">
        <v>0</v>
      </c>
      <c r="GC7" s="67">
        <v>0</v>
      </c>
      <c r="GD7" s="67">
        <v>0</v>
      </c>
      <c r="GE7" s="68">
        <v>0</v>
      </c>
      <c r="GF7" s="69">
        <v>0</v>
      </c>
      <c r="GG7" s="66">
        <v>1158</v>
      </c>
      <c r="GH7" s="67">
        <v>1283</v>
      </c>
      <c r="GI7" s="68">
        <v>2441</v>
      </c>
      <c r="GJ7" s="275"/>
      <c r="GK7" s="67">
        <v>1667</v>
      </c>
      <c r="GL7" s="67">
        <v>1546</v>
      </c>
      <c r="GM7" s="67">
        <v>1035</v>
      </c>
      <c r="GN7" s="67">
        <v>1062</v>
      </c>
      <c r="GO7" s="67">
        <v>754</v>
      </c>
      <c r="GP7" s="68">
        <v>6064</v>
      </c>
      <c r="GQ7" s="69">
        <v>8505</v>
      </c>
      <c r="GR7" s="125">
        <v>4353</v>
      </c>
      <c r="GS7" s="78">
        <v>4267</v>
      </c>
      <c r="GT7" s="79">
        <v>8620</v>
      </c>
      <c r="GU7" s="272"/>
      <c r="GV7" s="78">
        <v>5837</v>
      </c>
      <c r="GW7" s="78">
        <v>5415</v>
      </c>
      <c r="GX7" s="78">
        <v>3389</v>
      </c>
      <c r="GY7" s="78">
        <v>3139</v>
      </c>
      <c r="GZ7" s="78">
        <v>2098</v>
      </c>
      <c r="HA7" s="80">
        <v>19878</v>
      </c>
      <c r="HB7" s="81">
        <v>28498</v>
      </c>
      <c r="HC7" s="66">
        <v>127</v>
      </c>
      <c r="HD7" s="67">
        <v>150</v>
      </c>
      <c r="HE7" s="68">
        <v>277</v>
      </c>
      <c r="HF7" s="275"/>
      <c r="HG7" s="67">
        <v>145</v>
      </c>
      <c r="HH7" s="67">
        <v>198</v>
      </c>
      <c r="HI7" s="67">
        <v>109</v>
      </c>
      <c r="HJ7" s="67">
        <v>97</v>
      </c>
      <c r="HK7" s="67">
        <v>76</v>
      </c>
      <c r="HL7" s="68">
        <v>625</v>
      </c>
      <c r="HM7" s="69">
        <v>902</v>
      </c>
      <c r="HN7" s="66">
        <v>334</v>
      </c>
      <c r="HO7" s="67">
        <v>349</v>
      </c>
      <c r="HP7" s="68">
        <v>683</v>
      </c>
      <c r="HQ7" s="275"/>
      <c r="HR7" s="67">
        <v>399</v>
      </c>
      <c r="HS7" s="67">
        <v>401</v>
      </c>
      <c r="HT7" s="67">
        <v>267</v>
      </c>
      <c r="HU7" s="67">
        <v>222</v>
      </c>
      <c r="HV7" s="67">
        <v>181</v>
      </c>
      <c r="HW7" s="68">
        <v>1470</v>
      </c>
      <c r="HX7" s="69">
        <v>2153</v>
      </c>
      <c r="HY7" s="66">
        <v>550</v>
      </c>
      <c r="HZ7" s="67">
        <v>522</v>
      </c>
      <c r="IA7" s="68">
        <v>1072</v>
      </c>
      <c r="IB7" s="275"/>
      <c r="IC7" s="67">
        <v>665</v>
      </c>
      <c r="ID7" s="67">
        <v>574</v>
      </c>
      <c r="IE7" s="67">
        <v>330</v>
      </c>
      <c r="IF7" s="67">
        <v>330</v>
      </c>
      <c r="IG7" s="67">
        <v>244</v>
      </c>
      <c r="IH7" s="68">
        <v>2143</v>
      </c>
      <c r="II7" s="69">
        <v>3215</v>
      </c>
      <c r="IJ7" s="66">
        <v>1038</v>
      </c>
      <c r="IK7" s="67">
        <v>964</v>
      </c>
      <c r="IL7" s="68">
        <v>2002</v>
      </c>
      <c r="IM7" s="275"/>
      <c r="IN7" s="67">
        <v>1303</v>
      </c>
      <c r="IO7" s="67">
        <v>1045</v>
      </c>
      <c r="IP7" s="67">
        <v>675</v>
      </c>
      <c r="IQ7" s="67">
        <v>530</v>
      </c>
      <c r="IR7" s="67">
        <v>399</v>
      </c>
      <c r="IS7" s="68">
        <v>3952</v>
      </c>
      <c r="IT7" s="69">
        <v>5954</v>
      </c>
      <c r="IU7" s="66">
        <v>1346</v>
      </c>
      <c r="IV7" s="67">
        <v>1214</v>
      </c>
      <c r="IW7" s="68">
        <v>2560</v>
      </c>
      <c r="IX7" s="275"/>
      <c r="IY7" s="67">
        <v>1702</v>
      </c>
      <c r="IZ7" s="67">
        <v>1471</v>
      </c>
      <c r="JA7" s="67">
        <v>887</v>
      </c>
      <c r="JB7" s="67">
        <v>787</v>
      </c>
      <c r="JC7" s="67">
        <v>497</v>
      </c>
      <c r="JD7" s="68">
        <v>5344</v>
      </c>
      <c r="JE7" s="69">
        <v>7904</v>
      </c>
      <c r="JF7" s="66">
        <v>958</v>
      </c>
      <c r="JG7" s="67">
        <v>1068</v>
      </c>
      <c r="JH7" s="68">
        <v>2026</v>
      </c>
      <c r="JI7" s="275"/>
      <c r="JJ7" s="67">
        <v>1623</v>
      </c>
      <c r="JK7" s="67">
        <v>1726</v>
      </c>
      <c r="JL7" s="67">
        <v>1121</v>
      </c>
      <c r="JM7" s="67">
        <v>1173</v>
      </c>
      <c r="JN7" s="67">
        <v>701</v>
      </c>
      <c r="JO7" s="68">
        <v>6344</v>
      </c>
      <c r="JP7" s="69">
        <v>8370</v>
      </c>
      <c r="JQ7" s="66">
        <v>0</v>
      </c>
      <c r="JR7" s="67">
        <v>0</v>
      </c>
      <c r="JS7" s="68">
        <v>0</v>
      </c>
      <c r="JT7" s="275"/>
      <c r="JU7" s="67">
        <v>0</v>
      </c>
      <c r="JV7" s="67">
        <v>0</v>
      </c>
      <c r="JW7" s="67">
        <v>0</v>
      </c>
      <c r="JX7" s="67">
        <v>0</v>
      </c>
      <c r="JY7" s="67">
        <v>0</v>
      </c>
      <c r="JZ7" s="68">
        <v>0</v>
      </c>
      <c r="KA7" s="69">
        <v>0</v>
      </c>
      <c r="KB7" s="66">
        <v>4353</v>
      </c>
      <c r="KC7" s="67">
        <v>4267</v>
      </c>
      <c r="KD7" s="68">
        <v>8620</v>
      </c>
      <c r="KE7" s="275"/>
      <c r="KF7" s="67">
        <v>5837</v>
      </c>
      <c r="KG7" s="67">
        <v>5415</v>
      </c>
      <c r="KH7" s="67">
        <v>3389</v>
      </c>
      <c r="KI7" s="67">
        <v>3139</v>
      </c>
      <c r="KJ7" s="67">
        <v>2098</v>
      </c>
      <c r="KK7" s="68">
        <v>19878</v>
      </c>
      <c r="KL7" s="69">
        <v>28498</v>
      </c>
    </row>
    <row r="8" spans="1:298" ht="19.5" customHeight="1" x14ac:dyDescent="0.2">
      <c r="A8" s="129" t="s">
        <v>5</v>
      </c>
      <c r="B8" s="350">
        <v>1431</v>
      </c>
      <c r="C8" s="82">
        <v>1552</v>
      </c>
      <c r="D8" s="83">
        <v>2983</v>
      </c>
      <c r="E8" s="273"/>
      <c r="F8" s="82">
        <v>1559</v>
      </c>
      <c r="G8" s="82">
        <v>1898</v>
      </c>
      <c r="H8" s="82">
        <v>1047</v>
      </c>
      <c r="I8" s="82">
        <v>881</v>
      </c>
      <c r="J8" s="82">
        <v>600</v>
      </c>
      <c r="K8" s="84">
        <v>5985</v>
      </c>
      <c r="L8" s="85">
        <v>8968</v>
      </c>
      <c r="M8" s="70">
        <v>43</v>
      </c>
      <c r="N8" s="71">
        <v>59</v>
      </c>
      <c r="O8" s="72">
        <v>102</v>
      </c>
      <c r="P8" s="276"/>
      <c r="Q8" s="71">
        <v>37</v>
      </c>
      <c r="R8" s="71">
        <v>79</v>
      </c>
      <c r="S8" s="71">
        <v>36</v>
      </c>
      <c r="T8" s="71">
        <v>32</v>
      </c>
      <c r="U8" s="71">
        <v>27</v>
      </c>
      <c r="V8" s="72">
        <v>211</v>
      </c>
      <c r="W8" s="73">
        <v>313</v>
      </c>
      <c r="X8" s="70">
        <v>92</v>
      </c>
      <c r="Y8" s="71">
        <v>145</v>
      </c>
      <c r="Z8" s="72">
        <v>237</v>
      </c>
      <c r="AA8" s="276"/>
      <c r="AB8" s="71">
        <v>85</v>
      </c>
      <c r="AC8" s="71">
        <v>125</v>
      </c>
      <c r="AD8" s="71">
        <v>89</v>
      </c>
      <c r="AE8" s="71">
        <v>76</v>
      </c>
      <c r="AF8" s="71">
        <v>72</v>
      </c>
      <c r="AG8" s="72">
        <v>447</v>
      </c>
      <c r="AH8" s="73">
        <v>684</v>
      </c>
      <c r="AI8" s="70">
        <v>177</v>
      </c>
      <c r="AJ8" s="71">
        <v>194</v>
      </c>
      <c r="AK8" s="72">
        <v>371</v>
      </c>
      <c r="AL8" s="276"/>
      <c r="AM8" s="71">
        <v>153</v>
      </c>
      <c r="AN8" s="71">
        <v>211</v>
      </c>
      <c r="AO8" s="71">
        <v>93</v>
      </c>
      <c r="AP8" s="71">
        <v>112</v>
      </c>
      <c r="AQ8" s="71">
        <v>82</v>
      </c>
      <c r="AR8" s="72">
        <v>651</v>
      </c>
      <c r="AS8" s="73">
        <v>1022</v>
      </c>
      <c r="AT8" s="70">
        <v>337</v>
      </c>
      <c r="AU8" s="71">
        <v>333</v>
      </c>
      <c r="AV8" s="72">
        <v>670</v>
      </c>
      <c r="AW8" s="276"/>
      <c r="AX8" s="71">
        <v>352</v>
      </c>
      <c r="AY8" s="71">
        <v>374</v>
      </c>
      <c r="AZ8" s="71">
        <v>234</v>
      </c>
      <c r="BA8" s="71">
        <v>168</v>
      </c>
      <c r="BB8" s="71">
        <v>129</v>
      </c>
      <c r="BC8" s="72">
        <v>1257</v>
      </c>
      <c r="BD8" s="73">
        <v>1927</v>
      </c>
      <c r="BE8" s="70">
        <v>453</v>
      </c>
      <c r="BF8" s="71">
        <v>439</v>
      </c>
      <c r="BG8" s="72">
        <v>892</v>
      </c>
      <c r="BH8" s="276"/>
      <c r="BI8" s="71">
        <v>497</v>
      </c>
      <c r="BJ8" s="71">
        <v>493</v>
      </c>
      <c r="BK8" s="71">
        <v>267</v>
      </c>
      <c r="BL8" s="71">
        <v>213</v>
      </c>
      <c r="BM8" s="71">
        <v>130</v>
      </c>
      <c r="BN8" s="72">
        <v>1600</v>
      </c>
      <c r="BO8" s="73">
        <v>2492</v>
      </c>
      <c r="BP8" s="70">
        <v>329</v>
      </c>
      <c r="BQ8" s="71">
        <v>382</v>
      </c>
      <c r="BR8" s="72">
        <v>711</v>
      </c>
      <c r="BS8" s="276"/>
      <c r="BT8" s="71">
        <v>435</v>
      </c>
      <c r="BU8" s="71">
        <v>616</v>
      </c>
      <c r="BV8" s="71">
        <v>328</v>
      </c>
      <c r="BW8" s="71">
        <v>280</v>
      </c>
      <c r="BX8" s="71">
        <v>160</v>
      </c>
      <c r="BY8" s="72">
        <v>1819</v>
      </c>
      <c r="BZ8" s="73">
        <v>2530</v>
      </c>
      <c r="CA8" s="70">
        <v>0</v>
      </c>
      <c r="CB8" s="71">
        <v>0</v>
      </c>
      <c r="CC8" s="72">
        <v>0</v>
      </c>
      <c r="CD8" s="276"/>
      <c r="CE8" s="71">
        <v>0</v>
      </c>
      <c r="CF8" s="71">
        <v>0</v>
      </c>
      <c r="CG8" s="71">
        <v>0</v>
      </c>
      <c r="CH8" s="71">
        <v>0</v>
      </c>
      <c r="CI8" s="71">
        <v>0</v>
      </c>
      <c r="CJ8" s="72">
        <v>0</v>
      </c>
      <c r="CK8" s="73">
        <v>0</v>
      </c>
      <c r="CL8" s="70">
        <v>1431</v>
      </c>
      <c r="CM8" s="71">
        <v>1552</v>
      </c>
      <c r="CN8" s="72">
        <v>2983</v>
      </c>
      <c r="CO8" s="276"/>
      <c r="CP8" s="71">
        <v>1559</v>
      </c>
      <c r="CQ8" s="71">
        <v>1898</v>
      </c>
      <c r="CR8" s="71">
        <v>1047</v>
      </c>
      <c r="CS8" s="71">
        <v>881</v>
      </c>
      <c r="CT8" s="71">
        <v>600</v>
      </c>
      <c r="CU8" s="72">
        <v>5985</v>
      </c>
      <c r="CV8" s="73">
        <v>8968</v>
      </c>
      <c r="CW8" s="126">
        <v>477</v>
      </c>
      <c r="CX8" s="82">
        <v>601</v>
      </c>
      <c r="CY8" s="83">
        <v>1078</v>
      </c>
      <c r="CZ8" s="273"/>
      <c r="DA8" s="82">
        <v>589</v>
      </c>
      <c r="DB8" s="82">
        <v>783</v>
      </c>
      <c r="DC8" s="82">
        <v>446</v>
      </c>
      <c r="DD8" s="82">
        <v>473</v>
      </c>
      <c r="DE8" s="82">
        <v>342</v>
      </c>
      <c r="DF8" s="84">
        <v>2633</v>
      </c>
      <c r="DG8" s="85">
        <v>3711</v>
      </c>
      <c r="DH8" s="70">
        <v>14</v>
      </c>
      <c r="DI8" s="71">
        <v>17</v>
      </c>
      <c r="DJ8" s="72">
        <v>31</v>
      </c>
      <c r="DK8" s="276"/>
      <c r="DL8" s="71">
        <v>8</v>
      </c>
      <c r="DM8" s="71">
        <v>25</v>
      </c>
      <c r="DN8" s="71">
        <v>8</v>
      </c>
      <c r="DO8" s="71">
        <v>8</v>
      </c>
      <c r="DP8" s="71">
        <v>3</v>
      </c>
      <c r="DQ8" s="72">
        <v>52</v>
      </c>
      <c r="DR8" s="73">
        <v>83</v>
      </c>
      <c r="DS8" s="70">
        <v>38</v>
      </c>
      <c r="DT8" s="71">
        <v>39</v>
      </c>
      <c r="DU8" s="72">
        <v>77</v>
      </c>
      <c r="DV8" s="276"/>
      <c r="DW8" s="71">
        <v>31</v>
      </c>
      <c r="DX8" s="71">
        <v>39</v>
      </c>
      <c r="DY8" s="71">
        <v>19</v>
      </c>
      <c r="DZ8" s="71">
        <v>22</v>
      </c>
      <c r="EA8" s="71">
        <v>14</v>
      </c>
      <c r="EB8" s="72">
        <v>125</v>
      </c>
      <c r="EC8" s="73">
        <v>202</v>
      </c>
      <c r="ED8" s="70">
        <v>70</v>
      </c>
      <c r="EE8" s="71">
        <v>78</v>
      </c>
      <c r="EF8" s="72">
        <v>148</v>
      </c>
      <c r="EG8" s="276"/>
      <c r="EH8" s="71">
        <v>62</v>
      </c>
      <c r="EI8" s="71">
        <v>66</v>
      </c>
      <c r="EJ8" s="71">
        <v>35</v>
      </c>
      <c r="EK8" s="71">
        <v>28</v>
      </c>
      <c r="EL8" s="71">
        <v>28</v>
      </c>
      <c r="EM8" s="72">
        <v>219</v>
      </c>
      <c r="EN8" s="73">
        <v>367</v>
      </c>
      <c r="EO8" s="70">
        <v>116</v>
      </c>
      <c r="EP8" s="71">
        <v>137</v>
      </c>
      <c r="EQ8" s="72">
        <v>253</v>
      </c>
      <c r="ER8" s="276"/>
      <c r="ES8" s="71">
        <v>127</v>
      </c>
      <c r="ET8" s="71">
        <v>128</v>
      </c>
      <c r="EU8" s="71">
        <v>70</v>
      </c>
      <c r="EV8" s="71">
        <v>75</v>
      </c>
      <c r="EW8" s="71">
        <v>39</v>
      </c>
      <c r="EX8" s="72">
        <v>439</v>
      </c>
      <c r="EY8" s="73">
        <v>692</v>
      </c>
      <c r="EZ8" s="70">
        <v>147</v>
      </c>
      <c r="FA8" s="71">
        <v>176</v>
      </c>
      <c r="FB8" s="72">
        <v>323</v>
      </c>
      <c r="FC8" s="276"/>
      <c r="FD8" s="71">
        <v>182</v>
      </c>
      <c r="FE8" s="71">
        <v>245</v>
      </c>
      <c r="FF8" s="71">
        <v>134</v>
      </c>
      <c r="FG8" s="71">
        <v>116</v>
      </c>
      <c r="FH8" s="71">
        <v>106</v>
      </c>
      <c r="FI8" s="72">
        <v>783</v>
      </c>
      <c r="FJ8" s="73">
        <v>1106</v>
      </c>
      <c r="FK8" s="70">
        <v>92</v>
      </c>
      <c r="FL8" s="71">
        <v>154</v>
      </c>
      <c r="FM8" s="72">
        <v>246</v>
      </c>
      <c r="FN8" s="276"/>
      <c r="FO8" s="71">
        <v>179</v>
      </c>
      <c r="FP8" s="71">
        <v>280</v>
      </c>
      <c r="FQ8" s="71">
        <v>180</v>
      </c>
      <c r="FR8" s="71">
        <v>224</v>
      </c>
      <c r="FS8" s="71">
        <v>152</v>
      </c>
      <c r="FT8" s="72">
        <v>1015</v>
      </c>
      <c r="FU8" s="73">
        <v>1261</v>
      </c>
      <c r="FV8" s="70">
        <v>0</v>
      </c>
      <c r="FW8" s="71">
        <v>0</v>
      </c>
      <c r="FX8" s="72">
        <v>0</v>
      </c>
      <c r="FY8" s="276"/>
      <c r="FZ8" s="71">
        <v>0</v>
      </c>
      <c r="GA8" s="71">
        <v>0</v>
      </c>
      <c r="GB8" s="71">
        <v>0</v>
      </c>
      <c r="GC8" s="71">
        <v>0</v>
      </c>
      <c r="GD8" s="71">
        <v>0</v>
      </c>
      <c r="GE8" s="72">
        <v>0</v>
      </c>
      <c r="GF8" s="73">
        <v>0</v>
      </c>
      <c r="GG8" s="70">
        <v>477</v>
      </c>
      <c r="GH8" s="71">
        <v>601</v>
      </c>
      <c r="GI8" s="72">
        <v>1078</v>
      </c>
      <c r="GJ8" s="276"/>
      <c r="GK8" s="71">
        <v>589</v>
      </c>
      <c r="GL8" s="71">
        <v>783</v>
      </c>
      <c r="GM8" s="71">
        <v>446</v>
      </c>
      <c r="GN8" s="71">
        <v>473</v>
      </c>
      <c r="GO8" s="71">
        <v>342</v>
      </c>
      <c r="GP8" s="72">
        <v>2633</v>
      </c>
      <c r="GQ8" s="73">
        <v>3711</v>
      </c>
      <c r="GR8" s="126">
        <v>1908</v>
      </c>
      <c r="GS8" s="82">
        <v>2153</v>
      </c>
      <c r="GT8" s="83">
        <v>4061</v>
      </c>
      <c r="GU8" s="273"/>
      <c r="GV8" s="82">
        <v>2148</v>
      </c>
      <c r="GW8" s="82">
        <v>2681</v>
      </c>
      <c r="GX8" s="82">
        <v>1493</v>
      </c>
      <c r="GY8" s="82">
        <v>1354</v>
      </c>
      <c r="GZ8" s="82">
        <v>942</v>
      </c>
      <c r="HA8" s="84">
        <v>8618</v>
      </c>
      <c r="HB8" s="85">
        <v>12679</v>
      </c>
      <c r="HC8" s="70">
        <v>57</v>
      </c>
      <c r="HD8" s="71">
        <v>76</v>
      </c>
      <c r="HE8" s="72">
        <v>133</v>
      </c>
      <c r="HF8" s="276"/>
      <c r="HG8" s="71">
        <v>45</v>
      </c>
      <c r="HH8" s="71">
        <v>104</v>
      </c>
      <c r="HI8" s="71">
        <v>44</v>
      </c>
      <c r="HJ8" s="71">
        <v>40</v>
      </c>
      <c r="HK8" s="71">
        <v>30</v>
      </c>
      <c r="HL8" s="72">
        <v>263</v>
      </c>
      <c r="HM8" s="73">
        <v>396</v>
      </c>
      <c r="HN8" s="70">
        <v>130</v>
      </c>
      <c r="HO8" s="71">
        <v>184</v>
      </c>
      <c r="HP8" s="72">
        <v>314</v>
      </c>
      <c r="HQ8" s="276"/>
      <c r="HR8" s="71">
        <v>116</v>
      </c>
      <c r="HS8" s="71">
        <v>164</v>
      </c>
      <c r="HT8" s="71">
        <v>108</v>
      </c>
      <c r="HU8" s="71">
        <v>98</v>
      </c>
      <c r="HV8" s="71">
        <v>86</v>
      </c>
      <c r="HW8" s="72">
        <v>572</v>
      </c>
      <c r="HX8" s="73">
        <v>886</v>
      </c>
      <c r="HY8" s="70">
        <v>247</v>
      </c>
      <c r="HZ8" s="71">
        <v>272</v>
      </c>
      <c r="IA8" s="72">
        <v>519</v>
      </c>
      <c r="IB8" s="276"/>
      <c r="IC8" s="71">
        <v>215</v>
      </c>
      <c r="ID8" s="71">
        <v>277</v>
      </c>
      <c r="IE8" s="71">
        <v>128</v>
      </c>
      <c r="IF8" s="71">
        <v>140</v>
      </c>
      <c r="IG8" s="71">
        <v>110</v>
      </c>
      <c r="IH8" s="72">
        <v>870</v>
      </c>
      <c r="II8" s="73">
        <v>1389</v>
      </c>
      <c r="IJ8" s="70">
        <v>453</v>
      </c>
      <c r="IK8" s="71">
        <v>470</v>
      </c>
      <c r="IL8" s="72">
        <v>923</v>
      </c>
      <c r="IM8" s="276"/>
      <c r="IN8" s="71">
        <v>479</v>
      </c>
      <c r="IO8" s="71">
        <v>502</v>
      </c>
      <c r="IP8" s="71">
        <v>304</v>
      </c>
      <c r="IQ8" s="71">
        <v>243</v>
      </c>
      <c r="IR8" s="71">
        <v>168</v>
      </c>
      <c r="IS8" s="72">
        <v>1696</v>
      </c>
      <c r="IT8" s="73">
        <v>2619</v>
      </c>
      <c r="IU8" s="70">
        <v>600</v>
      </c>
      <c r="IV8" s="71">
        <v>615</v>
      </c>
      <c r="IW8" s="72">
        <v>1215</v>
      </c>
      <c r="IX8" s="276"/>
      <c r="IY8" s="71">
        <v>679</v>
      </c>
      <c r="IZ8" s="71">
        <v>738</v>
      </c>
      <c r="JA8" s="71">
        <v>401</v>
      </c>
      <c r="JB8" s="71">
        <v>329</v>
      </c>
      <c r="JC8" s="71">
        <v>236</v>
      </c>
      <c r="JD8" s="72">
        <v>2383</v>
      </c>
      <c r="JE8" s="73">
        <v>3598</v>
      </c>
      <c r="JF8" s="70">
        <v>421</v>
      </c>
      <c r="JG8" s="71">
        <v>536</v>
      </c>
      <c r="JH8" s="72">
        <v>957</v>
      </c>
      <c r="JI8" s="276"/>
      <c r="JJ8" s="71">
        <v>614</v>
      </c>
      <c r="JK8" s="71">
        <v>896</v>
      </c>
      <c r="JL8" s="71">
        <v>508</v>
      </c>
      <c r="JM8" s="71">
        <v>504</v>
      </c>
      <c r="JN8" s="71">
        <v>312</v>
      </c>
      <c r="JO8" s="72">
        <v>2834</v>
      </c>
      <c r="JP8" s="73">
        <v>3791</v>
      </c>
      <c r="JQ8" s="70">
        <v>0</v>
      </c>
      <c r="JR8" s="71">
        <v>0</v>
      </c>
      <c r="JS8" s="72">
        <v>0</v>
      </c>
      <c r="JT8" s="276"/>
      <c r="JU8" s="71">
        <v>0</v>
      </c>
      <c r="JV8" s="71">
        <v>0</v>
      </c>
      <c r="JW8" s="71">
        <v>0</v>
      </c>
      <c r="JX8" s="71">
        <v>0</v>
      </c>
      <c r="JY8" s="71">
        <v>0</v>
      </c>
      <c r="JZ8" s="72">
        <v>0</v>
      </c>
      <c r="KA8" s="73">
        <v>0</v>
      </c>
      <c r="KB8" s="70">
        <v>1908</v>
      </c>
      <c r="KC8" s="71">
        <v>2153</v>
      </c>
      <c r="KD8" s="72">
        <v>4061</v>
      </c>
      <c r="KE8" s="276"/>
      <c r="KF8" s="71">
        <v>2148</v>
      </c>
      <c r="KG8" s="71">
        <v>2681</v>
      </c>
      <c r="KH8" s="71">
        <v>1493</v>
      </c>
      <c r="KI8" s="71">
        <v>1354</v>
      </c>
      <c r="KJ8" s="71">
        <v>942</v>
      </c>
      <c r="KK8" s="72">
        <v>8618</v>
      </c>
      <c r="KL8" s="73">
        <v>12679</v>
      </c>
    </row>
    <row r="9" spans="1:298" ht="19.5" customHeight="1" x14ac:dyDescent="0.2">
      <c r="A9" s="129" t="s">
        <v>6</v>
      </c>
      <c r="B9" s="350">
        <v>405</v>
      </c>
      <c r="C9" s="82">
        <v>355</v>
      </c>
      <c r="D9" s="83">
        <v>760</v>
      </c>
      <c r="E9" s="273"/>
      <c r="F9" s="82">
        <v>711</v>
      </c>
      <c r="G9" s="82">
        <v>544</v>
      </c>
      <c r="H9" s="82">
        <v>367</v>
      </c>
      <c r="I9" s="82">
        <v>346</v>
      </c>
      <c r="J9" s="82">
        <v>222</v>
      </c>
      <c r="K9" s="84">
        <v>2190</v>
      </c>
      <c r="L9" s="85">
        <v>2950</v>
      </c>
      <c r="M9" s="70">
        <v>9</v>
      </c>
      <c r="N9" s="71">
        <v>22</v>
      </c>
      <c r="O9" s="72">
        <v>31</v>
      </c>
      <c r="P9" s="276"/>
      <c r="Q9" s="71">
        <v>20</v>
      </c>
      <c r="R9" s="71">
        <v>24</v>
      </c>
      <c r="S9" s="71">
        <v>13</v>
      </c>
      <c r="T9" s="71">
        <v>17</v>
      </c>
      <c r="U9" s="71">
        <v>10</v>
      </c>
      <c r="V9" s="72">
        <v>84</v>
      </c>
      <c r="W9" s="73">
        <v>115</v>
      </c>
      <c r="X9" s="70">
        <v>30</v>
      </c>
      <c r="Y9" s="71">
        <v>33</v>
      </c>
      <c r="Z9" s="72">
        <v>63</v>
      </c>
      <c r="AA9" s="276"/>
      <c r="AB9" s="71">
        <v>55</v>
      </c>
      <c r="AC9" s="71">
        <v>50</v>
      </c>
      <c r="AD9" s="71">
        <v>37</v>
      </c>
      <c r="AE9" s="71">
        <v>30</v>
      </c>
      <c r="AF9" s="71">
        <v>24</v>
      </c>
      <c r="AG9" s="72">
        <v>196</v>
      </c>
      <c r="AH9" s="73">
        <v>259</v>
      </c>
      <c r="AI9" s="70">
        <v>43</v>
      </c>
      <c r="AJ9" s="71">
        <v>43</v>
      </c>
      <c r="AK9" s="72">
        <v>86</v>
      </c>
      <c r="AL9" s="276"/>
      <c r="AM9" s="71">
        <v>82</v>
      </c>
      <c r="AN9" s="71">
        <v>66</v>
      </c>
      <c r="AO9" s="71">
        <v>54</v>
      </c>
      <c r="AP9" s="71">
        <v>42</v>
      </c>
      <c r="AQ9" s="71">
        <v>33</v>
      </c>
      <c r="AR9" s="72">
        <v>277</v>
      </c>
      <c r="AS9" s="73">
        <v>363</v>
      </c>
      <c r="AT9" s="70">
        <v>89</v>
      </c>
      <c r="AU9" s="71">
        <v>65</v>
      </c>
      <c r="AV9" s="72">
        <v>154</v>
      </c>
      <c r="AW9" s="276"/>
      <c r="AX9" s="71">
        <v>161</v>
      </c>
      <c r="AY9" s="71">
        <v>110</v>
      </c>
      <c r="AZ9" s="71">
        <v>75</v>
      </c>
      <c r="BA9" s="71">
        <v>62</v>
      </c>
      <c r="BB9" s="71">
        <v>38</v>
      </c>
      <c r="BC9" s="72">
        <v>446</v>
      </c>
      <c r="BD9" s="73">
        <v>600</v>
      </c>
      <c r="BE9" s="70">
        <v>122</v>
      </c>
      <c r="BF9" s="71">
        <v>102</v>
      </c>
      <c r="BG9" s="72">
        <v>224</v>
      </c>
      <c r="BH9" s="276"/>
      <c r="BI9" s="71">
        <v>188</v>
      </c>
      <c r="BJ9" s="71">
        <v>137</v>
      </c>
      <c r="BK9" s="71">
        <v>98</v>
      </c>
      <c r="BL9" s="71">
        <v>109</v>
      </c>
      <c r="BM9" s="71">
        <v>56</v>
      </c>
      <c r="BN9" s="72">
        <v>588</v>
      </c>
      <c r="BO9" s="73">
        <v>812</v>
      </c>
      <c r="BP9" s="70">
        <v>112</v>
      </c>
      <c r="BQ9" s="71">
        <v>90</v>
      </c>
      <c r="BR9" s="72">
        <v>202</v>
      </c>
      <c r="BS9" s="276"/>
      <c r="BT9" s="71">
        <v>205</v>
      </c>
      <c r="BU9" s="71">
        <v>157</v>
      </c>
      <c r="BV9" s="71">
        <v>90</v>
      </c>
      <c r="BW9" s="71">
        <v>86</v>
      </c>
      <c r="BX9" s="71">
        <v>61</v>
      </c>
      <c r="BY9" s="72">
        <v>599</v>
      </c>
      <c r="BZ9" s="73">
        <v>801</v>
      </c>
      <c r="CA9" s="70">
        <v>0</v>
      </c>
      <c r="CB9" s="71">
        <v>0</v>
      </c>
      <c r="CC9" s="72">
        <v>0</v>
      </c>
      <c r="CD9" s="276"/>
      <c r="CE9" s="71">
        <v>0</v>
      </c>
      <c r="CF9" s="71">
        <v>0</v>
      </c>
      <c r="CG9" s="71">
        <v>0</v>
      </c>
      <c r="CH9" s="71">
        <v>0</v>
      </c>
      <c r="CI9" s="71">
        <v>0</v>
      </c>
      <c r="CJ9" s="72">
        <v>0</v>
      </c>
      <c r="CK9" s="73">
        <v>0</v>
      </c>
      <c r="CL9" s="70">
        <v>405</v>
      </c>
      <c r="CM9" s="71">
        <v>355</v>
      </c>
      <c r="CN9" s="72">
        <v>760</v>
      </c>
      <c r="CO9" s="276"/>
      <c r="CP9" s="71">
        <v>711</v>
      </c>
      <c r="CQ9" s="71">
        <v>544</v>
      </c>
      <c r="CR9" s="71">
        <v>367</v>
      </c>
      <c r="CS9" s="71">
        <v>346</v>
      </c>
      <c r="CT9" s="71">
        <v>222</v>
      </c>
      <c r="CU9" s="72">
        <v>2190</v>
      </c>
      <c r="CV9" s="73">
        <v>2950</v>
      </c>
      <c r="CW9" s="126">
        <v>203</v>
      </c>
      <c r="CX9" s="82">
        <v>207</v>
      </c>
      <c r="CY9" s="83">
        <v>410</v>
      </c>
      <c r="CZ9" s="273"/>
      <c r="DA9" s="82">
        <v>391</v>
      </c>
      <c r="DB9" s="82">
        <v>240</v>
      </c>
      <c r="DC9" s="82">
        <v>184</v>
      </c>
      <c r="DD9" s="82">
        <v>193</v>
      </c>
      <c r="DE9" s="82">
        <v>126</v>
      </c>
      <c r="DF9" s="84">
        <v>1134</v>
      </c>
      <c r="DG9" s="85">
        <v>1544</v>
      </c>
      <c r="DH9" s="70">
        <v>5</v>
      </c>
      <c r="DI9" s="71">
        <v>3</v>
      </c>
      <c r="DJ9" s="72">
        <v>8</v>
      </c>
      <c r="DK9" s="276"/>
      <c r="DL9" s="71">
        <v>9</v>
      </c>
      <c r="DM9" s="71">
        <v>2</v>
      </c>
      <c r="DN9" s="71">
        <v>3</v>
      </c>
      <c r="DO9" s="71">
        <v>5</v>
      </c>
      <c r="DP9" s="71">
        <v>1</v>
      </c>
      <c r="DQ9" s="72">
        <v>20</v>
      </c>
      <c r="DR9" s="73">
        <v>28</v>
      </c>
      <c r="DS9" s="70">
        <v>12</v>
      </c>
      <c r="DT9" s="71">
        <v>15</v>
      </c>
      <c r="DU9" s="72">
        <v>27</v>
      </c>
      <c r="DV9" s="276"/>
      <c r="DW9" s="71">
        <v>26</v>
      </c>
      <c r="DX9" s="71">
        <v>8</v>
      </c>
      <c r="DY9" s="71">
        <v>9</v>
      </c>
      <c r="DZ9" s="71">
        <v>9</v>
      </c>
      <c r="EA9" s="71">
        <v>4</v>
      </c>
      <c r="EB9" s="72">
        <v>56</v>
      </c>
      <c r="EC9" s="73">
        <v>83</v>
      </c>
      <c r="ED9" s="70">
        <v>30</v>
      </c>
      <c r="EE9" s="71">
        <v>20</v>
      </c>
      <c r="EF9" s="72">
        <v>50</v>
      </c>
      <c r="EG9" s="276"/>
      <c r="EH9" s="71">
        <v>57</v>
      </c>
      <c r="EI9" s="71">
        <v>26</v>
      </c>
      <c r="EJ9" s="71">
        <v>13</v>
      </c>
      <c r="EK9" s="71">
        <v>11</v>
      </c>
      <c r="EL9" s="71">
        <v>12</v>
      </c>
      <c r="EM9" s="72">
        <v>119</v>
      </c>
      <c r="EN9" s="73">
        <v>169</v>
      </c>
      <c r="EO9" s="70">
        <v>47</v>
      </c>
      <c r="EP9" s="71">
        <v>53</v>
      </c>
      <c r="EQ9" s="72">
        <v>100</v>
      </c>
      <c r="ER9" s="276"/>
      <c r="ES9" s="71">
        <v>87</v>
      </c>
      <c r="ET9" s="71">
        <v>42</v>
      </c>
      <c r="EU9" s="71">
        <v>24</v>
      </c>
      <c r="EV9" s="71">
        <v>19</v>
      </c>
      <c r="EW9" s="71">
        <v>27</v>
      </c>
      <c r="EX9" s="72">
        <v>199</v>
      </c>
      <c r="EY9" s="73">
        <v>299</v>
      </c>
      <c r="EZ9" s="70">
        <v>64</v>
      </c>
      <c r="FA9" s="71">
        <v>67</v>
      </c>
      <c r="FB9" s="72">
        <v>131</v>
      </c>
      <c r="FC9" s="276"/>
      <c r="FD9" s="71">
        <v>98</v>
      </c>
      <c r="FE9" s="71">
        <v>77</v>
      </c>
      <c r="FF9" s="71">
        <v>58</v>
      </c>
      <c r="FG9" s="71">
        <v>43</v>
      </c>
      <c r="FH9" s="71">
        <v>29</v>
      </c>
      <c r="FI9" s="72">
        <v>305</v>
      </c>
      <c r="FJ9" s="73">
        <v>436</v>
      </c>
      <c r="FK9" s="70">
        <v>45</v>
      </c>
      <c r="FL9" s="71">
        <v>49</v>
      </c>
      <c r="FM9" s="72">
        <v>94</v>
      </c>
      <c r="FN9" s="276"/>
      <c r="FO9" s="71">
        <v>114</v>
      </c>
      <c r="FP9" s="71">
        <v>85</v>
      </c>
      <c r="FQ9" s="71">
        <v>77</v>
      </c>
      <c r="FR9" s="71">
        <v>106</v>
      </c>
      <c r="FS9" s="71">
        <v>53</v>
      </c>
      <c r="FT9" s="72">
        <v>435</v>
      </c>
      <c r="FU9" s="73">
        <v>529</v>
      </c>
      <c r="FV9" s="70">
        <v>0</v>
      </c>
      <c r="FW9" s="71">
        <v>0</v>
      </c>
      <c r="FX9" s="72">
        <v>0</v>
      </c>
      <c r="FY9" s="276"/>
      <c r="FZ9" s="71">
        <v>0</v>
      </c>
      <c r="GA9" s="71">
        <v>0</v>
      </c>
      <c r="GB9" s="71">
        <v>0</v>
      </c>
      <c r="GC9" s="71">
        <v>0</v>
      </c>
      <c r="GD9" s="71">
        <v>0</v>
      </c>
      <c r="GE9" s="72">
        <v>0</v>
      </c>
      <c r="GF9" s="73">
        <v>0</v>
      </c>
      <c r="GG9" s="70">
        <v>203</v>
      </c>
      <c r="GH9" s="71">
        <v>207</v>
      </c>
      <c r="GI9" s="72">
        <v>410</v>
      </c>
      <c r="GJ9" s="276"/>
      <c r="GK9" s="71">
        <v>391</v>
      </c>
      <c r="GL9" s="71">
        <v>240</v>
      </c>
      <c r="GM9" s="71">
        <v>184</v>
      </c>
      <c r="GN9" s="71">
        <v>193</v>
      </c>
      <c r="GO9" s="71">
        <v>126</v>
      </c>
      <c r="GP9" s="72">
        <v>1134</v>
      </c>
      <c r="GQ9" s="73">
        <v>1544</v>
      </c>
      <c r="GR9" s="126">
        <v>608</v>
      </c>
      <c r="GS9" s="82">
        <v>562</v>
      </c>
      <c r="GT9" s="83">
        <v>1170</v>
      </c>
      <c r="GU9" s="273"/>
      <c r="GV9" s="82">
        <v>1102</v>
      </c>
      <c r="GW9" s="82">
        <v>784</v>
      </c>
      <c r="GX9" s="82">
        <v>551</v>
      </c>
      <c r="GY9" s="82">
        <v>539</v>
      </c>
      <c r="GZ9" s="82">
        <v>348</v>
      </c>
      <c r="HA9" s="84">
        <v>3324</v>
      </c>
      <c r="HB9" s="85">
        <v>4494</v>
      </c>
      <c r="HC9" s="70">
        <v>14</v>
      </c>
      <c r="HD9" s="71">
        <v>25</v>
      </c>
      <c r="HE9" s="72">
        <v>39</v>
      </c>
      <c r="HF9" s="276"/>
      <c r="HG9" s="71">
        <v>29</v>
      </c>
      <c r="HH9" s="71">
        <v>26</v>
      </c>
      <c r="HI9" s="71">
        <v>16</v>
      </c>
      <c r="HJ9" s="71">
        <v>22</v>
      </c>
      <c r="HK9" s="71">
        <v>11</v>
      </c>
      <c r="HL9" s="72">
        <v>104</v>
      </c>
      <c r="HM9" s="73">
        <v>143</v>
      </c>
      <c r="HN9" s="70">
        <v>42</v>
      </c>
      <c r="HO9" s="71">
        <v>48</v>
      </c>
      <c r="HP9" s="72">
        <v>90</v>
      </c>
      <c r="HQ9" s="276"/>
      <c r="HR9" s="71">
        <v>81</v>
      </c>
      <c r="HS9" s="71">
        <v>58</v>
      </c>
      <c r="HT9" s="71">
        <v>46</v>
      </c>
      <c r="HU9" s="71">
        <v>39</v>
      </c>
      <c r="HV9" s="71">
        <v>28</v>
      </c>
      <c r="HW9" s="72">
        <v>252</v>
      </c>
      <c r="HX9" s="73">
        <v>342</v>
      </c>
      <c r="HY9" s="70">
        <v>73</v>
      </c>
      <c r="HZ9" s="71">
        <v>63</v>
      </c>
      <c r="IA9" s="72">
        <v>136</v>
      </c>
      <c r="IB9" s="276"/>
      <c r="IC9" s="71">
        <v>139</v>
      </c>
      <c r="ID9" s="71">
        <v>92</v>
      </c>
      <c r="IE9" s="71">
        <v>67</v>
      </c>
      <c r="IF9" s="71">
        <v>53</v>
      </c>
      <c r="IG9" s="71">
        <v>45</v>
      </c>
      <c r="IH9" s="72">
        <v>396</v>
      </c>
      <c r="II9" s="73">
        <v>532</v>
      </c>
      <c r="IJ9" s="70">
        <v>136</v>
      </c>
      <c r="IK9" s="71">
        <v>118</v>
      </c>
      <c r="IL9" s="72">
        <v>254</v>
      </c>
      <c r="IM9" s="276"/>
      <c r="IN9" s="71">
        <v>248</v>
      </c>
      <c r="IO9" s="71">
        <v>152</v>
      </c>
      <c r="IP9" s="71">
        <v>99</v>
      </c>
      <c r="IQ9" s="71">
        <v>81</v>
      </c>
      <c r="IR9" s="71">
        <v>65</v>
      </c>
      <c r="IS9" s="72">
        <v>645</v>
      </c>
      <c r="IT9" s="73">
        <v>899</v>
      </c>
      <c r="IU9" s="70">
        <v>186</v>
      </c>
      <c r="IV9" s="71">
        <v>169</v>
      </c>
      <c r="IW9" s="72">
        <v>355</v>
      </c>
      <c r="IX9" s="276"/>
      <c r="IY9" s="71">
        <v>286</v>
      </c>
      <c r="IZ9" s="71">
        <v>214</v>
      </c>
      <c r="JA9" s="71">
        <v>156</v>
      </c>
      <c r="JB9" s="71">
        <v>152</v>
      </c>
      <c r="JC9" s="71">
        <v>85</v>
      </c>
      <c r="JD9" s="72">
        <v>893</v>
      </c>
      <c r="JE9" s="73">
        <v>1248</v>
      </c>
      <c r="JF9" s="70">
        <v>157</v>
      </c>
      <c r="JG9" s="71">
        <v>139</v>
      </c>
      <c r="JH9" s="72">
        <v>296</v>
      </c>
      <c r="JI9" s="276"/>
      <c r="JJ9" s="71">
        <v>319</v>
      </c>
      <c r="JK9" s="71">
        <v>242</v>
      </c>
      <c r="JL9" s="71">
        <v>167</v>
      </c>
      <c r="JM9" s="71">
        <v>192</v>
      </c>
      <c r="JN9" s="71">
        <v>114</v>
      </c>
      <c r="JO9" s="72">
        <v>1034</v>
      </c>
      <c r="JP9" s="73">
        <v>1330</v>
      </c>
      <c r="JQ9" s="70">
        <v>0</v>
      </c>
      <c r="JR9" s="71">
        <v>0</v>
      </c>
      <c r="JS9" s="72">
        <v>0</v>
      </c>
      <c r="JT9" s="276"/>
      <c r="JU9" s="71">
        <v>0</v>
      </c>
      <c r="JV9" s="71">
        <v>0</v>
      </c>
      <c r="JW9" s="71">
        <v>0</v>
      </c>
      <c r="JX9" s="71">
        <v>0</v>
      </c>
      <c r="JY9" s="71">
        <v>0</v>
      </c>
      <c r="JZ9" s="72">
        <v>0</v>
      </c>
      <c r="KA9" s="73">
        <v>0</v>
      </c>
      <c r="KB9" s="70">
        <v>608</v>
      </c>
      <c r="KC9" s="71">
        <v>562</v>
      </c>
      <c r="KD9" s="72">
        <v>1170</v>
      </c>
      <c r="KE9" s="276"/>
      <c r="KF9" s="71">
        <v>1102</v>
      </c>
      <c r="KG9" s="71">
        <v>784</v>
      </c>
      <c r="KH9" s="71">
        <v>551</v>
      </c>
      <c r="KI9" s="71">
        <v>539</v>
      </c>
      <c r="KJ9" s="71">
        <v>348</v>
      </c>
      <c r="KK9" s="72">
        <v>3324</v>
      </c>
      <c r="KL9" s="73">
        <v>4494</v>
      </c>
    </row>
    <row r="10" spans="1:298" ht="19.5" customHeight="1" x14ac:dyDescent="0.2">
      <c r="A10" s="129" t="s">
        <v>14</v>
      </c>
      <c r="B10" s="350">
        <v>178</v>
      </c>
      <c r="C10" s="82">
        <v>191</v>
      </c>
      <c r="D10" s="83">
        <v>369</v>
      </c>
      <c r="E10" s="273"/>
      <c r="F10" s="82">
        <v>238</v>
      </c>
      <c r="G10" s="82">
        <v>238</v>
      </c>
      <c r="H10" s="82">
        <v>157</v>
      </c>
      <c r="I10" s="82">
        <v>147</v>
      </c>
      <c r="J10" s="82">
        <v>97</v>
      </c>
      <c r="K10" s="84">
        <v>877</v>
      </c>
      <c r="L10" s="85">
        <v>1246</v>
      </c>
      <c r="M10" s="70">
        <v>11</v>
      </c>
      <c r="N10" s="71">
        <v>7</v>
      </c>
      <c r="O10" s="72">
        <v>18</v>
      </c>
      <c r="P10" s="276"/>
      <c r="Q10" s="71">
        <v>12</v>
      </c>
      <c r="R10" s="71">
        <v>8</v>
      </c>
      <c r="S10" s="71">
        <v>6</v>
      </c>
      <c r="T10" s="71">
        <v>8</v>
      </c>
      <c r="U10" s="71">
        <v>8</v>
      </c>
      <c r="V10" s="72">
        <v>42</v>
      </c>
      <c r="W10" s="73">
        <v>60</v>
      </c>
      <c r="X10" s="70">
        <v>17</v>
      </c>
      <c r="Y10" s="71">
        <v>19</v>
      </c>
      <c r="Z10" s="72">
        <v>36</v>
      </c>
      <c r="AA10" s="276"/>
      <c r="AB10" s="71">
        <v>17</v>
      </c>
      <c r="AC10" s="71">
        <v>26</v>
      </c>
      <c r="AD10" s="71">
        <v>13</v>
      </c>
      <c r="AE10" s="71">
        <v>19</v>
      </c>
      <c r="AF10" s="71">
        <v>12</v>
      </c>
      <c r="AG10" s="72">
        <v>87</v>
      </c>
      <c r="AH10" s="73">
        <v>123</v>
      </c>
      <c r="AI10" s="70">
        <v>19</v>
      </c>
      <c r="AJ10" s="71">
        <v>26</v>
      </c>
      <c r="AK10" s="72">
        <v>45</v>
      </c>
      <c r="AL10" s="276"/>
      <c r="AM10" s="71">
        <v>23</v>
      </c>
      <c r="AN10" s="71">
        <v>26</v>
      </c>
      <c r="AO10" s="71">
        <v>20</v>
      </c>
      <c r="AP10" s="71">
        <v>15</v>
      </c>
      <c r="AQ10" s="71">
        <v>21</v>
      </c>
      <c r="AR10" s="72">
        <v>105</v>
      </c>
      <c r="AS10" s="73">
        <v>150</v>
      </c>
      <c r="AT10" s="70">
        <v>42</v>
      </c>
      <c r="AU10" s="71">
        <v>57</v>
      </c>
      <c r="AV10" s="72">
        <v>99</v>
      </c>
      <c r="AW10" s="276"/>
      <c r="AX10" s="71">
        <v>58</v>
      </c>
      <c r="AY10" s="71">
        <v>55</v>
      </c>
      <c r="AZ10" s="71">
        <v>44</v>
      </c>
      <c r="BA10" s="71">
        <v>24</v>
      </c>
      <c r="BB10" s="71">
        <v>21</v>
      </c>
      <c r="BC10" s="72">
        <v>202</v>
      </c>
      <c r="BD10" s="73">
        <v>301</v>
      </c>
      <c r="BE10" s="70">
        <v>56</v>
      </c>
      <c r="BF10" s="71">
        <v>50</v>
      </c>
      <c r="BG10" s="72">
        <v>106</v>
      </c>
      <c r="BH10" s="276"/>
      <c r="BI10" s="71">
        <v>65</v>
      </c>
      <c r="BJ10" s="71">
        <v>61</v>
      </c>
      <c r="BK10" s="71">
        <v>43</v>
      </c>
      <c r="BL10" s="71">
        <v>38</v>
      </c>
      <c r="BM10" s="71">
        <v>14</v>
      </c>
      <c r="BN10" s="72">
        <v>221</v>
      </c>
      <c r="BO10" s="73">
        <v>327</v>
      </c>
      <c r="BP10" s="70">
        <v>33</v>
      </c>
      <c r="BQ10" s="71">
        <v>32</v>
      </c>
      <c r="BR10" s="72">
        <v>65</v>
      </c>
      <c r="BS10" s="276"/>
      <c r="BT10" s="71">
        <v>63</v>
      </c>
      <c r="BU10" s="71">
        <v>62</v>
      </c>
      <c r="BV10" s="71">
        <v>31</v>
      </c>
      <c r="BW10" s="71">
        <v>43</v>
      </c>
      <c r="BX10" s="71">
        <v>21</v>
      </c>
      <c r="BY10" s="72">
        <v>220</v>
      </c>
      <c r="BZ10" s="73">
        <v>285</v>
      </c>
      <c r="CA10" s="70">
        <v>0</v>
      </c>
      <c r="CB10" s="71">
        <v>0</v>
      </c>
      <c r="CC10" s="72">
        <v>0</v>
      </c>
      <c r="CD10" s="276"/>
      <c r="CE10" s="71">
        <v>0</v>
      </c>
      <c r="CF10" s="71">
        <v>0</v>
      </c>
      <c r="CG10" s="71">
        <v>0</v>
      </c>
      <c r="CH10" s="71">
        <v>0</v>
      </c>
      <c r="CI10" s="71">
        <v>0</v>
      </c>
      <c r="CJ10" s="72">
        <v>0</v>
      </c>
      <c r="CK10" s="73">
        <v>0</v>
      </c>
      <c r="CL10" s="70">
        <v>178</v>
      </c>
      <c r="CM10" s="71">
        <v>191</v>
      </c>
      <c r="CN10" s="72">
        <v>369</v>
      </c>
      <c r="CO10" s="276"/>
      <c r="CP10" s="71">
        <v>238</v>
      </c>
      <c r="CQ10" s="71">
        <v>238</v>
      </c>
      <c r="CR10" s="71">
        <v>157</v>
      </c>
      <c r="CS10" s="71">
        <v>147</v>
      </c>
      <c r="CT10" s="71">
        <v>97</v>
      </c>
      <c r="CU10" s="72">
        <v>877</v>
      </c>
      <c r="CV10" s="73">
        <v>1246</v>
      </c>
      <c r="CW10" s="126">
        <v>60</v>
      </c>
      <c r="CX10" s="82">
        <v>85</v>
      </c>
      <c r="CY10" s="83">
        <v>145</v>
      </c>
      <c r="CZ10" s="273"/>
      <c r="DA10" s="82">
        <v>95</v>
      </c>
      <c r="DB10" s="82">
        <v>81</v>
      </c>
      <c r="DC10" s="82">
        <v>68</v>
      </c>
      <c r="DD10" s="82">
        <v>67</v>
      </c>
      <c r="DE10" s="82">
        <v>40</v>
      </c>
      <c r="DF10" s="84">
        <v>351</v>
      </c>
      <c r="DG10" s="85">
        <v>496</v>
      </c>
      <c r="DH10" s="70">
        <v>3</v>
      </c>
      <c r="DI10" s="71">
        <v>2</v>
      </c>
      <c r="DJ10" s="72">
        <v>5</v>
      </c>
      <c r="DK10" s="276"/>
      <c r="DL10" s="71">
        <v>2</v>
      </c>
      <c r="DM10" s="71">
        <v>1</v>
      </c>
      <c r="DN10" s="71">
        <v>2</v>
      </c>
      <c r="DO10" s="71">
        <v>0</v>
      </c>
      <c r="DP10" s="71">
        <v>1</v>
      </c>
      <c r="DQ10" s="72">
        <v>6</v>
      </c>
      <c r="DR10" s="73">
        <v>11</v>
      </c>
      <c r="DS10" s="70">
        <v>9</v>
      </c>
      <c r="DT10" s="71">
        <v>3</v>
      </c>
      <c r="DU10" s="72">
        <v>12</v>
      </c>
      <c r="DV10" s="276"/>
      <c r="DW10" s="71">
        <v>5</v>
      </c>
      <c r="DX10" s="71">
        <v>3</v>
      </c>
      <c r="DY10" s="71">
        <v>7</v>
      </c>
      <c r="DZ10" s="71">
        <v>2</v>
      </c>
      <c r="EA10" s="71">
        <v>1</v>
      </c>
      <c r="EB10" s="72">
        <v>18</v>
      </c>
      <c r="EC10" s="73">
        <v>30</v>
      </c>
      <c r="ED10" s="70">
        <v>8</v>
      </c>
      <c r="EE10" s="71">
        <v>7</v>
      </c>
      <c r="EF10" s="72">
        <v>15</v>
      </c>
      <c r="EG10" s="276"/>
      <c r="EH10" s="71">
        <v>10</v>
      </c>
      <c r="EI10" s="71">
        <v>9</v>
      </c>
      <c r="EJ10" s="71">
        <v>5</v>
      </c>
      <c r="EK10" s="71">
        <v>6</v>
      </c>
      <c r="EL10" s="71">
        <v>2</v>
      </c>
      <c r="EM10" s="72">
        <v>32</v>
      </c>
      <c r="EN10" s="73">
        <v>47</v>
      </c>
      <c r="EO10" s="70">
        <v>17</v>
      </c>
      <c r="EP10" s="71">
        <v>19</v>
      </c>
      <c r="EQ10" s="72">
        <v>36</v>
      </c>
      <c r="ER10" s="276"/>
      <c r="ES10" s="71">
        <v>18</v>
      </c>
      <c r="ET10" s="71">
        <v>18</v>
      </c>
      <c r="EU10" s="71">
        <v>11</v>
      </c>
      <c r="EV10" s="71">
        <v>6</v>
      </c>
      <c r="EW10" s="71">
        <v>6</v>
      </c>
      <c r="EX10" s="72">
        <v>59</v>
      </c>
      <c r="EY10" s="73">
        <v>95</v>
      </c>
      <c r="EZ10" s="70">
        <v>11</v>
      </c>
      <c r="FA10" s="71">
        <v>36</v>
      </c>
      <c r="FB10" s="72">
        <v>47</v>
      </c>
      <c r="FC10" s="276"/>
      <c r="FD10" s="71">
        <v>27</v>
      </c>
      <c r="FE10" s="71">
        <v>19</v>
      </c>
      <c r="FF10" s="71">
        <v>13</v>
      </c>
      <c r="FG10" s="71">
        <v>12</v>
      </c>
      <c r="FH10" s="71">
        <v>7</v>
      </c>
      <c r="FI10" s="72">
        <v>78</v>
      </c>
      <c r="FJ10" s="73">
        <v>125</v>
      </c>
      <c r="FK10" s="70">
        <v>12</v>
      </c>
      <c r="FL10" s="71">
        <v>18</v>
      </c>
      <c r="FM10" s="72">
        <v>30</v>
      </c>
      <c r="FN10" s="276"/>
      <c r="FO10" s="71">
        <v>33</v>
      </c>
      <c r="FP10" s="71">
        <v>31</v>
      </c>
      <c r="FQ10" s="71">
        <v>30</v>
      </c>
      <c r="FR10" s="71">
        <v>41</v>
      </c>
      <c r="FS10" s="71">
        <v>23</v>
      </c>
      <c r="FT10" s="72">
        <v>158</v>
      </c>
      <c r="FU10" s="73">
        <v>188</v>
      </c>
      <c r="FV10" s="70">
        <v>0</v>
      </c>
      <c r="FW10" s="71">
        <v>0</v>
      </c>
      <c r="FX10" s="72">
        <v>0</v>
      </c>
      <c r="FY10" s="276"/>
      <c r="FZ10" s="71">
        <v>0</v>
      </c>
      <c r="GA10" s="71">
        <v>0</v>
      </c>
      <c r="GB10" s="71">
        <v>0</v>
      </c>
      <c r="GC10" s="71">
        <v>0</v>
      </c>
      <c r="GD10" s="71">
        <v>0</v>
      </c>
      <c r="GE10" s="72">
        <v>0</v>
      </c>
      <c r="GF10" s="73">
        <v>0</v>
      </c>
      <c r="GG10" s="70">
        <v>60</v>
      </c>
      <c r="GH10" s="71">
        <v>85</v>
      </c>
      <c r="GI10" s="72">
        <v>145</v>
      </c>
      <c r="GJ10" s="276"/>
      <c r="GK10" s="71">
        <v>95</v>
      </c>
      <c r="GL10" s="71">
        <v>81</v>
      </c>
      <c r="GM10" s="71">
        <v>68</v>
      </c>
      <c r="GN10" s="71">
        <v>67</v>
      </c>
      <c r="GO10" s="71">
        <v>40</v>
      </c>
      <c r="GP10" s="72">
        <v>351</v>
      </c>
      <c r="GQ10" s="73">
        <v>496</v>
      </c>
      <c r="GR10" s="126">
        <v>238</v>
      </c>
      <c r="GS10" s="82">
        <v>276</v>
      </c>
      <c r="GT10" s="83">
        <v>514</v>
      </c>
      <c r="GU10" s="273"/>
      <c r="GV10" s="82">
        <v>333</v>
      </c>
      <c r="GW10" s="82">
        <v>319</v>
      </c>
      <c r="GX10" s="82">
        <v>225</v>
      </c>
      <c r="GY10" s="82">
        <v>214</v>
      </c>
      <c r="GZ10" s="82">
        <v>137</v>
      </c>
      <c r="HA10" s="84">
        <v>1228</v>
      </c>
      <c r="HB10" s="85">
        <v>1742</v>
      </c>
      <c r="HC10" s="70">
        <v>14</v>
      </c>
      <c r="HD10" s="71">
        <v>9</v>
      </c>
      <c r="HE10" s="72">
        <v>23</v>
      </c>
      <c r="HF10" s="276"/>
      <c r="HG10" s="71">
        <v>14</v>
      </c>
      <c r="HH10" s="71">
        <v>9</v>
      </c>
      <c r="HI10" s="71">
        <v>8</v>
      </c>
      <c r="HJ10" s="71">
        <v>8</v>
      </c>
      <c r="HK10" s="71">
        <v>9</v>
      </c>
      <c r="HL10" s="72">
        <v>48</v>
      </c>
      <c r="HM10" s="73">
        <v>71</v>
      </c>
      <c r="HN10" s="70">
        <v>26</v>
      </c>
      <c r="HO10" s="71">
        <v>22</v>
      </c>
      <c r="HP10" s="72">
        <v>48</v>
      </c>
      <c r="HQ10" s="276"/>
      <c r="HR10" s="71">
        <v>22</v>
      </c>
      <c r="HS10" s="71">
        <v>29</v>
      </c>
      <c r="HT10" s="71">
        <v>20</v>
      </c>
      <c r="HU10" s="71">
        <v>21</v>
      </c>
      <c r="HV10" s="71">
        <v>13</v>
      </c>
      <c r="HW10" s="72">
        <v>105</v>
      </c>
      <c r="HX10" s="73">
        <v>153</v>
      </c>
      <c r="HY10" s="70">
        <v>27</v>
      </c>
      <c r="HZ10" s="71">
        <v>33</v>
      </c>
      <c r="IA10" s="72">
        <v>60</v>
      </c>
      <c r="IB10" s="276"/>
      <c r="IC10" s="71">
        <v>33</v>
      </c>
      <c r="ID10" s="71">
        <v>35</v>
      </c>
      <c r="IE10" s="71">
        <v>25</v>
      </c>
      <c r="IF10" s="71">
        <v>21</v>
      </c>
      <c r="IG10" s="71">
        <v>23</v>
      </c>
      <c r="IH10" s="72">
        <v>137</v>
      </c>
      <c r="II10" s="73">
        <v>197</v>
      </c>
      <c r="IJ10" s="70">
        <v>59</v>
      </c>
      <c r="IK10" s="71">
        <v>76</v>
      </c>
      <c r="IL10" s="72">
        <v>135</v>
      </c>
      <c r="IM10" s="276"/>
      <c r="IN10" s="71">
        <v>76</v>
      </c>
      <c r="IO10" s="71">
        <v>73</v>
      </c>
      <c r="IP10" s="71">
        <v>55</v>
      </c>
      <c r="IQ10" s="71">
        <v>30</v>
      </c>
      <c r="IR10" s="71">
        <v>27</v>
      </c>
      <c r="IS10" s="72">
        <v>261</v>
      </c>
      <c r="IT10" s="73">
        <v>396</v>
      </c>
      <c r="IU10" s="70">
        <v>67</v>
      </c>
      <c r="IV10" s="71">
        <v>86</v>
      </c>
      <c r="IW10" s="72">
        <v>153</v>
      </c>
      <c r="IX10" s="276"/>
      <c r="IY10" s="71">
        <v>92</v>
      </c>
      <c r="IZ10" s="71">
        <v>80</v>
      </c>
      <c r="JA10" s="71">
        <v>56</v>
      </c>
      <c r="JB10" s="71">
        <v>50</v>
      </c>
      <c r="JC10" s="71">
        <v>21</v>
      </c>
      <c r="JD10" s="72">
        <v>299</v>
      </c>
      <c r="JE10" s="73">
        <v>452</v>
      </c>
      <c r="JF10" s="70">
        <v>45</v>
      </c>
      <c r="JG10" s="71">
        <v>50</v>
      </c>
      <c r="JH10" s="72">
        <v>95</v>
      </c>
      <c r="JI10" s="276"/>
      <c r="JJ10" s="71">
        <v>96</v>
      </c>
      <c r="JK10" s="71">
        <v>93</v>
      </c>
      <c r="JL10" s="71">
        <v>61</v>
      </c>
      <c r="JM10" s="71">
        <v>84</v>
      </c>
      <c r="JN10" s="71">
        <v>44</v>
      </c>
      <c r="JO10" s="72">
        <v>378</v>
      </c>
      <c r="JP10" s="73">
        <v>473</v>
      </c>
      <c r="JQ10" s="70">
        <v>0</v>
      </c>
      <c r="JR10" s="71">
        <v>0</v>
      </c>
      <c r="JS10" s="72">
        <v>0</v>
      </c>
      <c r="JT10" s="276"/>
      <c r="JU10" s="71">
        <v>0</v>
      </c>
      <c r="JV10" s="71">
        <v>0</v>
      </c>
      <c r="JW10" s="71">
        <v>0</v>
      </c>
      <c r="JX10" s="71">
        <v>0</v>
      </c>
      <c r="JY10" s="71">
        <v>0</v>
      </c>
      <c r="JZ10" s="72">
        <v>0</v>
      </c>
      <c r="KA10" s="73">
        <v>0</v>
      </c>
      <c r="KB10" s="70">
        <v>238</v>
      </c>
      <c r="KC10" s="71">
        <v>276</v>
      </c>
      <c r="KD10" s="72">
        <v>514</v>
      </c>
      <c r="KE10" s="276"/>
      <c r="KF10" s="71">
        <v>333</v>
      </c>
      <c r="KG10" s="71">
        <v>319</v>
      </c>
      <c r="KH10" s="71">
        <v>225</v>
      </c>
      <c r="KI10" s="71">
        <v>214</v>
      </c>
      <c r="KJ10" s="71">
        <v>137</v>
      </c>
      <c r="KK10" s="72">
        <v>1228</v>
      </c>
      <c r="KL10" s="73">
        <v>1742</v>
      </c>
    </row>
    <row r="11" spans="1:298" ht="19.5" customHeight="1" x14ac:dyDescent="0.2">
      <c r="A11" s="129" t="s">
        <v>7</v>
      </c>
      <c r="B11" s="350">
        <v>111</v>
      </c>
      <c r="C11" s="82">
        <v>84</v>
      </c>
      <c r="D11" s="83">
        <v>195</v>
      </c>
      <c r="E11" s="273"/>
      <c r="F11" s="82">
        <v>227</v>
      </c>
      <c r="G11" s="82">
        <v>151</v>
      </c>
      <c r="H11" s="82">
        <v>80</v>
      </c>
      <c r="I11" s="82">
        <v>62</v>
      </c>
      <c r="J11" s="82">
        <v>40</v>
      </c>
      <c r="K11" s="84">
        <v>560</v>
      </c>
      <c r="L11" s="85">
        <v>755</v>
      </c>
      <c r="M11" s="70">
        <v>6</v>
      </c>
      <c r="N11" s="71">
        <v>2</v>
      </c>
      <c r="O11" s="72">
        <v>8</v>
      </c>
      <c r="P11" s="276"/>
      <c r="Q11" s="71">
        <v>4</v>
      </c>
      <c r="R11" s="71">
        <v>7</v>
      </c>
      <c r="S11" s="71">
        <v>6</v>
      </c>
      <c r="T11" s="71">
        <v>2</v>
      </c>
      <c r="U11" s="71">
        <v>5</v>
      </c>
      <c r="V11" s="72">
        <v>24</v>
      </c>
      <c r="W11" s="73">
        <v>32</v>
      </c>
      <c r="X11" s="70">
        <v>12</v>
      </c>
      <c r="Y11" s="71">
        <v>5</v>
      </c>
      <c r="Z11" s="72">
        <v>17</v>
      </c>
      <c r="AA11" s="276"/>
      <c r="AB11" s="71">
        <v>22</v>
      </c>
      <c r="AC11" s="71">
        <v>13</v>
      </c>
      <c r="AD11" s="71">
        <v>10</v>
      </c>
      <c r="AE11" s="71">
        <v>5</v>
      </c>
      <c r="AF11" s="71">
        <v>3</v>
      </c>
      <c r="AG11" s="72">
        <v>53</v>
      </c>
      <c r="AH11" s="73">
        <v>70</v>
      </c>
      <c r="AI11" s="70">
        <v>16</v>
      </c>
      <c r="AJ11" s="71">
        <v>11</v>
      </c>
      <c r="AK11" s="72">
        <v>27</v>
      </c>
      <c r="AL11" s="276"/>
      <c r="AM11" s="71">
        <v>28</v>
      </c>
      <c r="AN11" s="71">
        <v>21</v>
      </c>
      <c r="AO11" s="71">
        <v>11</v>
      </c>
      <c r="AP11" s="71">
        <v>11</v>
      </c>
      <c r="AQ11" s="71">
        <v>4</v>
      </c>
      <c r="AR11" s="72">
        <v>75</v>
      </c>
      <c r="AS11" s="73">
        <v>102</v>
      </c>
      <c r="AT11" s="70">
        <v>26</v>
      </c>
      <c r="AU11" s="71">
        <v>22</v>
      </c>
      <c r="AV11" s="72">
        <v>48</v>
      </c>
      <c r="AW11" s="276"/>
      <c r="AX11" s="71">
        <v>62</v>
      </c>
      <c r="AY11" s="71">
        <v>31</v>
      </c>
      <c r="AZ11" s="71">
        <v>15</v>
      </c>
      <c r="BA11" s="71">
        <v>11</v>
      </c>
      <c r="BB11" s="71">
        <v>9</v>
      </c>
      <c r="BC11" s="72">
        <v>128</v>
      </c>
      <c r="BD11" s="73">
        <v>176</v>
      </c>
      <c r="BE11" s="70">
        <v>31</v>
      </c>
      <c r="BF11" s="71">
        <v>23</v>
      </c>
      <c r="BG11" s="72">
        <v>54</v>
      </c>
      <c r="BH11" s="276"/>
      <c r="BI11" s="71">
        <v>59</v>
      </c>
      <c r="BJ11" s="71">
        <v>38</v>
      </c>
      <c r="BK11" s="71">
        <v>15</v>
      </c>
      <c r="BL11" s="71">
        <v>14</v>
      </c>
      <c r="BM11" s="71">
        <v>12</v>
      </c>
      <c r="BN11" s="72">
        <v>138</v>
      </c>
      <c r="BO11" s="73">
        <v>192</v>
      </c>
      <c r="BP11" s="70">
        <v>20</v>
      </c>
      <c r="BQ11" s="71">
        <v>21</v>
      </c>
      <c r="BR11" s="72">
        <v>41</v>
      </c>
      <c r="BS11" s="276"/>
      <c r="BT11" s="71">
        <v>52</v>
      </c>
      <c r="BU11" s="71">
        <v>41</v>
      </c>
      <c r="BV11" s="71">
        <v>23</v>
      </c>
      <c r="BW11" s="71">
        <v>19</v>
      </c>
      <c r="BX11" s="71">
        <v>7</v>
      </c>
      <c r="BY11" s="72">
        <v>142</v>
      </c>
      <c r="BZ11" s="73">
        <v>183</v>
      </c>
      <c r="CA11" s="70">
        <v>0</v>
      </c>
      <c r="CB11" s="71">
        <v>0</v>
      </c>
      <c r="CC11" s="72">
        <v>0</v>
      </c>
      <c r="CD11" s="276"/>
      <c r="CE11" s="71">
        <v>0</v>
      </c>
      <c r="CF11" s="71">
        <v>0</v>
      </c>
      <c r="CG11" s="71">
        <v>0</v>
      </c>
      <c r="CH11" s="71">
        <v>0</v>
      </c>
      <c r="CI11" s="71">
        <v>0</v>
      </c>
      <c r="CJ11" s="72">
        <v>0</v>
      </c>
      <c r="CK11" s="73">
        <v>0</v>
      </c>
      <c r="CL11" s="70">
        <v>111</v>
      </c>
      <c r="CM11" s="71">
        <v>84</v>
      </c>
      <c r="CN11" s="72">
        <v>195</v>
      </c>
      <c r="CO11" s="276"/>
      <c r="CP11" s="71">
        <v>227</v>
      </c>
      <c r="CQ11" s="71">
        <v>151</v>
      </c>
      <c r="CR11" s="71">
        <v>80</v>
      </c>
      <c r="CS11" s="71">
        <v>62</v>
      </c>
      <c r="CT11" s="71">
        <v>40</v>
      </c>
      <c r="CU11" s="72">
        <v>560</v>
      </c>
      <c r="CV11" s="73">
        <v>755</v>
      </c>
      <c r="CW11" s="126">
        <v>33</v>
      </c>
      <c r="CX11" s="82">
        <v>33</v>
      </c>
      <c r="CY11" s="83">
        <v>66</v>
      </c>
      <c r="CZ11" s="273"/>
      <c r="DA11" s="82">
        <v>71</v>
      </c>
      <c r="DB11" s="82">
        <v>33</v>
      </c>
      <c r="DC11" s="82">
        <v>32</v>
      </c>
      <c r="DD11" s="82">
        <v>26</v>
      </c>
      <c r="DE11" s="82">
        <v>22</v>
      </c>
      <c r="DF11" s="84">
        <v>184</v>
      </c>
      <c r="DG11" s="85">
        <v>250</v>
      </c>
      <c r="DH11" s="70">
        <v>0</v>
      </c>
      <c r="DI11" s="71">
        <v>0</v>
      </c>
      <c r="DJ11" s="72">
        <v>0</v>
      </c>
      <c r="DK11" s="276"/>
      <c r="DL11" s="71">
        <v>3</v>
      </c>
      <c r="DM11" s="71">
        <v>2</v>
      </c>
      <c r="DN11" s="71">
        <v>2</v>
      </c>
      <c r="DO11" s="71">
        <v>0</v>
      </c>
      <c r="DP11" s="71">
        <v>1</v>
      </c>
      <c r="DQ11" s="72">
        <v>8</v>
      </c>
      <c r="DR11" s="73">
        <v>8</v>
      </c>
      <c r="DS11" s="70">
        <v>2</v>
      </c>
      <c r="DT11" s="71">
        <v>2</v>
      </c>
      <c r="DU11" s="72">
        <v>4</v>
      </c>
      <c r="DV11" s="276"/>
      <c r="DW11" s="71">
        <v>4</v>
      </c>
      <c r="DX11" s="71">
        <v>5</v>
      </c>
      <c r="DY11" s="71">
        <v>2</v>
      </c>
      <c r="DZ11" s="71">
        <v>1</v>
      </c>
      <c r="EA11" s="71">
        <v>0</v>
      </c>
      <c r="EB11" s="72">
        <v>12</v>
      </c>
      <c r="EC11" s="73">
        <v>16</v>
      </c>
      <c r="ED11" s="70">
        <v>1</v>
      </c>
      <c r="EE11" s="71">
        <v>5</v>
      </c>
      <c r="EF11" s="72">
        <v>6</v>
      </c>
      <c r="EG11" s="276"/>
      <c r="EH11" s="71">
        <v>6</v>
      </c>
      <c r="EI11" s="71">
        <v>3</v>
      </c>
      <c r="EJ11" s="71">
        <v>2</v>
      </c>
      <c r="EK11" s="71">
        <v>4</v>
      </c>
      <c r="EL11" s="71">
        <v>2</v>
      </c>
      <c r="EM11" s="72">
        <v>17</v>
      </c>
      <c r="EN11" s="73">
        <v>23</v>
      </c>
      <c r="EO11" s="70">
        <v>8</v>
      </c>
      <c r="EP11" s="71">
        <v>7</v>
      </c>
      <c r="EQ11" s="72">
        <v>15</v>
      </c>
      <c r="ER11" s="276"/>
      <c r="ES11" s="71">
        <v>20</v>
      </c>
      <c r="ET11" s="71">
        <v>3</v>
      </c>
      <c r="EU11" s="71">
        <v>4</v>
      </c>
      <c r="EV11" s="71">
        <v>2</v>
      </c>
      <c r="EW11" s="71">
        <v>2</v>
      </c>
      <c r="EX11" s="72">
        <v>31</v>
      </c>
      <c r="EY11" s="73">
        <v>46</v>
      </c>
      <c r="EZ11" s="70">
        <v>16</v>
      </c>
      <c r="FA11" s="71">
        <v>10</v>
      </c>
      <c r="FB11" s="72">
        <v>26</v>
      </c>
      <c r="FC11" s="276"/>
      <c r="FD11" s="71">
        <v>18</v>
      </c>
      <c r="FE11" s="71">
        <v>6</v>
      </c>
      <c r="FF11" s="71">
        <v>10</v>
      </c>
      <c r="FG11" s="71">
        <v>4</v>
      </c>
      <c r="FH11" s="71">
        <v>8</v>
      </c>
      <c r="FI11" s="72">
        <v>46</v>
      </c>
      <c r="FJ11" s="73">
        <v>72</v>
      </c>
      <c r="FK11" s="70">
        <v>6</v>
      </c>
      <c r="FL11" s="71">
        <v>9</v>
      </c>
      <c r="FM11" s="72">
        <v>15</v>
      </c>
      <c r="FN11" s="276"/>
      <c r="FO11" s="71">
        <v>20</v>
      </c>
      <c r="FP11" s="71">
        <v>14</v>
      </c>
      <c r="FQ11" s="71">
        <v>12</v>
      </c>
      <c r="FR11" s="71">
        <v>15</v>
      </c>
      <c r="FS11" s="71">
        <v>9</v>
      </c>
      <c r="FT11" s="72">
        <v>70</v>
      </c>
      <c r="FU11" s="73">
        <v>85</v>
      </c>
      <c r="FV11" s="70">
        <v>0</v>
      </c>
      <c r="FW11" s="71">
        <v>0</v>
      </c>
      <c r="FX11" s="72">
        <v>0</v>
      </c>
      <c r="FY11" s="276"/>
      <c r="FZ11" s="71">
        <v>0</v>
      </c>
      <c r="GA11" s="71">
        <v>0</v>
      </c>
      <c r="GB11" s="71">
        <v>0</v>
      </c>
      <c r="GC11" s="71">
        <v>0</v>
      </c>
      <c r="GD11" s="71">
        <v>0</v>
      </c>
      <c r="GE11" s="72">
        <v>0</v>
      </c>
      <c r="GF11" s="73">
        <v>0</v>
      </c>
      <c r="GG11" s="70">
        <v>33</v>
      </c>
      <c r="GH11" s="71">
        <v>33</v>
      </c>
      <c r="GI11" s="72">
        <v>66</v>
      </c>
      <c r="GJ11" s="276"/>
      <c r="GK11" s="71">
        <v>71</v>
      </c>
      <c r="GL11" s="71">
        <v>33</v>
      </c>
      <c r="GM11" s="71">
        <v>32</v>
      </c>
      <c r="GN11" s="71">
        <v>26</v>
      </c>
      <c r="GO11" s="71">
        <v>22</v>
      </c>
      <c r="GP11" s="72">
        <v>184</v>
      </c>
      <c r="GQ11" s="73">
        <v>250</v>
      </c>
      <c r="GR11" s="126">
        <v>144</v>
      </c>
      <c r="GS11" s="82">
        <v>117</v>
      </c>
      <c r="GT11" s="83">
        <v>261</v>
      </c>
      <c r="GU11" s="273"/>
      <c r="GV11" s="82">
        <v>298</v>
      </c>
      <c r="GW11" s="82">
        <v>184</v>
      </c>
      <c r="GX11" s="82">
        <v>112</v>
      </c>
      <c r="GY11" s="82">
        <v>88</v>
      </c>
      <c r="GZ11" s="82">
        <v>62</v>
      </c>
      <c r="HA11" s="84">
        <v>744</v>
      </c>
      <c r="HB11" s="85">
        <v>1005</v>
      </c>
      <c r="HC11" s="70">
        <v>6</v>
      </c>
      <c r="HD11" s="71">
        <v>2</v>
      </c>
      <c r="HE11" s="72">
        <v>8</v>
      </c>
      <c r="HF11" s="276"/>
      <c r="HG11" s="71">
        <v>7</v>
      </c>
      <c r="HH11" s="71">
        <v>9</v>
      </c>
      <c r="HI11" s="71">
        <v>8</v>
      </c>
      <c r="HJ11" s="71">
        <v>2</v>
      </c>
      <c r="HK11" s="71">
        <v>6</v>
      </c>
      <c r="HL11" s="72">
        <v>32</v>
      </c>
      <c r="HM11" s="73">
        <v>40</v>
      </c>
      <c r="HN11" s="70">
        <v>14</v>
      </c>
      <c r="HO11" s="71">
        <v>7</v>
      </c>
      <c r="HP11" s="72">
        <v>21</v>
      </c>
      <c r="HQ11" s="276"/>
      <c r="HR11" s="71">
        <v>26</v>
      </c>
      <c r="HS11" s="71">
        <v>18</v>
      </c>
      <c r="HT11" s="71">
        <v>12</v>
      </c>
      <c r="HU11" s="71">
        <v>6</v>
      </c>
      <c r="HV11" s="71">
        <v>3</v>
      </c>
      <c r="HW11" s="72">
        <v>65</v>
      </c>
      <c r="HX11" s="73">
        <v>86</v>
      </c>
      <c r="HY11" s="70">
        <v>17</v>
      </c>
      <c r="HZ11" s="71">
        <v>16</v>
      </c>
      <c r="IA11" s="72">
        <v>33</v>
      </c>
      <c r="IB11" s="276"/>
      <c r="IC11" s="71">
        <v>34</v>
      </c>
      <c r="ID11" s="71">
        <v>24</v>
      </c>
      <c r="IE11" s="71">
        <v>13</v>
      </c>
      <c r="IF11" s="71">
        <v>15</v>
      </c>
      <c r="IG11" s="71">
        <v>6</v>
      </c>
      <c r="IH11" s="72">
        <v>92</v>
      </c>
      <c r="II11" s="73">
        <v>125</v>
      </c>
      <c r="IJ11" s="70">
        <v>34</v>
      </c>
      <c r="IK11" s="71">
        <v>29</v>
      </c>
      <c r="IL11" s="72">
        <v>63</v>
      </c>
      <c r="IM11" s="276"/>
      <c r="IN11" s="71">
        <v>82</v>
      </c>
      <c r="IO11" s="71">
        <v>34</v>
      </c>
      <c r="IP11" s="71">
        <v>19</v>
      </c>
      <c r="IQ11" s="71">
        <v>13</v>
      </c>
      <c r="IR11" s="71">
        <v>11</v>
      </c>
      <c r="IS11" s="72">
        <v>159</v>
      </c>
      <c r="IT11" s="73">
        <v>222</v>
      </c>
      <c r="IU11" s="70">
        <v>47</v>
      </c>
      <c r="IV11" s="71">
        <v>33</v>
      </c>
      <c r="IW11" s="72">
        <v>80</v>
      </c>
      <c r="IX11" s="276"/>
      <c r="IY11" s="71">
        <v>77</v>
      </c>
      <c r="IZ11" s="71">
        <v>44</v>
      </c>
      <c r="JA11" s="71">
        <v>25</v>
      </c>
      <c r="JB11" s="71">
        <v>18</v>
      </c>
      <c r="JC11" s="71">
        <v>20</v>
      </c>
      <c r="JD11" s="72">
        <v>184</v>
      </c>
      <c r="JE11" s="73">
        <v>264</v>
      </c>
      <c r="JF11" s="70">
        <v>26</v>
      </c>
      <c r="JG11" s="71">
        <v>30</v>
      </c>
      <c r="JH11" s="72">
        <v>56</v>
      </c>
      <c r="JI11" s="276"/>
      <c r="JJ11" s="71">
        <v>72</v>
      </c>
      <c r="JK11" s="71">
        <v>55</v>
      </c>
      <c r="JL11" s="71">
        <v>35</v>
      </c>
      <c r="JM11" s="71">
        <v>34</v>
      </c>
      <c r="JN11" s="71">
        <v>16</v>
      </c>
      <c r="JO11" s="72">
        <v>212</v>
      </c>
      <c r="JP11" s="73">
        <v>268</v>
      </c>
      <c r="JQ11" s="70">
        <v>0</v>
      </c>
      <c r="JR11" s="71">
        <v>0</v>
      </c>
      <c r="JS11" s="72">
        <v>0</v>
      </c>
      <c r="JT11" s="276"/>
      <c r="JU11" s="71">
        <v>0</v>
      </c>
      <c r="JV11" s="71">
        <v>0</v>
      </c>
      <c r="JW11" s="71">
        <v>0</v>
      </c>
      <c r="JX11" s="71">
        <v>0</v>
      </c>
      <c r="JY11" s="71">
        <v>0</v>
      </c>
      <c r="JZ11" s="72">
        <v>0</v>
      </c>
      <c r="KA11" s="73">
        <v>0</v>
      </c>
      <c r="KB11" s="70">
        <v>144</v>
      </c>
      <c r="KC11" s="71">
        <v>117</v>
      </c>
      <c r="KD11" s="72">
        <v>261</v>
      </c>
      <c r="KE11" s="276"/>
      <c r="KF11" s="71">
        <v>298</v>
      </c>
      <c r="KG11" s="71">
        <v>184</v>
      </c>
      <c r="KH11" s="71">
        <v>112</v>
      </c>
      <c r="KI11" s="71">
        <v>88</v>
      </c>
      <c r="KJ11" s="71">
        <v>62</v>
      </c>
      <c r="KK11" s="72">
        <v>744</v>
      </c>
      <c r="KL11" s="73">
        <v>1005</v>
      </c>
    </row>
    <row r="12" spans="1:298" ht="19.5" customHeight="1" x14ac:dyDescent="0.2">
      <c r="A12" s="129" t="s">
        <v>8</v>
      </c>
      <c r="B12" s="350">
        <v>50</v>
      </c>
      <c r="C12" s="82">
        <v>25</v>
      </c>
      <c r="D12" s="83">
        <v>75</v>
      </c>
      <c r="E12" s="273"/>
      <c r="F12" s="82">
        <v>104</v>
      </c>
      <c r="G12" s="82">
        <v>76</v>
      </c>
      <c r="H12" s="82">
        <v>37</v>
      </c>
      <c r="I12" s="82">
        <v>54</v>
      </c>
      <c r="J12" s="82">
        <v>17</v>
      </c>
      <c r="K12" s="84">
        <v>288</v>
      </c>
      <c r="L12" s="85">
        <v>363</v>
      </c>
      <c r="M12" s="70">
        <v>2</v>
      </c>
      <c r="N12" s="71">
        <v>4</v>
      </c>
      <c r="O12" s="72">
        <v>6</v>
      </c>
      <c r="P12" s="276"/>
      <c r="Q12" s="71">
        <v>2</v>
      </c>
      <c r="R12" s="71">
        <v>2</v>
      </c>
      <c r="S12" s="71">
        <v>0</v>
      </c>
      <c r="T12" s="71">
        <v>3</v>
      </c>
      <c r="U12" s="71">
        <v>0</v>
      </c>
      <c r="V12" s="72">
        <v>7</v>
      </c>
      <c r="W12" s="73">
        <v>13</v>
      </c>
      <c r="X12" s="70">
        <v>3</v>
      </c>
      <c r="Y12" s="71">
        <v>0</v>
      </c>
      <c r="Z12" s="72">
        <v>3</v>
      </c>
      <c r="AA12" s="276"/>
      <c r="AB12" s="71">
        <v>11</v>
      </c>
      <c r="AC12" s="71">
        <v>11</v>
      </c>
      <c r="AD12" s="71">
        <v>4</v>
      </c>
      <c r="AE12" s="71">
        <v>8</v>
      </c>
      <c r="AF12" s="71">
        <v>2</v>
      </c>
      <c r="AG12" s="72">
        <v>36</v>
      </c>
      <c r="AH12" s="73">
        <v>39</v>
      </c>
      <c r="AI12" s="70">
        <v>3</v>
      </c>
      <c r="AJ12" s="71">
        <v>3</v>
      </c>
      <c r="AK12" s="72">
        <v>6</v>
      </c>
      <c r="AL12" s="276"/>
      <c r="AM12" s="71">
        <v>10</v>
      </c>
      <c r="AN12" s="71">
        <v>7</v>
      </c>
      <c r="AO12" s="71">
        <v>6</v>
      </c>
      <c r="AP12" s="71">
        <v>7</v>
      </c>
      <c r="AQ12" s="71">
        <v>1</v>
      </c>
      <c r="AR12" s="72">
        <v>31</v>
      </c>
      <c r="AS12" s="73">
        <v>37</v>
      </c>
      <c r="AT12" s="70">
        <v>12</v>
      </c>
      <c r="AU12" s="71">
        <v>4</v>
      </c>
      <c r="AV12" s="72">
        <v>16</v>
      </c>
      <c r="AW12" s="276"/>
      <c r="AX12" s="71">
        <v>23</v>
      </c>
      <c r="AY12" s="71">
        <v>14</v>
      </c>
      <c r="AZ12" s="71">
        <v>5</v>
      </c>
      <c r="BA12" s="71">
        <v>11</v>
      </c>
      <c r="BB12" s="71">
        <v>2</v>
      </c>
      <c r="BC12" s="72">
        <v>55</v>
      </c>
      <c r="BD12" s="73">
        <v>71</v>
      </c>
      <c r="BE12" s="70">
        <v>12</v>
      </c>
      <c r="BF12" s="71">
        <v>3</v>
      </c>
      <c r="BG12" s="72">
        <v>15</v>
      </c>
      <c r="BH12" s="276"/>
      <c r="BI12" s="71">
        <v>31</v>
      </c>
      <c r="BJ12" s="71">
        <v>15</v>
      </c>
      <c r="BK12" s="71">
        <v>13</v>
      </c>
      <c r="BL12" s="71">
        <v>9</v>
      </c>
      <c r="BM12" s="71">
        <v>5</v>
      </c>
      <c r="BN12" s="72">
        <v>73</v>
      </c>
      <c r="BO12" s="73">
        <v>88</v>
      </c>
      <c r="BP12" s="70">
        <v>18</v>
      </c>
      <c r="BQ12" s="71">
        <v>11</v>
      </c>
      <c r="BR12" s="72">
        <v>29</v>
      </c>
      <c r="BS12" s="276"/>
      <c r="BT12" s="71">
        <v>27</v>
      </c>
      <c r="BU12" s="71">
        <v>27</v>
      </c>
      <c r="BV12" s="71">
        <v>9</v>
      </c>
      <c r="BW12" s="71">
        <v>16</v>
      </c>
      <c r="BX12" s="71">
        <v>7</v>
      </c>
      <c r="BY12" s="72">
        <v>86</v>
      </c>
      <c r="BZ12" s="73">
        <v>115</v>
      </c>
      <c r="CA12" s="70">
        <v>0</v>
      </c>
      <c r="CB12" s="71">
        <v>0</v>
      </c>
      <c r="CC12" s="72">
        <v>0</v>
      </c>
      <c r="CD12" s="276"/>
      <c r="CE12" s="71">
        <v>0</v>
      </c>
      <c r="CF12" s="71">
        <v>0</v>
      </c>
      <c r="CG12" s="71">
        <v>0</v>
      </c>
      <c r="CH12" s="71">
        <v>0</v>
      </c>
      <c r="CI12" s="71">
        <v>0</v>
      </c>
      <c r="CJ12" s="72">
        <v>0</v>
      </c>
      <c r="CK12" s="73">
        <v>0</v>
      </c>
      <c r="CL12" s="70">
        <v>50</v>
      </c>
      <c r="CM12" s="71">
        <v>25</v>
      </c>
      <c r="CN12" s="72">
        <v>75</v>
      </c>
      <c r="CO12" s="276"/>
      <c r="CP12" s="71">
        <v>104</v>
      </c>
      <c r="CQ12" s="71">
        <v>76</v>
      </c>
      <c r="CR12" s="71">
        <v>37</v>
      </c>
      <c r="CS12" s="71">
        <v>54</v>
      </c>
      <c r="CT12" s="71">
        <v>17</v>
      </c>
      <c r="CU12" s="72">
        <v>288</v>
      </c>
      <c r="CV12" s="73">
        <v>363</v>
      </c>
      <c r="CW12" s="126">
        <v>16</v>
      </c>
      <c r="CX12" s="82">
        <v>22</v>
      </c>
      <c r="CY12" s="83">
        <v>38</v>
      </c>
      <c r="CZ12" s="273"/>
      <c r="DA12" s="82">
        <v>30</v>
      </c>
      <c r="DB12" s="82">
        <v>42</v>
      </c>
      <c r="DC12" s="82">
        <v>17</v>
      </c>
      <c r="DD12" s="82">
        <v>26</v>
      </c>
      <c r="DE12" s="82">
        <v>14</v>
      </c>
      <c r="DF12" s="84">
        <v>129</v>
      </c>
      <c r="DG12" s="85">
        <v>167</v>
      </c>
      <c r="DH12" s="70">
        <v>1</v>
      </c>
      <c r="DI12" s="71">
        <v>0</v>
      </c>
      <c r="DJ12" s="72">
        <v>1</v>
      </c>
      <c r="DK12" s="276"/>
      <c r="DL12" s="71">
        <v>1</v>
      </c>
      <c r="DM12" s="71">
        <v>0</v>
      </c>
      <c r="DN12" s="71">
        <v>0</v>
      </c>
      <c r="DO12" s="71">
        <v>1</v>
      </c>
      <c r="DP12" s="71">
        <v>0</v>
      </c>
      <c r="DQ12" s="72">
        <v>2</v>
      </c>
      <c r="DR12" s="73">
        <v>3</v>
      </c>
      <c r="DS12" s="70">
        <v>2</v>
      </c>
      <c r="DT12" s="71">
        <v>1</v>
      </c>
      <c r="DU12" s="72">
        <v>3</v>
      </c>
      <c r="DV12" s="276"/>
      <c r="DW12" s="71">
        <v>2</v>
      </c>
      <c r="DX12" s="71">
        <v>3</v>
      </c>
      <c r="DY12" s="71">
        <v>0</v>
      </c>
      <c r="DZ12" s="71">
        <v>2</v>
      </c>
      <c r="EA12" s="71">
        <v>0</v>
      </c>
      <c r="EB12" s="72">
        <v>7</v>
      </c>
      <c r="EC12" s="73">
        <v>10</v>
      </c>
      <c r="ED12" s="70">
        <v>3</v>
      </c>
      <c r="EE12" s="71">
        <v>6</v>
      </c>
      <c r="EF12" s="72">
        <v>9</v>
      </c>
      <c r="EG12" s="276"/>
      <c r="EH12" s="71">
        <v>4</v>
      </c>
      <c r="EI12" s="71">
        <v>6</v>
      </c>
      <c r="EJ12" s="71">
        <v>2</v>
      </c>
      <c r="EK12" s="71">
        <v>1</v>
      </c>
      <c r="EL12" s="71">
        <v>0</v>
      </c>
      <c r="EM12" s="72">
        <v>13</v>
      </c>
      <c r="EN12" s="73">
        <v>22</v>
      </c>
      <c r="EO12" s="70">
        <v>6</v>
      </c>
      <c r="EP12" s="71">
        <v>6</v>
      </c>
      <c r="EQ12" s="72">
        <v>12</v>
      </c>
      <c r="ER12" s="276"/>
      <c r="ES12" s="71">
        <v>4</v>
      </c>
      <c r="ET12" s="71">
        <v>3</v>
      </c>
      <c r="EU12" s="71">
        <v>3</v>
      </c>
      <c r="EV12" s="71">
        <v>8</v>
      </c>
      <c r="EW12" s="71">
        <v>2</v>
      </c>
      <c r="EX12" s="72">
        <v>20</v>
      </c>
      <c r="EY12" s="73">
        <v>32</v>
      </c>
      <c r="EZ12" s="70">
        <v>3</v>
      </c>
      <c r="FA12" s="71">
        <v>3</v>
      </c>
      <c r="FB12" s="72">
        <v>6</v>
      </c>
      <c r="FC12" s="276"/>
      <c r="FD12" s="71">
        <v>9</v>
      </c>
      <c r="FE12" s="71">
        <v>13</v>
      </c>
      <c r="FF12" s="71">
        <v>3</v>
      </c>
      <c r="FG12" s="71">
        <v>4</v>
      </c>
      <c r="FH12" s="71">
        <v>2</v>
      </c>
      <c r="FI12" s="72">
        <v>31</v>
      </c>
      <c r="FJ12" s="73">
        <v>37</v>
      </c>
      <c r="FK12" s="70">
        <v>1</v>
      </c>
      <c r="FL12" s="71">
        <v>6</v>
      </c>
      <c r="FM12" s="72">
        <v>7</v>
      </c>
      <c r="FN12" s="276"/>
      <c r="FO12" s="71">
        <v>10</v>
      </c>
      <c r="FP12" s="71">
        <v>17</v>
      </c>
      <c r="FQ12" s="71">
        <v>9</v>
      </c>
      <c r="FR12" s="71">
        <v>10</v>
      </c>
      <c r="FS12" s="71">
        <v>10</v>
      </c>
      <c r="FT12" s="72">
        <v>56</v>
      </c>
      <c r="FU12" s="73">
        <v>63</v>
      </c>
      <c r="FV12" s="70">
        <v>0</v>
      </c>
      <c r="FW12" s="71">
        <v>0</v>
      </c>
      <c r="FX12" s="72">
        <v>0</v>
      </c>
      <c r="FY12" s="276"/>
      <c r="FZ12" s="71">
        <v>0</v>
      </c>
      <c r="GA12" s="71">
        <v>0</v>
      </c>
      <c r="GB12" s="71">
        <v>0</v>
      </c>
      <c r="GC12" s="71">
        <v>0</v>
      </c>
      <c r="GD12" s="71">
        <v>0</v>
      </c>
      <c r="GE12" s="72">
        <v>0</v>
      </c>
      <c r="GF12" s="73">
        <v>0</v>
      </c>
      <c r="GG12" s="70">
        <v>16</v>
      </c>
      <c r="GH12" s="71">
        <v>22</v>
      </c>
      <c r="GI12" s="72">
        <v>38</v>
      </c>
      <c r="GJ12" s="276"/>
      <c r="GK12" s="71">
        <v>30</v>
      </c>
      <c r="GL12" s="71">
        <v>42</v>
      </c>
      <c r="GM12" s="71">
        <v>17</v>
      </c>
      <c r="GN12" s="71">
        <v>26</v>
      </c>
      <c r="GO12" s="71">
        <v>14</v>
      </c>
      <c r="GP12" s="72">
        <v>129</v>
      </c>
      <c r="GQ12" s="73">
        <v>167</v>
      </c>
      <c r="GR12" s="126">
        <v>66</v>
      </c>
      <c r="GS12" s="82">
        <v>47</v>
      </c>
      <c r="GT12" s="83">
        <v>113</v>
      </c>
      <c r="GU12" s="273"/>
      <c r="GV12" s="82">
        <v>134</v>
      </c>
      <c r="GW12" s="82">
        <v>118</v>
      </c>
      <c r="GX12" s="82">
        <v>54</v>
      </c>
      <c r="GY12" s="82">
        <v>80</v>
      </c>
      <c r="GZ12" s="82">
        <v>31</v>
      </c>
      <c r="HA12" s="84">
        <v>417</v>
      </c>
      <c r="HB12" s="85">
        <v>530</v>
      </c>
      <c r="HC12" s="70">
        <v>3</v>
      </c>
      <c r="HD12" s="71">
        <v>4</v>
      </c>
      <c r="HE12" s="72">
        <v>7</v>
      </c>
      <c r="HF12" s="276"/>
      <c r="HG12" s="71">
        <v>3</v>
      </c>
      <c r="HH12" s="71">
        <v>2</v>
      </c>
      <c r="HI12" s="71">
        <v>0</v>
      </c>
      <c r="HJ12" s="71">
        <v>4</v>
      </c>
      <c r="HK12" s="71">
        <v>0</v>
      </c>
      <c r="HL12" s="72">
        <v>9</v>
      </c>
      <c r="HM12" s="73">
        <v>16</v>
      </c>
      <c r="HN12" s="70">
        <v>5</v>
      </c>
      <c r="HO12" s="71">
        <v>1</v>
      </c>
      <c r="HP12" s="72">
        <v>6</v>
      </c>
      <c r="HQ12" s="276"/>
      <c r="HR12" s="71">
        <v>13</v>
      </c>
      <c r="HS12" s="71">
        <v>14</v>
      </c>
      <c r="HT12" s="71">
        <v>4</v>
      </c>
      <c r="HU12" s="71">
        <v>10</v>
      </c>
      <c r="HV12" s="71">
        <v>2</v>
      </c>
      <c r="HW12" s="72">
        <v>43</v>
      </c>
      <c r="HX12" s="73">
        <v>49</v>
      </c>
      <c r="HY12" s="70">
        <v>6</v>
      </c>
      <c r="HZ12" s="71">
        <v>9</v>
      </c>
      <c r="IA12" s="72">
        <v>15</v>
      </c>
      <c r="IB12" s="276"/>
      <c r="IC12" s="71">
        <v>14</v>
      </c>
      <c r="ID12" s="71">
        <v>13</v>
      </c>
      <c r="IE12" s="71">
        <v>8</v>
      </c>
      <c r="IF12" s="71">
        <v>8</v>
      </c>
      <c r="IG12" s="71">
        <v>1</v>
      </c>
      <c r="IH12" s="72">
        <v>44</v>
      </c>
      <c r="II12" s="73">
        <v>59</v>
      </c>
      <c r="IJ12" s="70">
        <v>18</v>
      </c>
      <c r="IK12" s="71">
        <v>10</v>
      </c>
      <c r="IL12" s="72">
        <v>28</v>
      </c>
      <c r="IM12" s="276"/>
      <c r="IN12" s="71">
        <v>27</v>
      </c>
      <c r="IO12" s="71">
        <v>17</v>
      </c>
      <c r="IP12" s="71">
        <v>8</v>
      </c>
      <c r="IQ12" s="71">
        <v>19</v>
      </c>
      <c r="IR12" s="71">
        <v>4</v>
      </c>
      <c r="IS12" s="72">
        <v>75</v>
      </c>
      <c r="IT12" s="73">
        <v>103</v>
      </c>
      <c r="IU12" s="70">
        <v>15</v>
      </c>
      <c r="IV12" s="71">
        <v>6</v>
      </c>
      <c r="IW12" s="72">
        <v>21</v>
      </c>
      <c r="IX12" s="276"/>
      <c r="IY12" s="71">
        <v>40</v>
      </c>
      <c r="IZ12" s="71">
        <v>28</v>
      </c>
      <c r="JA12" s="71">
        <v>16</v>
      </c>
      <c r="JB12" s="71">
        <v>13</v>
      </c>
      <c r="JC12" s="71">
        <v>7</v>
      </c>
      <c r="JD12" s="72">
        <v>104</v>
      </c>
      <c r="JE12" s="73">
        <v>125</v>
      </c>
      <c r="JF12" s="70">
        <v>19</v>
      </c>
      <c r="JG12" s="71">
        <v>17</v>
      </c>
      <c r="JH12" s="72">
        <v>36</v>
      </c>
      <c r="JI12" s="276"/>
      <c r="JJ12" s="71">
        <v>37</v>
      </c>
      <c r="JK12" s="71">
        <v>44</v>
      </c>
      <c r="JL12" s="71">
        <v>18</v>
      </c>
      <c r="JM12" s="71">
        <v>26</v>
      </c>
      <c r="JN12" s="71">
        <v>17</v>
      </c>
      <c r="JO12" s="72">
        <v>142</v>
      </c>
      <c r="JP12" s="73">
        <v>178</v>
      </c>
      <c r="JQ12" s="70">
        <v>0</v>
      </c>
      <c r="JR12" s="71">
        <v>0</v>
      </c>
      <c r="JS12" s="72">
        <v>0</v>
      </c>
      <c r="JT12" s="276"/>
      <c r="JU12" s="71">
        <v>0</v>
      </c>
      <c r="JV12" s="71">
        <v>0</v>
      </c>
      <c r="JW12" s="71">
        <v>0</v>
      </c>
      <c r="JX12" s="71">
        <v>0</v>
      </c>
      <c r="JY12" s="71">
        <v>0</v>
      </c>
      <c r="JZ12" s="72">
        <v>0</v>
      </c>
      <c r="KA12" s="73">
        <v>0</v>
      </c>
      <c r="KB12" s="70">
        <v>66</v>
      </c>
      <c r="KC12" s="71">
        <v>47</v>
      </c>
      <c r="KD12" s="72">
        <v>113</v>
      </c>
      <c r="KE12" s="276"/>
      <c r="KF12" s="71">
        <v>134</v>
      </c>
      <c r="KG12" s="71">
        <v>118</v>
      </c>
      <c r="KH12" s="71">
        <v>54</v>
      </c>
      <c r="KI12" s="71">
        <v>80</v>
      </c>
      <c r="KJ12" s="71">
        <v>31</v>
      </c>
      <c r="KK12" s="72">
        <v>417</v>
      </c>
      <c r="KL12" s="73">
        <v>530</v>
      </c>
    </row>
    <row r="13" spans="1:298" ht="19.5" customHeight="1" x14ac:dyDescent="0.2">
      <c r="A13" s="129" t="s">
        <v>9</v>
      </c>
      <c r="B13" s="350">
        <v>180</v>
      </c>
      <c r="C13" s="82">
        <v>117</v>
      </c>
      <c r="D13" s="83">
        <v>297</v>
      </c>
      <c r="E13" s="273"/>
      <c r="F13" s="82">
        <v>218</v>
      </c>
      <c r="G13" s="82">
        <v>140</v>
      </c>
      <c r="H13" s="82">
        <v>106</v>
      </c>
      <c r="I13" s="82">
        <v>99</v>
      </c>
      <c r="J13" s="82">
        <v>56</v>
      </c>
      <c r="K13" s="84">
        <v>619</v>
      </c>
      <c r="L13" s="85">
        <v>916</v>
      </c>
      <c r="M13" s="70">
        <v>0</v>
      </c>
      <c r="N13" s="71">
        <v>4</v>
      </c>
      <c r="O13" s="72">
        <v>4</v>
      </c>
      <c r="P13" s="276"/>
      <c r="Q13" s="71">
        <v>5</v>
      </c>
      <c r="R13" s="71">
        <v>4</v>
      </c>
      <c r="S13" s="71">
        <v>2</v>
      </c>
      <c r="T13" s="71">
        <v>2</v>
      </c>
      <c r="U13" s="71">
        <v>3</v>
      </c>
      <c r="V13" s="72">
        <v>16</v>
      </c>
      <c r="W13" s="73">
        <v>20</v>
      </c>
      <c r="X13" s="70">
        <v>8</v>
      </c>
      <c r="Y13" s="71">
        <v>9</v>
      </c>
      <c r="Z13" s="72">
        <v>17</v>
      </c>
      <c r="AA13" s="276"/>
      <c r="AB13" s="71">
        <v>8</v>
      </c>
      <c r="AC13" s="71">
        <v>12</v>
      </c>
      <c r="AD13" s="71">
        <v>4</v>
      </c>
      <c r="AE13" s="71">
        <v>4</v>
      </c>
      <c r="AF13" s="71">
        <v>5</v>
      </c>
      <c r="AG13" s="72">
        <v>33</v>
      </c>
      <c r="AH13" s="73">
        <v>50</v>
      </c>
      <c r="AI13" s="70">
        <v>15</v>
      </c>
      <c r="AJ13" s="71">
        <v>9</v>
      </c>
      <c r="AK13" s="72">
        <v>24</v>
      </c>
      <c r="AL13" s="276"/>
      <c r="AM13" s="71">
        <v>23</v>
      </c>
      <c r="AN13" s="71">
        <v>8</v>
      </c>
      <c r="AO13" s="71">
        <v>15</v>
      </c>
      <c r="AP13" s="71">
        <v>12</v>
      </c>
      <c r="AQ13" s="71">
        <v>6</v>
      </c>
      <c r="AR13" s="72">
        <v>64</v>
      </c>
      <c r="AS13" s="73">
        <v>88</v>
      </c>
      <c r="AT13" s="70">
        <v>42</v>
      </c>
      <c r="AU13" s="71">
        <v>21</v>
      </c>
      <c r="AV13" s="72">
        <v>63</v>
      </c>
      <c r="AW13" s="276"/>
      <c r="AX13" s="71">
        <v>49</v>
      </c>
      <c r="AY13" s="71">
        <v>27</v>
      </c>
      <c r="AZ13" s="71">
        <v>22</v>
      </c>
      <c r="BA13" s="71">
        <v>18</v>
      </c>
      <c r="BB13" s="71">
        <v>9</v>
      </c>
      <c r="BC13" s="72">
        <v>125</v>
      </c>
      <c r="BD13" s="73">
        <v>188</v>
      </c>
      <c r="BE13" s="70">
        <v>65</v>
      </c>
      <c r="BF13" s="71">
        <v>39</v>
      </c>
      <c r="BG13" s="72">
        <v>104</v>
      </c>
      <c r="BH13" s="276"/>
      <c r="BI13" s="71">
        <v>78</v>
      </c>
      <c r="BJ13" s="71">
        <v>43</v>
      </c>
      <c r="BK13" s="71">
        <v>25</v>
      </c>
      <c r="BL13" s="71">
        <v>32</v>
      </c>
      <c r="BM13" s="71">
        <v>11</v>
      </c>
      <c r="BN13" s="72">
        <v>189</v>
      </c>
      <c r="BO13" s="73">
        <v>293</v>
      </c>
      <c r="BP13" s="70">
        <v>50</v>
      </c>
      <c r="BQ13" s="71">
        <v>35</v>
      </c>
      <c r="BR13" s="72">
        <v>85</v>
      </c>
      <c r="BS13" s="276"/>
      <c r="BT13" s="71">
        <v>55</v>
      </c>
      <c r="BU13" s="71">
        <v>46</v>
      </c>
      <c r="BV13" s="71">
        <v>38</v>
      </c>
      <c r="BW13" s="71">
        <v>31</v>
      </c>
      <c r="BX13" s="71">
        <v>22</v>
      </c>
      <c r="BY13" s="72">
        <v>192</v>
      </c>
      <c r="BZ13" s="73">
        <v>277</v>
      </c>
      <c r="CA13" s="70">
        <v>0</v>
      </c>
      <c r="CB13" s="71">
        <v>0</v>
      </c>
      <c r="CC13" s="72">
        <v>0</v>
      </c>
      <c r="CD13" s="276"/>
      <c r="CE13" s="71">
        <v>0</v>
      </c>
      <c r="CF13" s="71">
        <v>0</v>
      </c>
      <c r="CG13" s="71">
        <v>0</v>
      </c>
      <c r="CH13" s="71">
        <v>0</v>
      </c>
      <c r="CI13" s="71">
        <v>0</v>
      </c>
      <c r="CJ13" s="72">
        <v>0</v>
      </c>
      <c r="CK13" s="73">
        <v>0</v>
      </c>
      <c r="CL13" s="70">
        <v>180</v>
      </c>
      <c r="CM13" s="71">
        <v>117</v>
      </c>
      <c r="CN13" s="72">
        <v>297</v>
      </c>
      <c r="CO13" s="276"/>
      <c r="CP13" s="71">
        <v>218</v>
      </c>
      <c r="CQ13" s="71">
        <v>140</v>
      </c>
      <c r="CR13" s="71">
        <v>106</v>
      </c>
      <c r="CS13" s="71">
        <v>99</v>
      </c>
      <c r="CT13" s="71">
        <v>56</v>
      </c>
      <c r="CU13" s="72">
        <v>619</v>
      </c>
      <c r="CV13" s="73">
        <v>916</v>
      </c>
      <c r="CW13" s="126">
        <v>59</v>
      </c>
      <c r="CX13" s="82">
        <v>43</v>
      </c>
      <c r="CY13" s="83">
        <v>102</v>
      </c>
      <c r="CZ13" s="273"/>
      <c r="DA13" s="82">
        <v>56</v>
      </c>
      <c r="DB13" s="82">
        <v>40</v>
      </c>
      <c r="DC13" s="82">
        <v>39</v>
      </c>
      <c r="DD13" s="82">
        <v>36</v>
      </c>
      <c r="DE13" s="82">
        <v>29</v>
      </c>
      <c r="DF13" s="84">
        <v>200</v>
      </c>
      <c r="DG13" s="85">
        <v>302</v>
      </c>
      <c r="DH13" s="70">
        <v>1</v>
      </c>
      <c r="DI13" s="71">
        <v>1</v>
      </c>
      <c r="DJ13" s="72">
        <v>2</v>
      </c>
      <c r="DK13" s="276"/>
      <c r="DL13" s="71">
        <v>1</v>
      </c>
      <c r="DM13" s="71">
        <v>0</v>
      </c>
      <c r="DN13" s="71">
        <v>0</v>
      </c>
      <c r="DO13" s="71">
        <v>0</v>
      </c>
      <c r="DP13" s="71">
        <v>0</v>
      </c>
      <c r="DQ13" s="72">
        <v>1</v>
      </c>
      <c r="DR13" s="73">
        <v>3</v>
      </c>
      <c r="DS13" s="70">
        <v>5</v>
      </c>
      <c r="DT13" s="71">
        <v>1</v>
      </c>
      <c r="DU13" s="72">
        <v>6</v>
      </c>
      <c r="DV13" s="276"/>
      <c r="DW13" s="71">
        <v>3</v>
      </c>
      <c r="DX13" s="71">
        <v>2</v>
      </c>
      <c r="DY13" s="71">
        <v>3</v>
      </c>
      <c r="DZ13" s="71">
        <v>2</v>
      </c>
      <c r="EA13" s="71">
        <v>1</v>
      </c>
      <c r="EB13" s="72">
        <v>11</v>
      </c>
      <c r="EC13" s="73">
        <v>17</v>
      </c>
      <c r="ED13" s="70">
        <v>8</v>
      </c>
      <c r="EE13" s="71">
        <v>6</v>
      </c>
      <c r="EF13" s="72">
        <v>14</v>
      </c>
      <c r="EG13" s="276"/>
      <c r="EH13" s="71">
        <v>8</v>
      </c>
      <c r="EI13" s="71">
        <v>2</v>
      </c>
      <c r="EJ13" s="71">
        <v>3</v>
      </c>
      <c r="EK13" s="71">
        <v>1</v>
      </c>
      <c r="EL13" s="71">
        <v>1</v>
      </c>
      <c r="EM13" s="72">
        <v>15</v>
      </c>
      <c r="EN13" s="73">
        <v>29</v>
      </c>
      <c r="EO13" s="70">
        <v>21</v>
      </c>
      <c r="EP13" s="71">
        <v>11</v>
      </c>
      <c r="EQ13" s="72">
        <v>32</v>
      </c>
      <c r="ER13" s="276"/>
      <c r="ES13" s="71">
        <v>12</v>
      </c>
      <c r="ET13" s="71">
        <v>6</v>
      </c>
      <c r="EU13" s="71">
        <v>2</v>
      </c>
      <c r="EV13" s="71">
        <v>3</v>
      </c>
      <c r="EW13" s="71">
        <v>5</v>
      </c>
      <c r="EX13" s="72">
        <v>28</v>
      </c>
      <c r="EY13" s="73">
        <v>60</v>
      </c>
      <c r="EZ13" s="70">
        <v>15</v>
      </c>
      <c r="FA13" s="71">
        <v>7</v>
      </c>
      <c r="FB13" s="72">
        <v>22</v>
      </c>
      <c r="FC13" s="276"/>
      <c r="FD13" s="71">
        <v>13</v>
      </c>
      <c r="FE13" s="71">
        <v>15</v>
      </c>
      <c r="FF13" s="71">
        <v>12</v>
      </c>
      <c r="FG13" s="71">
        <v>12</v>
      </c>
      <c r="FH13" s="71">
        <v>11</v>
      </c>
      <c r="FI13" s="72">
        <v>63</v>
      </c>
      <c r="FJ13" s="73">
        <v>85</v>
      </c>
      <c r="FK13" s="70">
        <v>9</v>
      </c>
      <c r="FL13" s="71">
        <v>17</v>
      </c>
      <c r="FM13" s="72">
        <v>26</v>
      </c>
      <c r="FN13" s="276"/>
      <c r="FO13" s="71">
        <v>19</v>
      </c>
      <c r="FP13" s="71">
        <v>15</v>
      </c>
      <c r="FQ13" s="71">
        <v>19</v>
      </c>
      <c r="FR13" s="71">
        <v>18</v>
      </c>
      <c r="FS13" s="71">
        <v>11</v>
      </c>
      <c r="FT13" s="72">
        <v>82</v>
      </c>
      <c r="FU13" s="73">
        <v>108</v>
      </c>
      <c r="FV13" s="70">
        <v>0</v>
      </c>
      <c r="FW13" s="71">
        <v>0</v>
      </c>
      <c r="FX13" s="72">
        <v>0</v>
      </c>
      <c r="FY13" s="276"/>
      <c r="FZ13" s="71">
        <v>0</v>
      </c>
      <c r="GA13" s="71">
        <v>0</v>
      </c>
      <c r="GB13" s="71">
        <v>0</v>
      </c>
      <c r="GC13" s="71">
        <v>0</v>
      </c>
      <c r="GD13" s="71">
        <v>0</v>
      </c>
      <c r="GE13" s="72">
        <v>0</v>
      </c>
      <c r="GF13" s="73">
        <v>0</v>
      </c>
      <c r="GG13" s="70">
        <v>59</v>
      </c>
      <c r="GH13" s="71">
        <v>43</v>
      </c>
      <c r="GI13" s="72">
        <v>102</v>
      </c>
      <c r="GJ13" s="276"/>
      <c r="GK13" s="71">
        <v>56</v>
      </c>
      <c r="GL13" s="71">
        <v>40</v>
      </c>
      <c r="GM13" s="71">
        <v>39</v>
      </c>
      <c r="GN13" s="71">
        <v>36</v>
      </c>
      <c r="GO13" s="71">
        <v>29</v>
      </c>
      <c r="GP13" s="72">
        <v>200</v>
      </c>
      <c r="GQ13" s="73">
        <v>302</v>
      </c>
      <c r="GR13" s="126">
        <v>239</v>
      </c>
      <c r="GS13" s="82">
        <v>160</v>
      </c>
      <c r="GT13" s="83">
        <v>399</v>
      </c>
      <c r="GU13" s="273"/>
      <c r="GV13" s="82">
        <v>274</v>
      </c>
      <c r="GW13" s="82">
        <v>180</v>
      </c>
      <c r="GX13" s="82">
        <v>145</v>
      </c>
      <c r="GY13" s="82">
        <v>135</v>
      </c>
      <c r="GZ13" s="82">
        <v>85</v>
      </c>
      <c r="HA13" s="84">
        <v>819</v>
      </c>
      <c r="HB13" s="85">
        <v>1218</v>
      </c>
      <c r="HC13" s="70">
        <v>1</v>
      </c>
      <c r="HD13" s="71">
        <v>5</v>
      </c>
      <c r="HE13" s="72">
        <v>6</v>
      </c>
      <c r="HF13" s="276"/>
      <c r="HG13" s="71">
        <v>6</v>
      </c>
      <c r="HH13" s="71">
        <v>4</v>
      </c>
      <c r="HI13" s="71">
        <v>2</v>
      </c>
      <c r="HJ13" s="71">
        <v>2</v>
      </c>
      <c r="HK13" s="71">
        <v>3</v>
      </c>
      <c r="HL13" s="72">
        <v>17</v>
      </c>
      <c r="HM13" s="73">
        <v>23</v>
      </c>
      <c r="HN13" s="70">
        <v>13</v>
      </c>
      <c r="HO13" s="71">
        <v>10</v>
      </c>
      <c r="HP13" s="72">
        <v>23</v>
      </c>
      <c r="HQ13" s="276"/>
      <c r="HR13" s="71">
        <v>11</v>
      </c>
      <c r="HS13" s="71">
        <v>14</v>
      </c>
      <c r="HT13" s="71">
        <v>7</v>
      </c>
      <c r="HU13" s="71">
        <v>6</v>
      </c>
      <c r="HV13" s="71">
        <v>6</v>
      </c>
      <c r="HW13" s="72">
        <v>44</v>
      </c>
      <c r="HX13" s="73">
        <v>67</v>
      </c>
      <c r="HY13" s="70">
        <v>23</v>
      </c>
      <c r="HZ13" s="71">
        <v>15</v>
      </c>
      <c r="IA13" s="72">
        <v>38</v>
      </c>
      <c r="IB13" s="276"/>
      <c r="IC13" s="71">
        <v>31</v>
      </c>
      <c r="ID13" s="71">
        <v>10</v>
      </c>
      <c r="IE13" s="71">
        <v>18</v>
      </c>
      <c r="IF13" s="71">
        <v>13</v>
      </c>
      <c r="IG13" s="71">
        <v>7</v>
      </c>
      <c r="IH13" s="72">
        <v>79</v>
      </c>
      <c r="II13" s="73">
        <v>117</v>
      </c>
      <c r="IJ13" s="70">
        <v>63</v>
      </c>
      <c r="IK13" s="71">
        <v>32</v>
      </c>
      <c r="IL13" s="72">
        <v>95</v>
      </c>
      <c r="IM13" s="276"/>
      <c r="IN13" s="71">
        <v>61</v>
      </c>
      <c r="IO13" s="71">
        <v>33</v>
      </c>
      <c r="IP13" s="71">
        <v>24</v>
      </c>
      <c r="IQ13" s="71">
        <v>21</v>
      </c>
      <c r="IR13" s="71">
        <v>14</v>
      </c>
      <c r="IS13" s="72">
        <v>153</v>
      </c>
      <c r="IT13" s="73">
        <v>248</v>
      </c>
      <c r="IU13" s="70">
        <v>80</v>
      </c>
      <c r="IV13" s="71">
        <v>46</v>
      </c>
      <c r="IW13" s="72">
        <v>126</v>
      </c>
      <c r="IX13" s="276"/>
      <c r="IY13" s="71">
        <v>91</v>
      </c>
      <c r="IZ13" s="71">
        <v>58</v>
      </c>
      <c r="JA13" s="71">
        <v>37</v>
      </c>
      <c r="JB13" s="71">
        <v>44</v>
      </c>
      <c r="JC13" s="71">
        <v>22</v>
      </c>
      <c r="JD13" s="72">
        <v>252</v>
      </c>
      <c r="JE13" s="73">
        <v>378</v>
      </c>
      <c r="JF13" s="70">
        <v>59</v>
      </c>
      <c r="JG13" s="71">
        <v>52</v>
      </c>
      <c r="JH13" s="72">
        <v>111</v>
      </c>
      <c r="JI13" s="276"/>
      <c r="JJ13" s="71">
        <v>74</v>
      </c>
      <c r="JK13" s="71">
        <v>61</v>
      </c>
      <c r="JL13" s="71">
        <v>57</v>
      </c>
      <c r="JM13" s="71">
        <v>49</v>
      </c>
      <c r="JN13" s="71">
        <v>33</v>
      </c>
      <c r="JO13" s="72">
        <v>274</v>
      </c>
      <c r="JP13" s="73">
        <v>385</v>
      </c>
      <c r="JQ13" s="70">
        <v>0</v>
      </c>
      <c r="JR13" s="71">
        <v>0</v>
      </c>
      <c r="JS13" s="72">
        <v>0</v>
      </c>
      <c r="JT13" s="276"/>
      <c r="JU13" s="71">
        <v>0</v>
      </c>
      <c r="JV13" s="71">
        <v>0</v>
      </c>
      <c r="JW13" s="71">
        <v>0</v>
      </c>
      <c r="JX13" s="71">
        <v>0</v>
      </c>
      <c r="JY13" s="71">
        <v>0</v>
      </c>
      <c r="JZ13" s="72">
        <v>0</v>
      </c>
      <c r="KA13" s="73">
        <v>0</v>
      </c>
      <c r="KB13" s="70">
        <v>239</v>
      </c>
      <c r="KC13" s="71">
        <v>160</v>
      </c>
      <c r="KD13" s="72">
        <v>399</v>
      </c>
      <c r="KE13" s="276"/>
      <c r="KF13" s="71">
        <v>274</v>
      </c>
      <c r="KG13" s="71">
        <v>180</v>
      </c>
      <c r="KH13" s="71">
        <v>145</v>
      </c>
      <c r="KI13" s="71">
        <v>135</v>
      </c>
      <c r="KJ13" s="71">
        <v>85</v>
      </c>
      <c r="KK13" s="72">
        <v>819</v>
      </c>
      <c r="KL13" s="73">
        <v>1218</v>
      </c>
    </row>
    <row r="14" spans="1:298" ht="19.5" customHeight="1" x14ac:dyDescent="0.2">
      <c r="A14" s="129" t="s">
        <v>10</v>
      </c>
      <c r="B14" s="350">
        <v>268</v>
      </c>
      <c r="C14" s="82">
        <v>170</v>
      </c>
      <c r="D14" s="83">
        <v>438</v>
      </c>
      <c r="E14" s="273"/>
      <c r="F14" s="82">
        <v>257</v>
      </c>
      <c r="G14" s="82">
        <v>159</v>
      </c>
      <c r="H14" s="82">
        <v>109</v>
      </c>
      <c r="I14" s="82">
        <v>94</v>
      </c>
      <c r="J14" s="82">
        <v>78</v>
      </c>
      <c r="K14" s="84">
        <v>697</v>
      </c>
      <c r="L14" s="85">
        <v>1135</v>
      </c>
      <c r="M14" s="70">
        <v>3</v>
      </c>
      <c r="N14" s="71">
        <v>8</v>
      </c>
      <c r="O14" s="72">
        <v>11</v>
      </c>
      <c r="P14" s="276"/>
      <c r="Q14" s="71">
        <v>10</v>
      </c>
      <c r="R14" s="71">
        <v>6</v>
      </c>
      <c r="S14" s="71">
        <v>4</v>
      </c>
      <c r="T14" s="71">
        <v>4</v>
      </c>
      <c r="U14" s="71">
        <v>4</v>
      </c>
      <c r="V14" s="72">
        <v>28</v>
      </c>
      <c r="W14" s="73">
        <v>39</v>
      </c>
      <c r="X14" s="70">
        <v>17</v>
      </c>
      <c r="Y14" s="71">
        <v>12</v>
      </c>
      <c r="Z14" s="72">
        <v>29</v>
      </c>
      <c r="AA14" s="276"/>
      <c r="AB14" s="71">
        <v>19</v>
      </c>
      <c r="AC14" s="71">
        <v>19</v>
      </c>
      <c r="AD14" s="71">
        <v>6</v>
      </c>
      <c r="AE14" s="71">
        <v>3</v>
      </c>
      <c r="AF14" s="71">
        <v>12</v>
      </c>
      <c r="AG14" s="72">
        <v>59</v>
      </c>
      <c r="AH14" s="73">
        <v>88</v>
      </c>
      <c r="AI14" s="70">
        <v>27</v>
      </c>
      <c r="AJ14" s="71">
        <v>21</v>
      </c>
      <c r="AK14" s="72">
        <v>48</v>
      </c>
      <c r="AL14" s="276"/>
      <c r="AM14" s="71">
        <v>39</v>
      </c>
      <c r="AN14" s="71">
        <v>18</v>
      </c>
      <c r="AO14" s="71">
        <v>13</v>
      </c>
      <c r="AP14" s="71">
        <v>12</v>
      </c>
      <c r="AQ14" s="71">
        <v>9</v>
      </c>
      <c r="AR14" s="72">
        <v>91</v>
      </c>
      <c r="AS14" s="73">
        <v>139</v>
      </c>
      <c r="AT14" s="70">
        <v>73</v>
      </c>
      <c r="AU14" s="71">
        <v>40</v>
      </c>
      <c r="AV14" s="72">
        <v>113</v>
      </c>
      <c r="AW14" s="276"/>
      <c r="AX14" s="71">
        <v>48</v>
      </c>
      <c r="AY14" s="71">
        <v>25</v>
      </c>
      <c r="AZ14" s="71">
        <v>21</v>
      </c>
      <c r="BA14" s="71">
        <v>12</v>
      </c>
      <c r="BB14" s="71">
        <v>19</v>
      </c>
      <c r="BC14" s="72">
        <v>125</v>
      </c>
      <c r="BD14" s="73">
        <v>238</v>
      </c>
      <c r="BE14" s="70">
        <v>86</v>
      </c>
      <c r="BF14" s="71">
        <v>39</v>
      </c>
      <c r="BG14" s="72">
        <v>125</v>
      </c>
      <c r="BH14" s="276"/>
      <c r="BI14" s="71">
        <v>78</v>
      </c>
      <c r="BJ14" s="71">
        <v>49</v>
      </c>
      <c r="BK14" s="71">
        <v>30</v>
      </c>
      <c r="BL14" s="71">
        <v>31</v>
      </c>
      <c r="BM14" s="71">
        <v>16</v>
      </c>
      <c r="BN14" s="72">
        <v>204</v>
      </c>
      <c r="BO14" s="73">
        <v>329</v>
      </c>
      <c r="BP14" s="70">
        <v>62</v>
      </c>
      <c r="BQ14" s="71">
        <v>50</v>
      </c>
      <c r="BR14" s="72">
        <v>112</v>
      </c>
      <c r="BS14" s="276"/>
      <c r="BT14" s="71">
        <v>63</v>
      </c>
      <c r="BU14" s="71">
        <v>42</v>
      </c>
      <c r="BV14" s="71">
        <v>35</v>
      </c>
      <c r="BW14" s="71">
        <v>32</v>
      </c>
      <c r="BX14" s="71">
        <v>18</v>
      </c>
      <c r="BY14" s="72">
        <v>190</v>
      </c>
      <c r="BZ14" s="73">
        <v>302</v>
      </c>
      <c r="CA14" s="70">
        <v>0</v>
      </c>
      <c r="CB14" s="71">
        <v>0</v>
      </c>
      <c r="CC14" s="72">
        <v>0</v>
      </c>
      <c r="CD14" s="276"/>
      <c r="CE14" s="71">
        <v>0</v>
      </c>
      <c r="CF14" s="71">
        <v>0</v>
      </c>
      <c r="CG14" s="71">
        <v>0</v>
      </c>
      <c r="CH14" s="71">
        <v>0</v>
      </c>
      <c r="CI14" s="71">
        <v>0</v>
      </c>
      <c r="CJ14" s="72">
        <v>0</v>
      </c>
      <c r="CK14" s="73">
        <v>0</v>
      </c>
      <c r="CL14" s="70">
        <v>268</v>
      </c>
      <c r="CM14" s="71">
        <v>170</v>
      </c>
      <c r="CN14" s="72">
        <v>438</v>
      </c>
      <c r="CO14" s="276"/>
      <c r="CP14" s="71">
        <v>257</v>
      </c>
      <c r="CQ14" s="71">
        <v>159</v>
      </c>
      <c r="CR14" s="71">
        <v>109</v>
      </c>
      <c r="CS14" s="71">
        <v>94</v>
      </c>
      <c r="CT14" s="71">
        <v>78</v>
      </c>
      <c r="CU14" s="72">
        <v>697</v>
      </c>
      <c r="CV14" s="73">
        <v>1135</v>
      </c>
      <c r="CW14" s="126">
        <v>102</v>
      </c>
      <c r="CX14" s="82">
        <v>65</v>
      </c>
      <c r="CY14" s="83">
        <v>167</v>
      </c>
      <c r="CZ14" s="273"/>
      <c r="DA14" s="82">
        <v>108</v>
      </c>
      <c r="DB14" s="82">
        <v>49</v>
      </c>
      <c r="DC14" s="82">
        <v>46</v>
      </c>
      <c r="DD14" s="82">
        <v>41</v>
      </c>
      <c r="DE14" s="82">
        <v>48</v>
      </c>
      <c r="DF14" s="84">
        <v>292</v>
      </c>
      <c r="DG14" s="85">
        <v>459</v>
      </c>
      <c r="DH14" s="70">
        <v>5</v>
      </c>
      <c r="DI14" s="71">
        <v>0</v>
      </c>
      <c r="DJ14" s="72">
        <v>5</v>
      </c>
      <c r="DK14" s="276"/>
      <c r="DL14" s="71">
        <v>1</v>
      </c>
      <c r="DM14" s="71">
        <v>1</v>
      </c>
      <c r="DN14" s="71">
        <v>2</v>
      </c>
      <c r="DO14" s="71">
        <v>0</v>
      </c>
      <c r="DP14" s="71">
        <v>0</v>
      </c>
      <c r="DQ14" s="72">
        <v>4</v>
      </c>
      <c r="DR14" s="73">
        <v>9</v>
      </c>
      <c r="DS14" s="70">
        <v>6</v>
      </c>
      <c r="DT14" s="71">
        <v>8</v>
      </c>
      <c r="DU14" s="72">
        <v>14</v>
      </c>
      <c r="DV14" s="276"/>
      <c r="DW14" s="71">
        <v>4</v>
      </c>
      <c r="DX14" s="71">
        <v>1</v>
      </c>
      <c r="DY14" s="71">
        <v>2</v>
      </c>
      <c r="DZ14" s="71">
        <v>1</v>
      </c>
      <c r="EA14" s="71">
        <v>1</v>
      </c>
      <c r="EB14" s="72">
        <v>9</v>
      </c>
      <c r="EC14" s="73">
        <v>23</v>
      </c>
      <c r="ED14" s="70">
        <v>15</v>
      </c>
      <c r="EE14" s="71">
        <v>6</v>
      </c>
      <c r="EF14" s="72">
        <v>21</v>
      </c>
      <c r="EG14" s="276"/>
      <c r="EH14" s="71">
        <v>9</v>
      </c>
      <c r="EI14" s="71">
        <v>2</v>
      </c>
      <c r="EJ14" s="71">
        <v>1</v>
      </c>
      <c r="EK14" s="71">
        <v>5</v>
      </c>
      <c r="EL14" s="71">
        <v>2</v>
      </c>
      <c r="EM14" s="72">
        <v>19</v>
      </c>
      <c r="EN14" s="73">
        <v>40</v>
      </c>
      <c r="EO14" s="70">
        <v>24</v>
      </c>
      <c r="EP14" s="71">
        <v>16</v>
      </c>
      <c r="EQ14" s="72">
        <v>40</v>
      </c>
      <c r="ER14" s="276"/>
      <c r="ES14" s="71">
        <v>22</v>
      </c>
      <c r="ET14" s="71">
        <v>9</v>
      </c>
      <c r="EU14" s="71">
        <v>3</v>
      </c>
      <c r="EV14" s="71">
        <v>2</v>
      </c>
      <c r="EW14" s="71">
        <v>10</v>
      </c>
      <c r="EX14" s="72">
        <v>46</v>
      </c>
      <c r="EY14" s="73">
        <v>86</v>
      </c>
      <c r="EZ14" s="70">
        <v>35</v>
      </c>
      <c r="FA14" s="71">
        <v>14</v>
      </c>
      <c r="FB14" s="72">
        <v>49</v>
      </c>
      <c r="FC14" s="276"/>
      <c r="FD14" s="71">
        <v>39</v>
      </c>
      <c r="FE14" s="71">
        <v>10</v>
      </c>
      <c r="FF14" s="71">
        <v>11</v>
      </c>
      <c r="FG14" s="71">
        <v>8</v>
      </c>
      <c r="FH14" s="71">
        <v>10</v>
      </c>
      <c r="FI14" s="72">
        <v>78</v>
      </c>
      <c r="FJ14" s="73">
        <v>127</v>
      </c>
      <c r="FK14" s="70">
        <v>17</v>
      </c>
      <c r="FL14" s="71">
        <v>21</v>
      </c>
      <c r="FM14" s="72">
        <v>38</v>
      </c>
      <c r="FN14" s="276"/>
      <c r="FO14" s="71">
        <v>33</v>
      </c>
      <c r="FP14" s="71">
        <v>26</v>
      </c>
      <c r="FQ14" s="71">
        <v>27</v>
      </c>
      <c r="FR14" s="71">
        <v>25</v>
      </c>
      <c r="FS14" s="71">
        <v>25</v>
      </c>
      <c r="FT14" s="72">
        <v>136</v>
      </c>
      <c r="FU14" s="73">
        <v>174</v>
      </c>
      <c r="FV14" s="70">
        <v>0</v>
      </c>
      <c r="FW14" s="71">
        <v>0</v>
      </c>
      <c r="FX14" s="72">
        <v>0</v>
      </c>
      <c r="FY14" s="276"/>
      <c r="FZ14" s="71">
        <v>0</v>
      </c>
      <c r="GA14" s="71">
        <v>0</v>
      </c>
      <c r="GB14" s="71">
        <v>0</v>
      </c>
      <c r="GC14" s="71">
        <v>0</v>
      </c>
      <c r="GD14" s="71">
        <v>0</v>
      </c>
      <c r="GE14" s="72">
        <v>0</v>
      </c>
      <c r="GF14" s="73">
        <v>0</v>
      </c>
      <c r="GG14" s="70">
        <v>102</v>
      </c>
      <c r="GH14" s="71">
        <v>65</v>
      </c>
      <c r="GI14" s="72">
        <v>167</v>
      </c>
      <c r="GJ14" s="276"/>
      <c r="GK14" s="71">
        <v>108</v>
      </c>
      <c r="GL14" s="71">
        <v>49</v>
      </c>
      <c r="GM14" s="71">
        <v>46</v>
      </c>
      <c r="GN14" s="71">
        <v>41</v>
      </c>
      <c r="GO14" s="71">
        <v>48</v>
      </c>
      <c r="GP14" s="72">
        <v>292</v>
      </c>
      <c r="GQ14" s="73">
        <v>459</v>
      </c>
      <c r="GR14" s="126">
        <v>370</v>
      </c>
      <c r="GS14" s="82">
        <v>235</v>
      </c>
      <c r="GT14" s="83">
        <v>605</v>
      </c>
      <c r="GU14" s="273"/>
      <c r="GV14" s="82">
        <v>365</v>
      </c>
      <c r="GW14" s="82">
        <v>208</v>
      </c>
      <c r="GX14" s="82">
        <v>155</v>
      </c>
      <c r="GY14" s="82">
        <v>135</v>
      </c>
      <c r="GZ14" s="82">
        <v>126</v>
      </c>
      <c r="HA14" s="84">
        <v>989</v>
      </c>
      <c r="HB14" s="85">
        <v>1594</v>
      </c>
      <c r="HC14" s="70">
        <v>8</v>
      </c>
      <c r="HD14" s="71">
        <v>8</v>
      </c>
      <c r="HE14" s="72">
        <v>16</v>
      </c>
      <c r="HF14" s="276"/>
      <c r="HG14" s="71">
        <v>11</v>
      </c>
      <c r="HH14" s="71">
        <v>7</v>
      </c>
      <c r="HI14" s="71">
        <v>6</v>
      </c>
      <c r="HJ14" s="71">
        <v>4</v>
      </c>
      <c r="HK14" s="71">
        <v>4</v>
      </c>
      <c r="HL14" s="72">
        <v>32</v>
      </c>
      <c r="HM14" s="73">
        <v>48</v>
      </c>
      <c r="HN14" s="70">
        <v>23</v>
      </c>
      <c r="HO14" s="71">
        <v>20</v>
      </c>
      <c r="HP14" s="72">
        <v>43</v>
      </c>
      <c r="HQ14" s="276"/>
      <c r="HR14" s="71">
        <v>23</v>
      </c>
      <c r="HS14" s="71">
        <v>20</v>
      </c>
      <c r="HT14" s="71">
        <v>8</v>
      </c>
      <c r="HU14" s="71">
        <v>4</v>
      </c>
      <c r="HV14" s="71">
        <v>13</v>
      </c>
      <c r="HW14" s="72">
        <v>68</v>
      </c>
      <c r="HX14" s="73">
        <v>111</v>
      </c>
      <c r="HY14" s="70">
        <v>42</v>
      </c>
      <c r="HZ14" s="71">
        <v>27</v>
      </c>
      <c r="IA14" s="72">
        <v>69</v>
      </c>
      <c r="IB14" s="276"/>
      <c r="IC14" s="71">
        <v>48</v>
      </c>
      <c r="ID14" s="71">
        <v>20</v>
      </c>
      <c r="IE14" s="71">
        <v>14</v>
      </c>
      <c r="IF14" s="71">
        <v>17</v>
      </c>
      <c r="IG14" s="71">
        <v>11</v>
      </c>
      <c r="IH14" s="72">
        <v>110</v>
      </c>
      <c r="II14" s="73">
        <v>179</v>
      </c>
      <c r="IJ14" s="70">
        <v>97</v>
      </c>
      <c r="IK14" s="71">
        <v>56</v>
      </c>
      <c r="IL14" s="72">
        <v>153</v>
      </c>
      <c r="IM14" s="276"/>
      <c r="IN14" s="71">
        <v>70</v>
      </c>
      <c r="IO14" s="71">
        <v>34</v>
      </c>
      <c r="IP14" s="71">
        <v>24</v>
      </c>
      <c r="IQ14" s="71">
        <v>14</v>
      </c>
      <c r="IR14" s="71">
        <v>29</v>
      </c>
      <c r="IS14" s="72">
        <v>171</v>
      </c>
      <c r="IT14" s="73">
        <v>324</v>
      </c>
      <c r="IU14" s="70">
        <v>121</v>
      </c>
      <c r="IV14" s="71">
        <v>53</v>
      </c>
      <c r="IW14" s="72">
        <v>174</v>
      </c>
      <c r="IX14" s="276"/>
      <c r="IY14" s="71">
        <v>117</v>
      </c>
      <c r="IZ14" s="71">
        <v>59</v>
      </c>
      <c r="JA14" s="71">
        <v>41</v>
      </c>
      <c r="JB14" s="71">
        <v>39</v>
      </c>
      <c r="JC14" s="71">
        <v>26</v>
      </c>
      <c r="JD14" s="72">
        <v>282</v>
      </c>
      <c r="JE14" s="73">
        <v>456</v>
      </c>
      <c r="JF14" s="70">
        <v>79</v>
      </c>
      <c r="JG14" s="71">
        <v>71</v>
      </c>
      <c r="JH14" s="72">
        <v>150</v>
      </c>
      <c r="JI14" s="276"/>
      <c r="JJ14" s="71">
        <v>96</v>
      </c>
      <c r="JK14" s="71">
        <v>68</v>
      </c>
      <c r="JL14" s="71">
        <v>62</v>
      </c>
      <c r="JM14" s="71">
        <v>57</v>
      </c>
      <c r="JN14" s="71">
        <v>43</v>
      </c>
      <c r="JO14" s="72">
        <v>326</v>
      </c>
      <c r="JP14" s="73">
        <v>476</v>
      </c>
      <c r="JQ14" s="70">
        <v>0</v>
      </c>
      <c r="JR14" s="71">
        <v>0</v>
      </c>
      <c r="JS14" s="72">
        <v>0</v>
      </c>
      <c r="JT14" s="276"/>
      <c r="JU14" s="71">
        <v>0</v>
      </c>
      <c r="JV14" s="71">
        <v>0</v>
      </c>
      <c r="JW14" s="71">
        <v>0</v>
      </c>
      <c r="JX14" s="71">
        <v>0</v>
      </c>
      <c r="JY14" s="71">
        <v>0</v>
      </c>
      <c r="JZ14" s="72">
        <v>0</v>
      </c>
      <c r="KA14" s="73">
        <v>0</v>
      </c>
      <c r="KB14" s="70">
        <v>370</v>
      </c>
      <c r="KC14" s="71">
        <v>235</v>
      </c>
      <c r="KD14" s="72">
        <v>605</v>
      </c>
      <c r="KE14" s="276"/>
      <c r="KF14" s="71">
        <v>365</v>
      </c>
      <c r="KG14" s="71">
        <v>208</v>
      </c>
      <c r="KH14" s="71">
        <v>155</v>
      </c>
      <c r="KI14" s="71">
        <v>135</v>
      </c>
      <c r="KJ14" s="71">
        <v>126</v>
      </c>
      <c r="KK14" s="72">
        <v>989</v>
      </c>
      <c r="KL14" s="73">
        <v>1594</v>
      </c>
    </row>
    <row r="15" spans="1:298" ht="19.5" customHeight="1" x14ac:dyDescent="0.2">
      <c r="A15" s="129" t="s">
        <v>11</v>
      </c>
      <c r="B15" s="350">
        <v>55</v>
      </c>
      <c r="C15" s="82">
        <v>36</v>
      </c>
      <c r="D15" s="83">
        <v>91</v>
      </c>
      <c r="E15" s="273"/>
      <c r="F15" s="82">
        <v>90</v>
      </c>
      <c r="G15" s="82">
        <v>31</v>
      </c>
      <c r="H15" s="82">
        <v>35</v>
      </c>
      <c r="I15" s="82">
        <v>36</v>
      </c>
      <c r="J15" s="82">
        <v>22</v>
      </c>
      <c r="K15" s="84">
        <v>214</v>
      </c>
      <c r="L15" s="85">
        <v>305</v>
      </c>
      <c r="M15" s="70">
        <v>1</v>
      </c>
      <c r="N15" s="71">
        <v>1</v>
      </c>
      <c r="O15" s="72">
        <v>2</v>
      </c>
      <c r="P15" s="276"/>
      <c r="Q15" s="71">
        <v>5</v>
      </c>
      <c r="R15" s="71">
        <v>2</v>
      </c>
      <c r="S15" s="71">
        <v>1</v>
      </c>
      <c r="T15" s="71">
        <v>1</v>
      </c>
      <c r="U15" s="71">
        <v>1</v>
      </c>
      <c r="V15" s="72">
        <v>10</v>
      </c>
      <c r="W15" s="73">
        <v>12</v>
      </c>
      <c r="X15" s="70">
        <v>10</v>
      </c>
      <c r="Y15" s="71">
        <v>2</v>
      </c>
      <c r="Z15" s="72">
        <v>12</v>
      </c>
      <c r="AA15" s="276"/>
      <c r="AB15" s="71">
        <v>10</v>
      </c>
      <c r="AC15" s="71">
        <v>2</v>
      </c>
      <c r="AD15" s="71">
        <v>4</v>
      </c>
      <c r="AE15" s="71">
        <v>0</v>
      </c>
      <c r="AF15" s="71">
        <v>2</v>
      </c>
      <c r="AG15" s="72">
        <v>18</v>
      </c>
      <c r="AH15" s="73">
        <v>30</v>
      </c>
      <c r="AI15" s="70">
        <v>4</v>
      </c>
      <c r="AJ15" s="71">
        <v>3</v>
      </c>
      <c r="AK15" s="72">
        <v>7</v>
      </c>
      <c r="AL15" s="276"/>
      <c r="AM15" s="71">
        <v>19</v>
      </c>
      <c r="AN15" s="71">
        <v>6</v>
      </c>
      <c r="AO15" s="71">
        <v>3</v>
      </c>
      <c r="AP15" s="71">
        <v>4</v>
      </c>
      <c r="AQ15" s="71">
        <v>2</v>
      </c>
      <c r="AR15" s="72">
        <v>34</v>
      </c>
      <c r="AS15" s="73">
        <v>41</v>
      </c>
      <c r="AT15" s="70">
        <v>11</v>
      </c>
      <c r="AU15" s="71">
        <v>9</v>
      </c>
      <c r="AV15" s="72">
        <v>20</v>
      </c>
      <c r="AW15" s="276"/>
      <c r="AX15" s="71">
        <v>15</v>
      </c>
      <c r="AY15" s="71">
        <v>5</v>
      </c>
      <c r="AZ15" s="71">
        <v>10</v>
      </c>
      <c r="BA15" s="71">
        <v>10</v>
      </c>
      <c r="BB15" s="71">
        <v>6</v>
      </c>
      <c r="BC15" s="72">
        <v>46</v>
      </c>
      <c r="BD15" s="73">
        <v>66</v>
      </c>
      <c r="BE15" s="70">
        <v>21</v>
      </c>
      <c r="BF15" s="71">
        <v>11</v>
      </c>
      <c r="BG15" s="72">
        <v>32</v>
      </c>
      <c r="BH15" s="276"/>
      <c r="BI15" s="71">
        <v>18</v>
      </c>
      <c r="BJ15" s="71">
        <v>8</v>
      </c>
      <c r="BK15" s="71">
        <v>5</v>
      </c>
      <c r="BL15" s="71">
        <v>9</v>
      </c>
      <c r="BM15" s="71">
        <v>3</v>
      </c>
      <c r="BN15" s="72">
        <v>43</v>
      </c>
      <c r="BO15" s="73">
        <v>75</v>
      </c>
      <c r="BP15" s="70">
        <v>8</v>
      </c>
      <c r="BQ15" s="71">
        <v>10</v>
      </c>
      <c r="BR15" s="72">
        <v>18</v>
      </c>
      <c r="BS15" s="276"/>
      <c r="BT15" s="71">
        <v>23</v>
      </c>
      <c r="BU15" s="71">
        <v>8</v>
      </c>
      <c r="BV15" s="71">
        <v>12</v>
      </c>
      <c r="BW15" s="71">
        <v>12</v>
      </c>
      <c r="BX15" s="71">
        <v>8</v>
      </c>
      <c r="BY15" s="72">
        <v>63</v>
      </c>
      <c r="BZ15" s="73">
        <v>81</v>
      </c>
      <c r="CA15" s="70">
        <v>0</v>
      </c>
      <c r="CB15" s="71">
        <v>0</v>
      </c>
      <c r="CC15" s="72">
        <v>0</v>
      </c>
      <c r="CD15" s="276"/>
      <c r="CE15" s="71">
        <v>0</v>
      </c>
      <c r="CF15" s="71">
        <v>0</v>
      </c>
      <c r="CG15" s="71">
        <v>0</v>
      </c>
      <c r="CH15" s="71">
        <v>0</v>
      </c>
      <c r="CI15" s="71">
        <v>0</v>
      </c>
      <c r="CJ15" s="72">
        <v>0</v>
      </c>
      <c r="CK15" s="73">
        <v>0</v>
      </c>
      <c r="CL15" s="70">
        <v>55</v>
      </c>
      <c r="CM15" s="71">
        <v>36</v>
      </c>
      <c r="CN15" s="72">
        <v>91</v>
      </c>
      <c r="CO15" s="276"/>
      <c r="CP15" s="71">
        <v>90</v>
      </c>
      <c r="CQ15" s="71">
        <v>31</v>
      </c>
      <c r="CR15" s="71">
        <v>35</v>
      </c>
      <c r="CS15" s="71">
        <v>36</v>
      </c>
      <c r="CT15" s="71">
        <v>22</v>
      </c>
      <c r="CU15" s="72">
        <v>214</v>
      </c>
      <c r="CV15" s="73">
        <v>305</v>
      </c>
      <c r="CW15" s="126">
        <v>24</v>
      </c>
      <c r="CX15" s="82">
        <v>18</v>
      </c>
      <c r="CY15" s="83">
        <v>42</v>
      </c>
      <c r="CZ15" s="273"/>
      <c r="DA15" s="82">
        <v>37</v>
      </c>
      <c r="DB15" s="82">
        <v>24</v>
      </c>
      <c r="DC15" s="82">
        <v>19</v>
      </c>
      <c r="DD15" s="82">
        <v>25</v>
      </c>
      <c r="DE15" s="82">
        <v>15</v>
      </c>
      <c r="DF15" s="84">
        <v>120</v>
      </c>
      <c r="DG15" s="85">
        <v>162</v>
      </c>
      <c r="DH15" s="70">
        <v>0</v>
      </c>
      <c r="DI15" s="71">
        <v>1</v>
      </c>
      <c r="DJ15" s="72">
        <v>1</v>
      </c>
      <c r="DK15" s="276"/>
      <c r="DL15" s="71">
        <v>0</v>
      </c>
      <c r="DM15" s="71">
        <v>2</v>
      </c>
      <c r="DN15" s="71">
        <v>0</v>
      </c>
      <c r="DO15" s="71">
        <v>0</v>
      </c>
      <c r="DP15" s="71">
        <v>0</v>
      </c>
      <c r="DQ15" s="72">
        <v>2</v>
      </c>
      <c r="DR15" s="73">
        <v>3</v>
      </c>
      <c r="DS15" s="70">
        <v>3</v>
      </c>
      <c r="DT15" s="71">
        <v>1</v>
      </c>
      <c r="DU15" s="72">
        <v>4</v>
      </c>
      <c r="DV15" s="276"/>
      <c r="DW15" s="71">
        <v>3</v>
      </c>
      <c r="DX15" s="71">
        <v>1</v>
      </c>
      <c r="DY15" s="71">
        <v>1</v>
      </c>
      <c r="DZ15" s="71">
        <v>1</v>
      </c>
      <c r="EA15" s="71">
        <v>1</v>
      </c>
      <c r="EB15" s="72">
        <v>7</v>
      </c>
      <c r="EC15" s="73">
        <v>11</v>
      </c>
      <c r="ED15" s="70">
        <v>2</v>
      </c>
      <c r="EE15" s="71">
        <v>5</v>
      </c>
      <c r="EF15" s="72">
        <v>7</v>
      </c>
      <c r="EG15" s="276"/>
      <c r="EH15" s="71">
        <v>2</v>
      </c>
      <c r="EI15" s="71">
        <v>1</v>
      </c>
      <c r="EJ15" s="71">
        <v>1</v>
      </c>
      <c r="EK15" s="71">
        <v>1</v>
      </c>
      <c r="EL15" s="71">
        <v>0</v>
      </c>
      <c r="EM15" s="72">
        <v>5</v>
      </c>
      <c r="EN15" s="73">
        <v>12</v>
      </c>
      <c r="EO15" s="70">
        <v>6</v>
      </c>
      <c r="EP15" s="71">
        <v>1</v>
      </c>
      <c r="EQ15" s="72">
        <v>7</v>
      </c>
      <c r="ER15" s="276"/>
      <c r="ES15" s="71">
        <v>8</v>
      </c>
      <c r="ET15" s="71">
        <v>5</v>
      </c>
      <c r="EU15" s="71">
        <v>2</v>
      </c>
      <c r="EV15" s="71">
        <v>5</v>
      </c>
      <c r="EW15" s="71">
        <v>5</v>
      </c>
      <c r="EX15" s="72">
        <v>25</v>
      </c>
      <c r="EY15" s="73">
        <v>32</v>
      </c>
      <c r="EZ15" s="70">
        <v>9</v>
      </c>
      <c r="FA15" s="71">
        <v>3</v>
      </c>
      <c r="FB15" s="72">
        <v>12</v>
      </c>
      <c r="FC15" s="276"/>
      <c r="FD15" s="71">
        <v>15</v>
      </c>
      <c r="FE15" s="71">
        <v>6</v>
      </c>
      <c r="FF15" s="71">
        <v>4</v>
      </c>
      <c r="FG15" s="71">
        <v>6</v>
      </c>
      <c r="FH15" s="71">
        <v>2</v>
      </c>
      <c r="FI15" s="72">
        <v>33</v>
      </c>
      <c r="FJ15" s="73">
        <v>45</v>
      </c>
      <c r="FK15" s="70">
        <v>4</v>
      </c>
      <c r="FL15" s="71">
        <v>7</v>
      </c>
      <c r="FM15" s="72">
        <v>11</v>
      </c>
      <c r="FN15" s="276"/>
      <c r="FO15" s="71">
        <v>9</v>
      </c>
      <c r="FP15" s="71">
        <v>9</v>
      </c>
      <c r="FQ15" s="71">
        <v>11</v>
      </c>
      <c r="FR15" s="71">
        <v>12</v>
      </c>
      <c r="FS15" s="71">
        <v>7</v>
      </c>
      <c r="FT15" s="72">
        <v>48</v>
      </c>
      <c r="FU15" s="73">
        <v>59</v>
      </c>
      <c r="FV15" s="70">
        <v>0</v>
      </c>
      <c r="FW15" s="71">
        <v>0</v>
      </c>
      <c r="FX15" s="72">
        <v>0</v>
      </c>
      <c r="FY15" s="276"/>
      <c r="FZ15" s="71">
        <v>0</v>
      </c>
      <c r="GA15" s="71">
        <v>0</v>
      </c>
      <c r="GB15" s="71">
        <v>0</v>
      </c>
      <c r="GC15" s="71">
        <v>0</v>
      </c>
      <c r="GD15" s="71">
        <v>0</v>
      </c>
      <c r="GE15" s="72">
        <v>0</v>
      </c>
      <c r="GF15" s="73">
        <v>0</v>
      </c>
      <c r="GG15" s="70">
        <v>24</v>
      </c>
      <c r="GH15" s="71">
        <v>18</v>
      </c>
      <c r="GI15" s="72">
        <v>42</v>
      </c>
      <c r="GJ15" s="276"/>
      <c r="GK15" s="71">
        <v>37</v>
      </c>
      <c r="GL15" s="71">
        <v>24</v>
      </c>
      <c r="GM15" s="71">
        <v>19</v>
      </c>
      <c r="GN15" s="71">
        <v>25</v>
      </c>
      <c r="GO15" s="71">
        <v>15</v>
      </c>
      <c r="GP15" s="72">
        <v>120</v>
      </c>
      <c r="GQ15" s="73">
        <v>162</v>
      </c>
      <c r="GR15" s="126">
        <v>79</v>
      </c>
      <c r="GS15" s="82">
        <v>54</v>
      </c>
      <c r="GT15" s="83">
        <v>133</v>
      </c>
      <c r="GU15" s="273"/>
      <c r="GV15" s="82">
        <v>127</v>
      </c>
      <c r="GW15" s="82">
        <v>55</v>
      </c>
      <c r="GX15" s="82">
        <v>54</v>
      </c>
      <c r="GY15" s="82">
        <v>61</v>
      </c>
      <c r="GZ15" s="82">
        <v>37</v>
      </c>
      <c r="HA15" s="84">
        <v>334</v>
      </c>
      <c r="HB15" s="85">
        <v>467</v>
      </c>
      <c r="HC15" s="70">
        <v>1</v>
      </c>
      <c r="HD15" s="71">
        <v>2</v>
      </c>
      <c r="HE15" s="72">
        <v>3</v>
      </c>
      <c r="HF15" s="276"/>
      <c r="HG15" s="71">
        <v>5</v>
      </c>
      <c r="HH15" s="71">
        <v>4</v>
      </c>
      <c r="HI15" s="71">
        <v>1</v>
      </c>
      <c r="HJ15" s="71">
        <v>1</v>
      </c>
      <c r="HK15" s="71">
        <v>1</v>
      </c>
      <c r="HL15" s="72">
        <v>12</v>
      </c>
      <c r="HM15" s="73">
        <v>15</v>
      </c>
      <c r="HN15" s="70">
        <v>13</v>
      </c>
      <c r="HO15" s="71">
        <v>3</v>
      </c>
      <c r="HP15" s="72">
        <v>16</v>
      </c>
      <c r="HQ15" s="276"/>
      <c r="HR15" s="71">
        <v>13</v>
      </c>
      <c r="HS15" s="71">
        <v>3</v>
      </c>
      <c r="HT15" s="71">
        <v>5</v>
      </c>
      <c r="HU15" s="71">
        <v>1</v>
      </c>
      <c r="HV15" s="71">
        <v>3</v>
      </c>
      <c r="HW15" s="72">
        <v>25</v>
      </c>
      <c r="HX15" s="73">
        <v>41</v>
      </c>
      <c r="HY15" s="70">
        <v>6</v>
      </c>
      <c r="HZ15" s="71">
        <v>8</v>
      </c>
      <c r="IA15" s="72">
        <v>14</v>
      </c>
      <c r="IB15" s="276"/>
      <c r="IC15" s="71">
        <v>21</v>
      </c>
      <c r="ID15" s="71">
        <v>7</v>
      </c>
      <c r="IE15" s="71">
        <v>4</v>
      </c>
      <c r="IF15" s="71">
        <v>5</v>
      </c>
      <c r="IG15" s="71">
        <v>2</v>
      </c>
      <c r="IH15" s="72">
        <v>39</v>
      </c>
      <c r="II15" s="73">
        <v>53</v>
      </c>
      <c r="IJ15" s="70">
        <v>17</v>
      </c>
      <c r="IK15" s="71">
        <v>10</v>
      </c>
      <c r="IL15" s="72">
        <v>27</v>
      </c>
      <c r="IM15" s="276"/>
      <c r="IN15" s="71">
        <v>23</v>
      </c>
      <c r="IO15" s="71">
        <v>10</v>
      </c>
      <c r="IP15" s="71">
        <v>12</v>
      </c>
      <c r="IQ15" s="71">
        <v>15</v>
      </c>
      <c r="IR15" s="71">
        <v>11</v>
      </c>
      <c r="IS15" s="72">
        <v>71</v>
      </c>
      <c r="IT15" s="73">
        <v>98</v>
      </c>
      <c r="IU15" s="70">
        <v>30</v>
      </c>
      <c r="IV15" s="71">
        <v>14</v>
      </c>
      <c r="IW15" s="72">
        <v>44</v>
      </c>
      <c r="IX15" s="276"/>
      <c r="IY15" s="71">
        <v>33</v>
      </c>
      <c r="IZ15" s="71">
        <v>14</v>
      </c>
      <c r="JA15" s="71">
        <v>9</v>
      </c>
      <c r="JB15" s="71">
        <v>15</v>
      </c>
      <c r="JC15" s="71">
        <v>5</v>
      </c>
      <c r="JD15" s="72">
        <v>76</v>
      </c>
      <c r="JE15" s="73">
        <v>120</v>
      </c>
      <c r="JF15" s="70">
        <v>12</v>
      </c>
      <c r="JG15" s="71">
        <v>17</v>
      </c>
      <c r="JH15" s="72">
        <v>29</v>
      </c>
      <c r="JI15" s="276"/>
      <c r="JJ15" s="71">
        <v>32</v>
      </c>
      <c r="JK15" s="71">
        <v>17</v>
      </c>
      <c r="JL15" s="71">
        <v>23</v>
      </c>
      <c r="JM15" s="71">
        <v>24</v>
      </c>
      <c r="JN15" s="71">
        <v>15</v>
      </c>
      <c r="JO15" s="72">
        <v>111</v>
      </c>
      <c r="JP15" s="73">
        <v>140</v>
      </c>
      <c r="JQ15" s="70">
        <v>0</v>
      </c>
      <c r="JR15" s="71">
        <v>0</v>
      </c>
      <c r="JS15" s="72">
        <v>0</v>
      </c>
      <c r="JT15" s="276"/>
      <c r="JU15" s="71">
        <v>0</v>
      </c>
      <c r="JV15" s="71">
        <v>0</v>
      </c>
      <c r="JW15" s="71">
        <v>0</v>
      </c>
      <c r="JX15" s="71">
        <v>0</v>
      </c>
      <c r="JY15" s="71">
        <v>0</v>
      </c>
      <c r="JZ15" s="72">
        <v>0</v>
      </c>
      <c r="KA15" s="73">
        <v>0</v>
      </c>
      <c r="KB15" s="70">
        <v>79</v>
      </c>
      <c r="KC15" s="71">
        <v>54</v>
      </c>
      <c r="KD15" s="72">
        <v>133</v>
      </c>
      <c r="KE15" s="276"/>
      <c r="KF15" s="71">
        <v>127</v>
      </c>
      <c r="KG15" s="71">
        <v>55</v>
      </c>
      <c r="KH15" s="71">
        <v>54</v>
      </c>
      <c r="KI15" s="71">
        <v>61</v>
      </c>
      <c r="KJ15" s="71">
        <v>37</v>
      </c>
      <c r="KK15" s="72">
        <v>334</v>
      </c>
      <c r="KL15" s="73">
        <v>467</v>
      </c>
    </row>
    <row r="16" spans="1:298" ht="19.5" customHeight="1" x14ac:dyDescent="0.2">
      <c r="A16" s="129" t="s">
        <v>12</v>
      </c>
      <c r="B16" s="350">
        <v>145</v>
      </c>
      <c r="C16" s="82">
        <v>92</v>
      </c>
      <c r="D16" s="83">
        <v>237</v>
      </c>
      <c r="E16" s="273"/>
      <c r="F16" s="82">
        <v>92</v>
      </c>
      <c r="G16" s="82">
        <v>70</v>
      </c>
      <c r="H16" s="82">
        <v>53</v>
      </c>
      <c r="I16" s="82">
        <v>60</v>
      </c>
      <c r="J16" s="82">
        <v>36</v>
      </c>
      <c r="K16" s="84">
        <v>311</v>
      </c>
      <c r="L16" s="85">
        <v>548</v>
      </c>
      <c r="M16" s="86">
        <v>4</v>
      </c>
      <c r="N16" s="71">
        <v>6</v>
      </c>
      <c r="O16" s="72">
        <v>10</v>
      </c>
      <c r="P16" s="276"/>
      <c r="Q16" s="71">
        <v>0</v>
      </c>
      <c r="R16" s="71">
        <v>2</v>
      </c>
      <c r="S16" s="71">
        <v>2</v>
      </c>
      <c r="T16" s="71">
        <v>1</v>
      </c>
      <c r="U16" s="71">
        <v>3</v>
      </c>
      <c r="V16" s="72">
        <v>8</v>
      </c>
      <c r="W16" s="73">
        <v>18</v>
      </c>
      <c r="X16" s="70">
        <v>7</v>
      </c>
      <c r="Y16" s="71">
        <v>8</v>
      </c>
      <c r="Z16" s="72">
        <v>15</v>
      </c>
      <c r="AA16" s="276"/>
      <c r="AB16" s="71">
        <v>8</v>
      </c>
      <c r="AC16" s="71">
        <v>3</v>
      </c>
      <c r="AD16" s="71">
        <v>1</v>
      </c>
      <c r="AE16" s="71">
        <v>4</v>
      </c>
      <c r="AF16" s="71">
        <v>3</v>
      </c>
      <c r="AG16" s="72">
        <v>19</v>
      </c>
      <c r="AH16" s="73">
        <v>34</v>
      </c>
      <c r="AI16" s="86">
        <v>16</v>
      </c>
      <c r="AJ16" s="71">
        <v>12</v>
      </c>
      <c r="AK16" s="72">
        <v>28</v>
      </c>
      <c r="AL16" s="276"/>
      <c r="AM16" s="71">
        <v>6</v>
      </c>
      <c r="AN16" s="71">
        <v>12</v>
      </c>
      <c r="AO16" s="71">
        <v>6</v>
      </c>
      <c r="AP16" s="71">
        <v>4</v>
      </c>
      <c r="AQ16" s="71">
        <v>6</v>
      </c>
      <c r="AR16" s="72">
        <v>34</v>
      </c>
      <c r="AS16" s="73">
        <v>62</v>
      </c>
      <c r="AT16" s="70">
        <v>37</v>
      </c>
      <c r="AU16" s="71">
        <v>16</v>
      </c>
      <c r="AV16" s="72">
        <v>53</v>
      </c>
      <c r="AW16" s="276"/>
      <c r="AX16" s="71">
        <v>22</v>
      </c>
      <c r="AY16" s="71">
        <v>20</v>
      </c>
      <c r="AZ16" s="71">
        <v>10</v>
      </c>
      <c r="BA16" s="71">
        <v>14</v>
      </c>
      <c r="BB16" s="71">
        <v>8</v>
      </c>
      <c r="BC16" s="72">
        <v>74</v>
      </c>
      <c r="BD16" s="73">
        <v>127</v>
      </c>
      <c r="BE16" s="86">
        <v>47</v>
      </c>
      <c r="BF16" s="71">
        <v>27</v>
      </c>
      <c r="BG16" s="72">
        <v>74</v>
      </c>
      <c r="BH16" s="276"/>
      <c r="BI16" s="71">
        <v>29</v>
      </c>
      <c r="BJ16" s="71">
        <v>18</v>
      </c>
      <c r="BK16" s="71">
        <v>21</v>
      </c>
      <c r="BL16" s="71">
        <v>22</v>
      </c>
      <c r="BM16" s="71">
        <v>5</v>
      </c>
      <c r="BN16" s="72">
        <v>95</v>
      </c>
      <c r="BO16" s="73">
        <v>169</v>
      </c>
      <c r="BP16" s="70">
        <v>34</v>
      </c>
      <c r="BQ16" s="71">
        <v>23</v>
      </c>
      <c r="BR16" s="72">
        <v>57</v>
      </c>
      <c r="BS16" s="276"/>
      <c r="BT16" s="71">
        <v>27</v>
      </c>
      <c r="BU16" s="71">
        <v>15</v>
      </c>
      <c r="BV16" s="71">
        <v>13</v>
      </c>
      <c r="BW16" s="71">
        <v>15</v>
      </c>
      <c r="BX16" s="71">
        <v>11</v>
      </c>
      <c r="BY16" s="72">
        <v>81</v>
      </c>
      <c r="BZ16" s="73">
        <v>138</v>
      </c>
      <c r="CA16" s="70">
        <v>0</v>
      </c>
      <c r="CB16" s="71">
        <v>0</v>
      </c>
      <c r="CC16" s="72">
        <v>0</v>
      </c>
      <c r="CD16" s="276"/>
      <c r="CE16" s="71">
        <v>0</v>
      </c>
      <c r="CF16" s="71">
        <v>0</v>
      </c>
      <c r="CG16" s="71">
        <v>0</v>
      </c>
      <c r="CH16" s="71">
        <v>0</v>
      </c>
      <c r="CI16" s="71">
        <v>0</v>
      </c>
      <c r="CJ16" s="72">
        <v>0</v>
      </c>
      <c r="CK16" s="73">
        <v>0</v>
      </c>
      <c r="CL16" s="70">
        <v>145</v>
      </c>
      <c r="CM16" s="71">
        <v>92</v>
      </c>
      <c r="CN16" s="72">
        <v>237</v>
      </c>
      <c r="CO16" s="276"/>
      <c r="CP16" s="71">
        <v>92</v>
      </c>
      <c r="CQ16" s="71">
        <v>70</v>
      </c>
      <c r="CR16" s="71">
        <v>53</v>
      </c>
      <c r="CS16" s="71">
        <v>60</v>
      </c>
      <c r="CT16" s="71">
        <v>36</v>
      </c>
      <c r="CU16" s="72">
        <v>311</v>
      </c>
      <c r="CV16" s="73">
        <v>548</v>
      </c>
      <c r="CW16" s="126">
        <v>37</v>
      </c>
      <c r="CX16" s="82">
        <v>27</v>
      </c>
      <c r="CY16" s="83">
        <v>64</v>
      </c>
      <c r="CZ16" s="273"/>
      <c r="DA16" s="82">
        <v>42</v>
      </c>
      <c r="DB16" s="82">
        <v>22</v>
      </c>
      <c r="DC16" s="82">
        <v>27</v>
      </c>
      <c r="DD16" s="82">
        <v>28</v>
      </c>
      <c r="DE16" s="82">
        <v>11</v>
      </c>
      <c r="DF16" s="84">
        <v>130</v>
      </c>
      <c r="DG16" s="85">
        <v>194</v>
      </c>
      <c r="DH16" s="86">
        <v>0</v>
      </c>
      <c r="DI16" s="71">
        <v>0</v>
      </c>
      <c r="DJ16" s="72">
        <v>0</v>
      </c>
      <c r="DK16" s="276"/>
      <c r="DL16" s="71">
        <v>1</v>
      </c>
      <c r="DM16" s="71">
        <v>0</v>
      </c>
      <c r="DN16" s="71">
        <v>0</v>
      </c>
      <c r="DO16" s="71">
        <v>0</v>
      </c>
      <c r="DP16" s="71">
        <v>0</v>
      </c>
      <c r="DQ16" s="72">
        <v>1</v>
      </c>
      <c r="DR16" s="73">
        <v>1</v>
      </c>
      <c r="DS16" s="70">
        <v>3</v>
      </c>
      <c r="DT16" s="71">
        <v>2</v>
      </c>
      <c r="DU16" s="72">
        <v>5</v>
      </c>
      <c r="DV16" s="276"/>
      <c r="DW16" s="71">
        <v>1</v>
      </c>
      <c r="DX16" s="71">
        <v>1</v>
      </c>
      <c r="DY16" s="71">
        <v>0</v>
      </c>
      <c r="DZ16" s="71">
        <v>0</v>
      </c>
      <c r="EA16" s="71">
        <v>0</v>
      </c>
      <c r="EB16" s="72">
        <v>2</v>
      </c>
      <c r="EC16" s="73">
        <v>7</v>
      </c>
      <c r="ED16" s="86">
        <v>10</v>
      </c>
      <c r="EE16" s="71">
        <v>3</v>
      </c>
      <c r="EF16" s="72">
        <v>13</v>
      </c>
      <c r="EG16" s="276"/>
      <c r="EH16" s="71">
        <v>3</v>
      </c>
      <c r="EI16" s="71">
        <v>3</v>
      </c>
      <c r="EJ16" s="71">
        <v>1</v>
      </c>
      <c r="EK16" s="71">
        <v>0</v>
      </c>
      <c r="EL16" s="71">
        <v>2</v>
      </c>
      <c r="EM16" s="72">
        <v>9</v>
      </c>
      <c r="EN16" s="73">
        <v>22</v>
      </c>
      <c r="EO16" s="70">
        <v>6</v>
      </c>
      <c r="EP16" s="71">
        <v>9</v>
      </c>
      <c r="EQ16" s="72">
        <v>15</v>
      </c>
      <c r="ER16" s="276"/>
      <c r="ES16" s="71">
        <v>9</v>
      </c>
      <c r="ET16" s="71">
        <v>5</v>
      </c>
      <c r="EU16" s="71">
        <v>7</v>
      </c>
      <c r="EV16" s="71">
        <v>5</v>
      </c>
      <c r="EW16" s="71">
        <v>1</v>
      </c>
      <c r="EX16" s="72">
        <v>27</v>
      </c>
      <c r="EY16" s="73">
        <v>42</v>
      </c>
      <c r="EZ16" s="86">
        <v>10</v>
      </c>
      <c r="FA16" s="71">
        <v>7</v>
      </c>
      <c r="FB16" s="72">
        <v>17</v>
      </c>
      <c r="FC16" s="276"/>
      <c r="FD16" s="71">
        <v>11</v>
      </c>
      <c r="FE16" s="71">
        <v>7</v>
      </c>
      <c r="FF16" s="71">
        <v>6</v>
      </c>
      <c r="FG16" s="71">
        <v>8</v>
      </c>
      <c r="FH16" s="71">
        <v>2</v>
      </c>
      <c r="FI16" s="72">
        <v>34</v>
      </c>
      <c r="FJ16" s="73">
        <v>51</v>
      </c>
      <c r="FK16" s="70">
        <v>8</v>
      </c>
      <c r="FL16" s="71">
        <v>6</v>
      </c>
      <c r="FM16" s="72">
        <v>14</v>
      </c>
      <c r="FN16" s="276"/>
      <c r="FO16" s="71">
        <v>17</v>
      </c>
      <c r="FP16" s="71">
        <v>6</v>
      </c>
      <c r="FQ16" s="71">
        <v>13</v>
      </c>
      <c r="FR16" s="71">
        <v>15</v>
      </c>
      <c r="FS16" s="71">
        <v>6</v>
      </c>
      <c r="FT16" s="72">
        <v>57</v>
      </c>
      <c r="FU16" s="73">
        <v>71</v>
      </c>
      <c r="FV16" s="70">
        <v>0</v>
      </c>
      <c r="FW16" s="71">
        <v>0</v>
      </c>
      <c r="FX16" s="72">
        <v>0</v>
      </c>
      <c r="FY16" s="276"/>
      <c r="FZ16" s="71">
        <v>0</v>
      </c>
      <c r="GA16" s="71">
        <v>0</v>
      </c>
      <c r="GB16" s="71">
        <v>0</v>
      </c>
      <c r="GC16" s="71">
        <v>0</v>
      </c>
      <c r="GD16" s="71">
        <v>0</v>
      </c>
      <c r="GE16" s="72">
        <v>0</v>
      </c>
      <c r="GF16" s="73">
        <v>0</v>
      </c>
      <c r="GG16" s="70">
        <v>37</v>
      </c>
      <c r="GH16" s="71">
        <v>27</v>
      </c>
      <c r="GI16" s="72">
        <v>64</v>
      </c>
      <c r="GJ16" s="276"/>
      <c r="GK16" s="71">
        <v>42</v>
      </c>
      <c r="GL16" s="71">
        <v>22</v>
      </c>
      <c r="GM16" s="71">
        <v>27</v>
      </c>
      <c r="GN16" s="71">
        <v>28</v>
      </c>
      <c r="GO16" s="71">
        <v>11</v>
      </c>
      <c r="GP16" s="72">
        <v>130</v>
      </c>
      <c r="GQ16" s="73">
        <v>194</v>
      </c>
      <c r="GR16" s="126">
        <v>182</v>
      </c>
      <c r="GS16" s="82">
        <v>119</v>
      </c>
      <c r="GT16" s="83">
        <v>301</v>
      </c>
      <c r="GU16" s="273"/>
      <c r="GV16" s="82">
        <v>134</v>
      </c>
      <c r="GW16" s="82">
        <v>92</v>
      </c>
      <c r="GX16" s="82">
        <v>80</v>
      </c>
      <c r="GY16" s="82">
        <v>88</v>
      </c>
      <c r="GZ16" s="82">
        <v>47</v>
      </c>
      <c r="HA16" s="84">
        <v>441</v>
      </c>
      <c r="HB16" s="85">
        <v>742</v>
      </c>
      <c r="HC16" s="86">
        <v>4</v>
      </c>
      <c r="HD16" s="71">
        <v>6</v>
      </c>
      <c r="HE16" s="72">
        <v>10</v>
      </c>
      <c r="HF16" s="276"/>
      <c r="HG16" s="71">
        <v>1</v>
      </c>
      <c r="HH16" s="71">
        <v>2</v>
      </c>
      <c r="HI16" s="71">
        <v>2</v>
      </c>
      <c r="HJ16" s="71">
        <v>1</v>
      </c>
      <c r="HK16" s="71">
        <v>3</v>
      </c>
      <c r="HL16" s="72">
        <v>9</v>
      </c>
      <c r="HM16" s="73">
        <v>19</v>
      </c>
      <c r="HN16" s="70">
        <v>10</v>
      </c>
      <c r="HO16" s="71">
        <v>10</v>
      </c>
      <c r="HP16" s="72">
        <v>20</v>
      </c>
      <c r="HQ16" s="276"/>
      <c r="HR16" s="71">
        <v>9</v>
      </c>
      <c r="HS16" s="71">
        <v>4</v>
      </c>
      <c r="HT16" s="71">
        <v>1</v>
      </c>
      <c r="HU16" s="71">
        <v>4</v>
      </c>
      <c r="HV16" s="71">
        <v>3</v>
      </c>
      <c r="HW16" s="72">
        <v>21</v>
      </c>
      <c r="HX16" s="73">
        <v>41</v>
      </c>
      <c r="HY16" s="86">
        <v>26</v>
      </c>
      <c r="HZ16" s="71">
        <v>15</v>
      </c>
      <c r="IA16" s="72">
        <v>41</v>
      </c>
      <c r="IB16" s="276"/>
      <c r="IC16" s="71">
        <v>9</v>
      </c>
      <c r="ID16" s="71">
        <v>15</v>
      </c>
      <c r="IE16" s="71">
        <v>7</v>
      </c>
      <c r="IF16" s="71">
        <v>4</v>
      </c>
      <c r="IG16" s="71">
        <v>8</v>
      </c>
      <c r="IH16" s="72">
        <v>43</v>
      </c>
      <c r="II16" s="73">
        <v>84</v>
      </c>
      <c r="IJ16" s="70">
        <v>43</v>
      </c>
      <c r="IK16" s="71">
        <v>25</v>
      </c>
      <c r="IL16" s="72">
        <v>68</v>
      </c>
      <c r="IM16" s="276"/>
      <c r="IN16" s="71">
        <v>31</v>
      </c>
      <c r="IO16" s="71">
        <v>25</v>
      </c>
      <c r="IP16" s="71">
        <v>17</v>
      </c>
      <c r="IQ16" s="71">
        <v>19</v>
      </c>
      <c r="IR16" s="71">
        <v>9</v>
      </c>
      <c r="IS16" s="72">
        <v>101</v>
      </c>
      <c r="IT16" s="73">
        <v>169</v>
      </c>
      <c r="IU16" s="86">
        <v>57</v>
      </c>
      <c r="IV16" s="71">
        <v>34</v>
      </c>
      <c r="IW16" s="72">
        <v>91</v>
      </c>
      <c r="IX16" s="276"/>
      <c r="IY16" s="71">
        <v>40</v>
      </c>
      <c r="IZ16" s="71">
        <v>25</v>
      </c>
      <c r="JA16" s="71">
        <v>27</v>
      </c>
      <c r="JB16" s="71">
        <v>30</v>
      </c>
      <c r="JC16" s="71">
        <v>7</v>
      </c>
      <c r="JD16" s="72">
        <v>129</v>
      </c>
      <c r="JE16" s="73">
        <v>220</v>
      </c>
      <c r="JF16" s="70">
        <v>42</v>
      </c>
      <c r="JG16" s="71">
        <v>29</v>
      </c>
      <c r="JH16" s="72">
        <v>71</v>
      </c>
      <c r="JI16" s="276"/>
      <c r="JJ16" s="71">
        <v>44</v>
      </c>
      <c r="JK16" s="71">
        <v>21</v>
      </c>
      <c r="JL16" s="71">
        <v>26</v>
      </c>
      <c r="JM16" s="71">
        <v>30</v>
      </c>
      <c r="JN16" s="71">
        <v>17</v>
      </c>
      <c r="JO16" s="72">
        <v>138</v>
      </c>
      <c r="JP16" s="73">
        <v>209</v>
      </c>
      <c r="JQ16" s="70">
        <v>0</v>
      </c>
      <c r="JR16" s="71">
        <v>0</v>
      </c>
      <c r="JS16" s="72">
        <v>0</v>
      </c>
      <c r="JT16" s="276"/>
      <c r="JU16" s="71">
        <v>0</v>
      </c>
      <c r="JV16" s="71">
        <v>0</v>
      </c>
      <c r="JW16" s="71">
        <v>0</v>
      </c>
      <c r="JX16" s="71">
        <v>0</v>
      </c>
      <c r="JY16" s="71">
        <v>0</v>
      </c>
      <c r="JZ16" s="72">
        <v>0</v>
      </c>
      <c r="KA16" s="73">
        <v>0</v>
      </c>
      <c r="KB16" s="70">
        <v>182</v>
      </c>
      <c r="KC16" s="71">
        <v>119</v>
      </c>
      <c r="KD16" s="72">
        <v>301</v>
      </c>
      <c r="KE16" s="276"/>
      <c r="KF16" s="71">
        <v>134</v>
      </c>
      <c r="KG16" s="71">
        <v>92</v>
      </c>
      <c r="KH16" s="71">
        <v>80</v>
      </c>
      <c r="KI16" s="71">
        <v>88</v>
      </c>
      <c r="KJ16" s="71">
        <v>47</v>
      </c>
      <c r="KK16" s="72">
        <v>441</v>
      </c>
      <c r="KL16" s="73">
        <v>742</v>
      </c>
    </row>
    <row r="17" spans="1:298" ht="19.5" customHeight="1" x14ac:dyDescent="0.2">
      <c r="A17" s="129" t="s">
        <v>13</v>
      </c>
      <c r="B17" s="350">
        <v>37</v>
      </c>
      <c r="C17" s="82">
        <v>42</v>
      </c>
      <c r="D17" s="83">
        <v>79</v>
      </c>
      <c r="E17" s="273"/>
      <c r="F17" s="82">
        <v>51</v>
      </c>
      <c r="G17" s="82">
        <v>59</v>
      </c>
      <c r="H17" s="82">
        <v>46</v>
      </c>
      <c r="I17" s="82">
        <v>25</v>
      </c>
      <c r="J17" s="82">
        <v>21</v>
      </c>
      <c r="K17" s="84">
        <v>202</v>
      </c>
      <c r="L17" s="85">
        <v>281</v>
      </c>
      <c r="M17" s="70">
        <v>1</v>
      </c>
      <c r="N17" s="71">
        <v>0</v>
      </c>
      <c r="O17" s="72">
        <v>1</v>
      </c>
      <c r="P17" s="276"/>
      <c r="Q17" s="71">
        <v>3</v>
      </c>
      <c r="R17" s="71">
        <v>2</v>
      </c>
      <c r="S17" s="71">
        <v>0</v>
      </c>
      <c r="T17" s="71">
        <v>0</v>
      </c>
      <c r="U17" s="71">
        <v>0</v>
      </c>
      <c r="V17" s="72">
        <v>5</v>
      </c>
      <c r="W17" s="73">
        <v>6</v>
      </c>
      <c r="X17" s="70">
        <v>2</v>
      </c>
      <c r="Y17" s="71">
        <v>2</v>
      </c>
      <c r="Z17" s="72">
        <v>4</v>
      </c>
      <c r="AA17" s="276"/>
      <c r="AB17" s="71">
        <v>3</v>
      </c>
      <c r="AC17" s="71">
        <v>2</v>
      </c>
      <c r="AD17" s="71">
        <v>1</v>
      </c>
      <c r="AE17" s="71">
        <v>1</v>
      </c>
      <c r="AF17" s="71">
        <v>3</v>
      </c>
      <c r="AG17" s="72">
        <v>10</v>
      </c>
      <c r="AH17" s="73">
        <v>14</v>
      </c>
      <c r="AI17" s="70">
        <v>1</v>
      </c>
      <c r="AJ17" s="71">
        <v>2</v>
      </c>
      <c r="AK17" s="72">
        <v>3</v>
      </c>
      <c r="AL17" s="276"/>
      <c r="AM17" s="71">
        <v>3</v>
      </c>
      <c r="AN17" s="71">
        <v>7</v>
      </c>
      <c r="AO17" s="71">
        <v>5</v>
      </c>
      <c r="AP17" s="71">
        <v>3</v>
      </c>
      <c r="AQ17" s="71">
        <v>2</v>
      </c>
      <c r="AR17" s="72">
        <v>20</v>
      </c>
      <c r="AS17" s="73">
        <v>23</v>
      </c>
      <c r="AT17" s="70">
        <v>9</v>
      </c>
      <c r="AU17" s="71">
        <v>9</v>
      </c>
      <c r="AV17" s="72">
        <v>18</v>
      </c>
      <c r="AW17" s="276"/>
      <c r="AX17" s="71">
        <v>12</v>
      </c>
      <c r="AY17" s="71">
        <v>7</v>
      </c>
      <c r="AZ17" s="71">
        <v>12</v>
      </c>
      <c r="BA17" s="71">
        <v>6</v>
      </c>
      <c r="BB17" s="71">
        <v>4</v>
      </c>
      <c r="BC17" s="72">
        <v>41</v>
      </c>
      <c r="BD17" s="73">
        <v>59</v>
      </c>
      <c r="BE17" s="70">
        <v>16</v>
      </c>
      <c r="BF17" s="71">
        <v>14</v>
      </c>
      <c r="BG17" s="72">
        <v>30</v>
      </c>
      <c r="BH17" s="276"/>
      <c r="BI17" s="71">
        <v>14</v>
      </c>
      <c r="BJ17" s="71">
        <v>22</v>
      </c>
      <c r="BK17" s="71">
        <v>11</v>
      </c>
      <c r="BL17" s="71">
        <v>8</v>
      </c>
      <c r="BM17" s="71">
        <v>5</v>
      </c>
      <c r="BN17" s="72">
        <v>60</v>
      </c>
      <c r="BO17" s="73">
        <v>90</v>
      </c>
      <c r="BP17" s="70">
        <v>8</v>
      </c>
      <c r="BQ17" s="71">
        <v>15</v>
      </c>
      <c r="BR17" s="72">
        <v>23</v>
      </c>
      <c r="BS17" s="276"/>
      <c r="BT17" s="71">
        <v>16</v>
      </c>
      <c r="BU17" s="71">
        <v>19</v>
      </c>
      <c r="BV17" s="71">
        <v>17</v>
      </c>
      <c r="BW17" s="71">
        <v>7</v>
      </c>
      <c r="BX17" s="71">
        <v>7</v>
      </c>
      <c r="BY17" s="72">
        <v>66</v>
      </c>
      <c r="BZ17" s="73">
        <v>89</v>
      </c>
      <c r="CA17" s="70">
        <v>0</v>
      </c>
      <c r="CB17" s="71">
        <v>0</v>
      </c>
      <c r="CC17" s="72">
        <v>0</v>
      </c>
      <c r="CD17" s="276"/>
      <c r="CE17" s="71">
        <v>0</v>
      </c>
      <c r="CF17" s="71">
        <v>0</v>
      </c>
      <c r="CG17" s="71">
        <v>0</v>
      </c>
      <c r="CH17" s="71">
        <v>0</v>
      </c>
      <c r="CI17" s="71">
        <v>0</v>
      </c>
      <c r="CJ17" s="72">
        <v>0</v>
      </c>
      <c r="CK17" s="73">
        <v>0</v>
      </c>
      <c r="CL17" s="70">
        <v>37</v>
      </c>
      <c r="CM17" s="71">
        <v>42</v>
      </c>
      <c r="CN17" s="72">
        <v>79</v>
      </c>
      <c r="CO17" s="276"/>
      <c r="CP17" s="71">
        <v>51</v>
      </c>
      <c r="CQ17" s="71">
        <v>59</v>
      </c>
      <c r="CR17" s="71">
        <v>46</v>
      </c>
      <c r="CS17" s="71">
        <v>25</v>
      </c>
      <c r="CT17" s="71">
        <v>21</v>
      </c>
      <c r="CU17" s="72">
        <v>202</v>
      </c>
      <c r="CV17" s="73">
        <v>281</v>
      </c>
      <c r="CW17" s="126">
        <v>13</v>
      </c>
      <c r="CX17" s="82">
        <v>17</v>
      </c>
      <c r="CY17" s="83">
        <v>30</v>
      </c>
      <c r="CZ17" s="273"/>
      <c r="DA17" s="82">
        <v>26</v>
      </c>
      <c r="DB17" s="82">
        <v>20</v>
      </c>
      <c r="DC17" s="82">
        <v>12</v>
      </c>
      <c r="DD17" s="82">
        <v>13</v>
      </c>
      <c r="DE17" s="82">
        <v>13</v>
      </c>
      <c r="DF17" s="84">
        <v>84</v>
      </c>
      <c r="DG17" s="85">
        <v>114</v>
      </c>
      <c r="DH17" s="70">
        <v>0</v>
      </c>
      <c r="DI17" s="71">
        <v>0</v>
      </c>
      <c r="DJ17" s="72">
        <v>0</v>
      </c>
      <c r="DK17" s="276"/>
      <c r="DL17" s="71">
        <v>0</v>
      </c>
      <c r="DM17" s="71">
        <v>0</v>
      </c>
      <c r="DN17" s="71">
        <v>0</v>
      </c>
      <c r="DO17" s="71">
        <v>0</v>
      </c>
      <c r="DP17" s="71">
        <v>0</v>
      </c>
      <c r="DQ17" s="72">
        <v>0</v>
      </c>
      <c r="DR17" s="73">
        <v>0</v>
      </c>
      <c r="DS17" s="70">
        <v>2</v>
      </c>
      <c r="DT17" s="71">
        <v>1</v>
      </c>
      <c r="DU17" s="72">
        <v>3</v>
      </c>
      <c r="DV17" s="276"/>
      <c r="DW17" s="71">
        <v>3</v>
      </c>
      <c r="DX17" s="71">
        <v>0</v>
      </c>
      <c r="DY17" s="71">
        <v>2</v>
      </c>
      <c r="DZ17" s="71">
        <v>0</v>
      </c>
      <c r="EA17" s="71">
        <v>1</v>
      </c>
      <c r="EB17" s="72">
        <v>6</v>
      </c>
      <c r="EC17" s="73">
        <v>9</v>
      </c>
      <c r="ED17" s="70">
        <v>1</v>
      </c>
      <c r="EE17" s="71">
        <v>1</v>
      </c>
      <c r="EF17" s="72">
        <v>2</v>
      </c>
      <c r="EG17" s="276"/>
      <c r="EH17" s="71">
        <v>3</v>
      </c>
      <c r="EI17" s="71">
        <v>0</v>
      </c>
      <c r="EJ17" s="71">
        <v>2</v>
      </c>
      <c r="EK17" s="71">
        <v>2</v>
      </c>
      <c r="EL17" s="71">
        <v>0</v>
      </c>
      <c r="EM17" s="72">
        <v>7</v>
      </c>
      <c r="EN17" s="73">
        <v>9</v>
      </c>
      <c r="EO17" s="70">
        <v>3</v>
      </c>
      <c r="EP17" s="71">
        <v>4</v>
      </c>
      <c r="EQ17" s="72">
        <v>7</v>
      </c>
      <c r="ER17" s="276"/>
      <c r="ES17" s="71">
        <v>5</v>
      </c>
      <c r="ET17" s="71">
        <v>5</v>
      </c>
      <c r="EU17" s="71">
        <v>1</v>
      </c>
      <c r="EV17" s="71">
        <v>1</v>
      </c>
      <c r="EW17" s="71">
        <v>3</v>
      </c>
      <c r="EX17" s="72">
        <v>15</v>
      </c>
      <c r="EY17" s="73">
        <v>22</v>
      </c>
      <c r="EZ17" s="70">
        <v>4</v>
      </c>
      <c r="FA17" s="71">
        <v>4</v>
      </c>
      <c r="FB17" s="72">
        <v>8</v>
      </c>
      <c r="FC17" s="276"/>
      <c r="FD17" s="71">
        <v>9</v>
      </c>
      <c r="FE17" s="71">
        <v>7</v>
      </c>
      <c r="FF17" s="71">
        <v>4</v>
      </c>
      <c r="FG17" s="71">
        <v>2</v>
      </c>
      <c r="FH17" s="71">
        <v>0</v>
      </c>
      <c r="FI17" s="72">
        <v>22</v>
      </c>
      <c r="FJ17" s="73">
        <v>30</v>
      </c>
      <c r="FK17" s="70">
        <v>3</v>
      </c>
      <c r="FL17" s="71">
        <v>7</v>
      </c>
      <c r="FM17" s="72">
        <v>10</v>
      </c>
      <c r="FN17" s="276"/>
      <c r="FO17" s="71">
        <v>6</v>
      </c>
      <c r="FP17" s="71">
        <v>8</v>
      </c>
      <c r="FQ17" s="71">
        <v>3</v>
      </c>
      <c r="FR17" s="71">
        <v>8</v>
      </c>
      <c r="FS17" s="71">
        <v>9</v>
      </c>
      <c r="FT17" s="72">
        <v>34</v>
      </c>
      <c r="FU17" s="73">
        <v>44</v>
      </c>
      <c r="FV17" s="70">
        <v>0</v>
      </c>
      <c r="FW17" s="71">
        <v>0</v>
      </c>
      <c r="FX17" s="72">
        <v>0</v>
      </c>
      <c r="FY17" s="276"/>
      <c r="FZ17" s="71">
        <v>0</v>
      </c>
      <c r="GA17" s="71">
        <v>0</v>
      </c>
      <c r="GB17" s="71">
        <v>0</v>
      </c>
      <c r="GC17" s="71">
        <v>0</v>
      </c>
      <c r="GD17" s="71">
        <v>0</v>
      </c>
      <c r="GE17" s="72">
        <v>0</v>
      </c>
      <c r="GF17" s="73">
        <v>0</v>
      </c>
      <c r="GG17" s="70">
        <v>13</v>
      </c>
      <c r="GH17" s="71">
        <v>17</v>
      </c>
      <c r="GI17" s="72">
        <v>30</v>
      </c>
      <c r="GJ17" s="276"/>
      <c r="GK17" s="71">
        <v>26</v>
      </c>
      <c r="GL17" s="71">
        <v>20</v>
      </c>
      <c r="GM17" s="71">
        <v>12</v>
      </c>
      <c r="GN17" s="71">
        <v>13</v>
      </c>
      <c r="GO17" s="71">
        <v>13</v>
      </c>
      <c r="GP17" s="72">
        <v>84</v>
      </c>
      <c r="GQ17" s="73">
        <v>114</v>
      </c>
      <c r="GR17" s="126">
        <v>50</v>
      </c>
      <c r="GS17" s="82">
        <v>59</v>
      </c>
      <c r="GT17" s="83">
        <v>109</v>
      </c>
      <c r="GU17" s="273"/>
      <c r="GV17" s="82">
        <v>77</v>
      </c>
      <c r="GW17" s="82">
        <v>79</v>
      </c>
      <c r="GX17" s="82">
        <v>58</v>
      </c>
      <c r="GY17" s="82">
        <v>38</v>
      </c>
      <c r="GZ17" s="82">
        <v>34</v>
      </c>
      <c r="HA17" s="84">
        <v>286</v>
      </c>
      <c r="HB17" s="85">
        <v>395</v>
      </c>
      <c r="HC17" s="70">
        <v>1</v>
      </c>
      <c r="HD17" s="71">
        <v>0</v>
      </c>
      <c r="HE17" s="72">
        <v>1</v>
      </c>
      <c r="HF17" s="276"/>
      <c r="HG17" s="71">
        <v>3</v>
      </c>
      <c r="HH17" s="71">
        <v>2</v>
      </c>
      <c r="HI17" s="71">
        <v>0</v>
      </c>
      <c r="HJ17" s="71">
        <v>0</v>
      </c>
      <c r="HK17" s="71">
        <v>0</v>
      </c>
      <c r="HL17" s="72">
        <v>5</v>
      </c>
      <c r="HM17" s="73">
        <v>6</v>
      </c>
      <c r="HN17" s="70">
        <v>4</v>
      </c>
      <c r="HO17" s="71">
        <v>3</v>
      </c>
      <c r="HP17" s="72">
        <v>7</v>
      </c>
      <c r="HQ17" s="276"/>
      <c r="HR17" s="71">
        <v>6</v>
      </c>
      <c r="HS17" s="71">
        <v>2</v>
      </c>
      <c r="HT17" s="71">
        <v>3</v>
      </c>
      <c r="HU17" s="71">
        <v>1</v>
      </c>
      <c r="HV17" s="71">
        <v>4</v>
      </c>
      <c r="HW17" s="72">
        <v>16</v>
      </c>
      <c r="HX17" s="73">
        <v>23</v>
      </c>
      <c r="HY17" s="70">
        <v>2</v>
      </c>
      <c r="HZ17" s="71">
        <v>3</v>
      </c>
      <c r="IA17" s="72">
        <v>5</v>
      </c>
      <c r="IB17" s="276"/>
      <c r="IC17" s="71">
        <v>6</v>
      </c>
      <c r="ID17" s="71">
        <v>7</v>
      </c>
      <c r="IE17" s="71">
        <v>7</v>
      </c>
      <c r="IF17" s="71">
        <v>5</v>
      </c>
      <c r="IG17" s="71">
        <v>2</v>
      </c>
      <c r="IH17" s="72">
        <v>27</v>
      </c>
      <c r="II17" s="73">
        <v>32</v>
      </c>
      <c r="IJ17" s="70">
        <v>12</v>
      </c>
      <c r="IK17" s="71">
        <v>13</v>
      </c>
      <c r="IL17" s="72">
        <v>25</v>
      </c>
      <c r="IM17" s="276"/>
      <c r="IN17" s="71">
        <v>17</v>
      </c>
      <c r="IO17" s="71">
        <v>12</v>
      </c>
      <c r="IP17" s="71">
        <v>13</v>
      </c>
      <c r="IQ17" s="71">
        <v>7</v>
      </c>
      <c r="IR17" s="71">
        <v>7</v>
      </c>
      <c r="IS17" s="72">
        <v>56</v>
      </c>
      <c r="IT17" s="73">
        <v>81</v>
      </c>
      <c r="IU17" s="70">
        <v>20</v>
      </c>
      <c r="IV17" s="71">
        <v>18</v>
      </c>
      <c r="IW17" s="72">
        <v>38</v>
      </c>
      <c r="IX17" s="276"/>
      <c r="IY17" s="71">
        <v>23</v>
      </c>
      <c r="IZ17" s="71">
        <v>29</v>
      </c>
      <c r="JA17" s="71">
        <v>15</v>
      </c>
      <c r="JB17" s="71">
        <v>10</v>
      </c>
      <c r="JC17" s="71">
        <v>5</v>
      </c>
      <c r="JD17" s="72">
        <v>82</v>
      </c>
      <c r="JE17" s="73">
        <v>120</v>
      </c>
      <c r="JF17" s="70">
        <v>11</v>
      </c>
      <c r="JG17" s="71">
        <v>22</v>
      </c>
      <c r="JH17" s="72">
        <v>33</v>
      </c>
      <c r="JI17" s="276"/>
      <c r="JJ17" s="71">
        <v>22</v>
      </c>
      <c r="JK17" s="71">
        <v>27</v>
      </c>
      <c r="JL17" s="71">
        <v>20</v>
      </c>
      <c r="JM17" s="71">
        <v>15</v>
      </c>
      <c r="JN17" s="71">
        <v>16</v>
      </c>
      <c r="JO17" s="72">
        <v>100</v>
      </c>
      <c r="JP17" s="73">
        <v>133</v>
      </c>
      <c r="JQ17" s="70">
        <v>0</v>
      </c>
      <c r="JR17" s="71">
        <v>0</v>
      </c>
      <c r="JS17" s="72">
        <v>0</v>
      </c>
      <c r="JT17" s="276"/>
      <c r="JU17" s="71">
        <v>0</v>
      </c>
      <c r="JV17" s="71">
        <v>0</v>
      </c>
      <c r="JW17" s="71">
        <v>0</v>
      </c>
      <c r="JX17" s="71">
        <v>0</v>
      </c>
      <c r="JY17" s="71">
        <v>0</v>
      </c>
      <c r="JZ17" s="72">
        <v>0</v>
      </c>
      <c r="KA17" s="73">
        <v>0</v>
      </c>
      <c r="KB17" s="70">
        <v>50</v>
      </c>
      <c r="KC17" s="71">
        <v>59</v>
      </c>
      <c r="KD17" s="72">
        <v>109</v>
      </c>
      <c r="KE17" s="276"/>
      <c r="KF17" s="71">
        <v>77</v>
      </c>
      <c r="KG17" s="71">
        <v>79</v>
      </c>
      <c r="KH17" s="71">
        <v>58</v>
      </c>
      <c r="KI17" s="71">
        <v>38</v>
      </c>
      <c r="KJ17" s="71">
        <v>34</v>
      </c>
      <c r="KK17" s="72">
        <v>286</v>
      </c>
      <c r="KL17" s="73">
        <v>395</v>
      </c>
    </row>
    <row r="18" spans="1:298" ht="19.5" customHeight="1" x14ac:dyDescent="0.2">
      <c r="A18" s="129" t="s">
        <v>15</v>
      </c>
      <c r="B18" s="350">
        <v>8</v>
      </c>
      <c r="C18" s="82">
        <v>9</v>
      </c>
      <c r="D18" s="83">
        <v>17</v>
      </c>
      <c r="E18" s="273"/>
      <c r="F18" s="82">
        <v>18</v>
      </c>
      <c r="G18" s="82">
        <v>16</v>
      </c>
      <c r="H18" s="82">
        <v>8</v>
      </c>
      <c r="I18" s="82">
        <v>10</v>
      </c>
      <c r="J18" s="82">
        <v>8</v>
      </c>
      <c r="K18" s="84">
        <v>60</v>
      </c>
      <c r="L18" s="85">
        <v>77</v>
      </c>
      <c r="M18" s="70">
        <v>2</v>
      </c>
      <c r="N18" s="71">
        <v>2</v>
      </c>
      <c r="O18" s="72">
        <v>4</v>
      </c>
      <c r="P18" s="276"/>
      <c r="Q18" s="71">
        <v>1</v>
      </c>
      <c r="R18" s="71">
        <v>1</v>
      </c>
      <c r="S18" s="71">
        <v>1</v>
      </c>
      <c r="T18" s="71">
        <v>2</v>
      </c>
      <c r="U18" s="71">
        <v>0</v>
      </c>
      <c r="V18" s="72">
        <v>5</v>
      </c>
      <c r="W18" s="73">
        <v>9</v>
      </c>
      <c r="X18" s="70">
        <v>0</v>
      </c>
      <c r="Y18" s="71">
        <v>0</v>
      </c>
      <c r="Z18" s="72">
        <v>0</v>
      </c>
      <c r="AA18" s="276"/>
      <c r="AB18" s="71">
        <v>2</v>
      </c>
      <c r="AC18" s="71">
        <v>1</v>
      </c>
      <c r="AD18" s="71">
        <v>3</v>
      </c>
      <c r="AE18" s="71">
        <v>2</v>
      </c>
      <c r="AF18" s="71">
        <v>1</v>
      </c>
      <c r="AG18" s="72">
        <v>9</v>
      </c>
      <c r="AH18" s="73">
        <v>9</v>
      </c>
      <c r="AI18" s="70">
        <v>0</v>
      </c>
      <c r="AJ18" s="71">
        <v>1</v>
      </c>
      <c r="AK18" s="72">
        <v>1</v>
      </c>
      <c r="AL18" s="276"/>
      <c r="AM18" s="71">
        <v>4</v>
      </c>
      <c r="AN18" s="71">
        <v>2</v>
      </c>
      <c r="AO18" s="71">
        <v>0</v>
      </c>
      <c r="AP18" s="71">
        <v>1</v>
      </c>
      <c r="AQ18" s="71">
        <v>1</v>
      </c>
      <c r="AR18" s="72">
        <v>8</v>
      </c>
      <c r="AS18" s="73">
        <v>9</v>
      </c>
      <c r="AT18" s="70">
        <v>3</v>
      </c>
      <c r="AU18" s="71">
        <v>2</v>
      </c>
      <c r="AV18" s="72">
        <v>5</v>
      </c>
      <c r="AW18" s="276"/>
      <c r="AX18" s="71">
        <v>1</v>
      </c>
      <c r="AY18" s="71">
        <v>2</v>
      </c>
      <c r="AZ18" s="71">
        <v>3</v>
      </c>
      <c r="BA18" s="71">
        <v>0</v>
      </c>
      <c r="BB18" s="71">
        <v>2</v>
      </c>
      <c r="BC18" s="72">
        <v>8</v>
      </c>
      <c r="BD18" s="73">
        <v>13</v>
      </c>
      <c r="BE18" s="70">
        <v>1</v>
      </c>
      <c r="BF18" s="71">
        <v>2</v>
      </c>
      <c r="BG18" s="72">
        <v>3</v>
      </c>
      <c r="BH18" s="276"/>
      <c r="BI18" s="71">
        <v>6</v>
      </c>
      <c r="BJ18" s="71">
        <v>5</v>
      </c>
      <c r="BK18" s="71">
        <v>0</v>
      </c>
      <c r="BL18" s="71">
        <v>2</v>
      </c>
      <c r="BM18" s="71">
        <v>4</v>
      </c>
      <c r="BN18" s="72">
        <v>17</v>
      </c>
      <c r="BO18" s="73">
        <v>20</v>
      </c>
      <c r="BP18" s="70">
        <v>2</v>
      </c>
      <c r="BQ18" s="71">
        <v>2</v>
      </c>
      <c r="BR18" s="72">
        <v>4</v>
      </c>
      <c r="BS18" s="276"/>
      <c r="BT18" s="71">
        <v>4</v>
      </c>
      <c r="BU18" s="71">
        <v>5</v>
      </c>
      <c r="BV18" s="71">
        <v>1</v>
      </c>
      <c r="BW18" s="71">
        <v>3</v>
      </c>
      <c r="BX18" s="71">
        <v>0</v>
      </c>
      <c r="BY18" s="72">
        <v>13</v>
      </c>
      <c r="BZ18" s="73">
        <v>17</v>
      </c>
      <c r="CA18" s="70">
        <v>0</v>
      </c>
      <c r="CB18" s="71">
        <v>0</v>
      </c>
      <c r="CC18" s="72">
        <v>0</v>
      </c>
      <c r="CD18" s="276"/>
      <c r="CE18" s="71">
        <v>0</v>
      </c>
      <c r="CF18" s="71">
        <v>0</v>
      </c>
      <c r="CG18" s="71">
        <v>0</v>
      </c>
      <c r="CH18" s="71">
        <v>0</v>
      </c>
      <c r="CI18" s="71">
        <v>0</v>
      </c>
      <c r="CJ18" s="72">
        <v>0</v>
      </c>
      <c r="CK18" s="73">
        <v>0</v>
      </c>
      <c r="CL18" s="70">
        <v>8</v>
      </c>
      <c r="CM18" s="71">
        <v>9</v>
      </c>
      <c r="CN18" s="72">
        <v>17</v>
      </c>
      <c r="CO18" s="276"/>
      <c r="CP18" s="71">
        <v>18</v>
      </c>
      <c r="CQ18" s="71">
        <v>16</v>
      </c>
      <c r="CR18" s="71">
        <v>8</v>
      </c>
      <c r="CS18" s="71">
        <v>10</v>
      </c>
      <c r="CT18" s="71">
        <v>8</v>
      </c>
      <c r="CU18" s="72">
        <v>60</v>
      </c>
      <c r="CV18" s="73">
        <v>77</v>
      </c>
      <c r="CW18" s="126">
        <v>2</v>
      </c>
      <c r="CX18" s="82">
        <v>10</v>
      </c>
      <c r="CY18" s="83">
        <v>12</v>
      </c>
      <c r="CZ18" s="273"/>
      <c r="DA18" s="82">
        <v>10</v>
      </c>
      <c r="DB18" s="82">
        <v>6</v>
      </c>
      <c r="DC18" s="82">
        <v>7</v>
      </c>
      <c r="DD18" s="82">
        <v>3</v>
      </c>
      <c r="DE18" s="82">
        <v>2</v>
      </c>
      <c r="DF18" s="84">
        <v>28</v>
      </c>
      <c r="DG18" s="85">
        <v>40</v>
      </c>
      <c r="DH18" s="70">
        <v>0</v>
      </c>
      <c r="DI18" s="71">
        <v>0</v>
      </c>
      <c r="DJ18" s="72">
        <v>0</v>
      </c>
      <c r="DK18" s="276"/>
      <c r="DL18" s="71">
        <v>0</v>
      </c>
      <c r="DM18" s="71">
        <v>0</v>
      </c>
      <c r="DN18" s="71">
        <v>1</v>
      </c>
      <c r="DO18" s="71">
        <v>0</v>
      </c>
      <c r="DP18" s="71">
        <v>0</v>
      </c>
      <c r="DQ18" s="72">
        <v>1</v>
      </c>
      <c r="DR18" s="73">
        <v>1</v>
      </c>
      <c r="DS18" s="70">
        <v>0</v>
      </c>
      <c r="DT18" s="71">
        <v>1</v>
      </c>
      <c r="DU18" s="72">
        <v>1</v>
      </c>
      <c r="DV18" s="276"/>
      <c r="DW18" s="71">
        <v>1</v>
      </c>
      <c r="DX18" s="71">
        <v>1</v>
      </c>
      <c r="DY18" s="71">
        <v>0</v>
      </c>
      <c r="DZ18" s="71">
        <v>0</v>
      </c>
      <c r="EA18" s="71">
        <v>0</v>
      </c>
      <c r="EB18" s="72">
        <v>2</v>
      </c>
      <c r="EC18" s="73">
        <v>3</v>
      </c>
      <c r="ED18" s="70">
        <v>0</v>
      </c>
      <c r="EE18" s="71">
        <v>1</v>
      </c>
      <c r="EF18" s="72">
        <v>1</v>
      </c>
      <c r="EG18" s="276"/>
      <c r="EH18" s="71">
        <v>1</v>
      </c>
      <c r="EI18" s="71">
        <v>0</v>
      </c>
      <c r="EJ18" s="71">
        <v>2</v>
      </c>
      <c r="EK18" s="71">
        <v>0</v>
      </c>
      <c r="EL18" s="71">
        <v>1</v>
      </c>
      <c r="EM18" s="72">
        <v>4</v>
      </c>
      <c r="EN18" s="73">
        <v>5</v>
      </c>
      <c r="EO18" s="70">
        <v>0</v>
      </c>
      <c r="EP18" s="71">
        <v>5</v>
      </c>
      <c r="EQ18" s="72">
        <v>5</v>
      </c>
      <c r="ER18" s="276"/>
      <c r="ES18" s="71">
        <v>3</v>
      </c>
      <c r="ET18" s="71">
        <v>1</v>
      </c>
      <c r="EU18" s="71">
        <v>0</v>
      </c>
      <c r="EV18" s="71">
        <v>0</v>
      </c>
      <c r="EW18" s="71">
        <v>0</v>
      </c>
      <c r="EX18" s="72">
        <v>4</v>
      </c>
      <c r="EY18" s="73">
        <v>9</v>
      </c>
      <c r="EZ18" s="70">
        <v>0</v>
      </c>
      <c r="FA18" s="71">
        <v>2</v>
      </c>
      <c r="FB18" s="72">
        <v>2</v>
      </c>
      <c r="FC18" s="276"/>
      <c r="FD18" s="71">
        <v>4</v>
      </c>
      <c r="FE18" s="71">
        <v>1</v>
      </c>
      <c r="FF18" s="71">
        <v>0</v>
      </c>
      <c r="FG18" s="71">
        <v>0</v>
      </c>
      <c r="FH18" s="71">
        <v>0</v>
      </c>
      <c r="FI18" s="72">
        <v>5</v>
      </c>
      <c r="FJ18" s="73">
        <v>7</v>
      </c>
      <c r="FK18" s="70">
        <v>2</v>
      </c>
      <c r="FL18" s="71">
        <v>1</v>
      </c>
      <c r="FM18" s="72">
        <v>3</v>
      </c>
      <c r="FN18" s="276"/>
      <c r="FO18" s="71">
        <v>1</v>
      </c>
      <c r="FP18" s="71">
        <v>3</v>
      </c>
      <c r="FQ18" s="71">
        <v>4</v>
      </c>
      <c r="FR18" s="71">
        <v>3</v>
      </c>
      <c r="FS18" s="71">
        <v>1</v>
      </c>
      <c r="FT18" s="72">
        <v>12</v>
      </c>
      <c r="FU18" s="73">
        <v>15</v>
      </c>
      <c r="FV18" s="70">
        <v>0</v>
      </c>
      <c r="FW18" s="71">
        <v>0</v>
      </c>
      <c r="FX18" s="72">
        <v>0</v>
      </c>
      <c r="FY18" s="276"/>
      <c r="FZ18" s="71">
        <v>0</v>
      </c>
      <c r="GA18" s="71">
        <v>0</v>
      </c>
      <c r="GB18" s="71">
        <v>0</v>
      </c>
      <c r="GC18" s="71">
        <v>0</v>
      </c>
      <c r="GD18" s="71">
        <v>0</v>
      </c>
      <c r="GE18" s="72">
        <v>0</v>
      </c>
      <c r="GF18" s="73">
        <v>0</v>
      </c>
      <c r="GG18" s="70">
        <v>2</v>
      </c>
      <c r="GH18" s="71">
        <v>10</v>
      </c>
      <c r="GI18" s="72">
        <v>12</v>
      </c>
      <c r="GJ18" s="276"/>
      <c r="GK18" s="71">
        <v>10</v>
      </c>
      <c r="GL18" s="71">
        <v>6</v>
      </c>
      <c r="GM18" s="71">
        <v>7</v>
      </c>
      <c r="GN18" s="71">
        <v>3</v>
      </c>
      <c r="GO18" s="71">
        <v>2</v>
      </c>
      <c r="GP18" s="72">
        <v>28</v>
      </c>
      <c r="GQ18" s="73">
        <v>40</v>
      </c>
      <c r="GR18" s="126">
        <v>10</v>
      </c>
      <c r="GS18" s="82">
        <v>19</v>
      </c>
      <c r="GT18" s="83">
        <v>29</v>
      </c>
      <c r="GU18" s="273"/>
      <c r="GV18" s="82">
        <v>28</v>
      </c>
      <c r="GW18" s="82">
        <v>22</v>
      </c>
      <c r="GX18" s="82">
        <v>15</v>
      </c>
      <c r="GY18" s="82">
        <v>13</v>
      </c>
      <c r="GZ18" s="82">
        <v>10</v>
      </c>
      <c r="HA18" s="84">
        <v>88</v>
      </c>
      <c r="HB18" s="85">
        <v>117</v>
      </c>
      <c r="HC18" s="70">
        <v>2</v>
      </c>
      <c r="HD18" s="71">
        <v>2</v>
      </c>
      <c r="HE18" s="72">
        <v>4</v>
      </c>
      <c r="HF18" s="276"/>
      <c r="HG18" s="71">
        <v>1</v>
      </c>
      <c r="HH18" s="71">
        <v>1</v>
      </c>
      <c r="HI18" s="71">
        <v>2</v>
      </c>
      <c r="HJ18" s="71">
        <v>2</v>
      </c>
      <c r="HK18" s="71">
        <v>0</v>
      </c>
      <c r="HL18" s="72">
        <v>6</v>
      </c>
      <c r="HM18" s="73">
        <v>10</v>
      </c>
      <c r="HN18" s="70">
        <v>0</v>
      </c>
      <c r="HO18" s="71">
        <v>1</v>
      </c>
      <c r="HP18" s="72">
        <v>1</v>
      </c>
      <c r="HQ18" s="276"/>
      <c r="HR18" s="71">
        <v>3</v>
      </c>
      <c r="HS18" s="71">
        <v>2</v>
      </c>
      <c r="HT18" s="71">
        <v>3</v>
      </c>
      <c r="HU18" s="71">
        <v>2</v>
      </c>
      <c r="HV18" s="71">
        <v>1</v>
      </c>
      <c r="HW18" s="72">
        <v>11</v>
      </c>
      <c r="HX18" s="73">
        <v>12</v>
      </c>
      <c r="HY18" s="70">
        <v>0</v>
      </c>
      <c r="HZ18" s="71">
        <v>2</v>
      </c>
      <c r="IA18" s="72">
        <v>2</v>
      </c>
      <c r="IB18" s="276"/>
      <c r="IC18" s="71">
        <v>5</v>
      </c>
      <c r="ID18" s="71">
        <v>2</v>
      </c>
      <c r="IE18" s="71">
        <v>2</v>
      </c>
      <c r="IF18" s="71">
        <v>1</v>
      </c>
      <c r="IG18" s="71">
        <v>2</v>
      </c>
      <c r="IH18" s="72">
        <v>12</v>
      </c>
      <c r="II18" s="73">
        <v>14</v>
      </c>
      <c r="IJ18" s="70">
        <v>3</v>
      </c>
      <c r="IK18" s="71">
        <v>7</v>
      </c>
      <c r="IL18" s="72">
        <v>10</v>
      </c>
      <c r="IM18" s="276"/>
      <c r="IN18" s="71">
        <v>4</v>
      </c>
      <c r="IO18" s="71">
        <v>3</v>
      </c>
      <c r="IP18" s="71">
        <v>3</v>
      </c>
      <c r="IQ18" s="71">
        <v>0</v>
      </c>
      <c r="IR18" s="71">
        <v>2</v>
      </c>
      <c r="IS18" s="72">
        <v>12</v>
      </c>
      <c r="IT18" s="73">
        <v>22</v>
      </c>
      <c r="IU18" s="70">
        <v>1</v>
      </c>
      <c r="IV18" s="71">
        <v>4</v>
      </c>
      <c r="IW18" s="72">
        <v>5</v>
      </c>
      <c r="IX18" s="276"/>
      <c r="IY18" s="71">
        <v>10</v>
      </c>
      <c r="IZ18" s="71">
        <v>6</v>
      </c>
      <c r="JA18" s="71">
        <v>0</v>
      </c>
      <c r="JB18" s="71">
        <v>2</v>
      </c>
      <c r="JC18" s="71">
        <v>4</v>
      </c>
      <c r="JD18" s="72">
        <v>22</v>
      </c>
      <c r="JE18" s="73">
        <v>27</v>
      </c>
      <c r="JF18" s="70">
        <v>4</v>
      </c>
      <c r="JG18" s="71">
        <v>3</v>
      </c>
      <c r="JH18" s="72">
        <v>7</v>
      </c>
      <c r="JI18" s="276"/>
      <c r="JJ18" s="71">
        <v>5</v>
      </c>
      <c r="JK18" s="71">
        <v>8</v>
      </c>
      <c r="JL18" s="71">
        <v>5</v>
      </c>
      <c r="JM18" s="71">
        <v>6</v>
      </c>
      <c r="JN18" s="71">
        <v>1</v>
      </c>
      <c r="JO18" s="72">
        <v>25</v>
      </c>
      <c r="JP18" s="73">
        <v>32</v>
      </c>
      <c r="JQ18" s="70">
        <v>0</v>
      </c>
      <c r="JR18" s="71">
        <v>0</v>
      </c>
      <c r="JS18" s="72">
        <v>0</v>
      </c>
      <c r="JT18" s="276"/>
      <c r="JU18" s="71">
        <v>0</v>
      </c>
      <c r="JV18" s="71">
        <v>0</v>
      </c>
      <c r="JW18" s="71">
        <v>0</v>
      </c>
      <c r="JX18" s="71">
        <v>0</v>
      </c>
      <c r="JY18" s="71">
        <v>0</v>
      </c>
      <c r="JZ18" s="72">
        <v>0</v>
      </c>
      <c r="KA18" s="73">
        <v>0</v>
      </c>
      <c r="KB18" s="70">
        <v>10</v>
      </c>
      <c r="KC18" s="71">
        <v>19</v>
      </c>
      <c r="KD18" s="72">
        <v>29</v>
      </c>
      <c r="KE18" s="276"/>
      <c r="KF18" s="71">
        <v>28</v>
      </c>
      <c r="KG18" s="71">
        <v>22</v>
      </c>
      <c r="KH18" s="71">
        <v>15</v>
      </c>
      <c r="KI18" s="71">
        <v>13</v>
      </c>
      <c r="KJ18" s="71">
        <v>10</v>
      </c>
      <c r="KK18" s="72">
        <v>88</v>
      </c>
      <c r="KL18" s="73">
        <v>117</v>
      </c>
    </row>
    <row r="19" spans="1:298" ht="19.5" customHeight="1" x14ac:dyDescent="0.2">
      <c r="A19" s="129" t="s">
        <v>16</v>
      </c>
      <c r="B19" s="350">
        <v>29</v>
      </c>
      <c r="C19" s="82">
        <v>32</v>
      </c>
      <c r="D19" s="83">
        <v>61</v>
      </c>
      <c r="E19" s="273"/>
      <c r="F19" s="82">
        <v>52</v>
      </c>
      <c r="G19" s="82">
        <v>57</v>
      </c>
      <c r="H19" s="82">
        <v>36</v>
      </c>
      <c r="I19" s="82">
        <v>30</v>
      </c>
      <c r="J19" s="82">
        <v>16</v>
      </c>
      <c r="K19" s="84">
        <v>191</v>
      </c>
      <c r="L19" s="85">
        <v>252</v>
      </c>
      <c r="M19" s="70">
        <v>0</v>
      </c>
      <c r="N19" s="71">
        <v>1</v>
      </c>
      <c r="O19" s="72">
        <v>1</v>
      </c>
      <c r="P19" s="276"/>
      <c r="Q19" s="71">
        <v>0</v>
      </c>
      <c r="R19" s="71">
        <v>2</v>
      </c>
      <c r="S19" s="71">
        <v>0</v>
      </c>
      <c r="T19" s="71">
        <v>0</v>
      </c>
      <c r="U19" s="71">
        <v>2</v>
      </c>
      <c r="V19" s="72">
        <v>4</v>
      </c>
      <c r="W19" s="73">
        <v>5</v>
      </c>
      <c r="X19" s="70">
        <v>5</v>
      </c>
      <c r="Y19" s="71">
        <v>7</v>
      </c>
      <c r="Z19" s="72">
        <v>12</v>
      </c>
      <c r="AA19" s="276"/>
      <c r="AB19" s="71">
        <v>6</v>
      </c>
      <c r="AC19" s="71">
        <v>8</v>
      </c>
      <c r="AD19" s="71">
        <v>7</v>
      </c>
      <c r="AE19" s="71">
        <v>5</v>
      </c>
      <c r="AF19" s="71">
        <v>0</v>
      </c>
      <c r="AG19" s="72">
        <v>26</v>
      </c>
      <c r="AH19" s="73">
        <v>38</v>
      </c>
      <c r="AI19" s="70">
        <v>6</v>
      </c>
      <c r="AJ19" s="71">
        <v>5</v>
      </c>
      <c r="AK19" s="72">
        <v>11</v>
      </c>
      <c r="AL19" s="276"/>
      <c r="AM19" s="71">
        <v>7</v>
      </c>
      <c r="AN19" s="71">
        <v>6</v>
      </c>
      <c r="AO19" s="71">
        <v>3</v>
      </c>
      <c r="AP19" s="71">
        <v>5</v>
      </c>
      <c r="AQ19" s="71">
        <v>4</v>
      </c>
      <c r="AR19" s="72">
        <v>25</v>
      </c>
      <c r="AS19" s="73">
        <v>36</v>
      </c>
      <c r="AT19" s="70">
        <v>7</v>
      </c>
      <c r="AU19" s="71">
        <v>7</v>
      </c>
      <c r="AV19" s="72">
        <v>14</v>
      </c>
      <c r="AW19" s="276"/>
      <c r="AX19" s="71">
        <v>12</v>
      </c>
      <c r="AY19" s="71">
        <v>17</v>
      </c>
      <c r="AZ19" s="71">
        <v>11</v>
      </c>
      <c r="BA19" s="71">
        <v>2</v>
      </c>
      <c r="BB19" s="71">
        <v>7</v>
      </c>
      <c r="BC19" s="72">
        <v>49</v>
      </c>
      <c r="BD19" s="73">
        <v>63</v>
      </c>
      <c r="BE19" s="70">
        <v>7</v>
      </c>
      <c r="BF19" s="71">
        <v>9</v>
      </c>
      <c r="BG19" s="72">
        <v>16</v>
      </c>
      <c r="BH19" s="276"/>
      <c r="BI19" s="71">
        <v>10</v>
      </c>
      <c r="BJ19" s="71">
        <v>11</v>
      </c>
      <c r="BK19" s="71">
        <v>8</v>
      </c>
      <c r="BL19" s="71">
        <v>5</v>
      </c>
      <c r="BM19" s="71">
        <v>2</v>
      </c>
      <c r="BN19" s="72">
        <v>36</v>
      </c>
      <c r="BO19" s="73">
        <v>52</v>
      </c>
      <c r="BP19" s="70">
        <v>4</v>
      </c>
      <c r="BQ19" s="71">
        <v>3</v>
      </c>
      <c r="BR19" s="72">
        <v>7</v>
      </c>
      <c r="BS19" s="276"/>
      <c r="BT19" s="71">
        <v>17</v>
      </c>
      <c r="BU19" s="71">
        <v>13</v>
      </c>
      <c r="BV19" s="71">
        <v>7</v>
      </c>
      <c r="BW19" s="71">
        <v>13</v>
      </c>
      <c r="BX19" s="71">
        <v>1</v>
      </c>
      <c r="BY19" s="72">
        <v>51</v>
      </c>
      <c r="BZ19" s="73">
        <v>58</v>
      </c>
      <c r="CA19" s="70">
        <v>0</v>
      </c>
      <c r="CB19" s="71">
        <v>0</v>
      </c>
      <c r="CC19" s="72">
        <v>0</v>
      </c>
      <c r="CD19" s="276"/>
      <c r="CE19" s="71">
        <v>0</v>
      </c>
      <c r="CF19" s="71">
        <v>0</v>
      </c>
      <c r="CG19" s="71">
        <v>0</v>
      </c>
      <c r="CH19" s="71">
        <v>0</v>
      </c>
      <c r="CI19" s="71">
        <v>0</v>
      </c>
      <c r="CJ19" s="72">
        <v>0</v>
      </c>
      <c r="CK19" s="73">
        <v>0</v>
      </c>
      <c r="CL19" s="70">
        <v>29</v>
      </c>
      <c r="CM19" s="71">
        <v>32</v>
      </c>
      <c r="CN19" s="72">
        <v>61</v>
      </c>
      <c r="CO19" s="276"/>
      <c r="CP19" s="71">
        <v>52</v>
      </c>
      <c r="CQ19" s="71">
        <v>57</v>
      </c>
      <c r="CR19" s="71">
        <v>36</v>
      </c>
      <c r="CS19" s="71">
        <v>30</v>
      </c>
      <c r="CT19" s="71">
        <v>16</v>
      </c>
      <c r="CU19" s="72">
        <v>191</v>
      </c>
      <c r="CV19" s="73">
        <v>252</v>
      </c>
      <c r="CW19" s="126">
        <v>14</v>
      </c>
      <c r="CX19" s="82">
        <v>11</v>
      </c>
      <c r="CY19" s="83">
        <v>25</v>
      </c>
      <c r="CZ19" s="273"/>
      <c r="DA19" s="82">
        <v>18</v>
      </c>
      <c r="DB19" s="82">
        <v>27</v>
      </c>
      <c r="DC19" s="82">
        <v>13</v>
      </c>
      <c r="DD19" s="82">
        <v>15</v>
      </c>
      <c r="DE19" s="82">
        <v>10</v>
      </c>
      <c r="DF19" s="84">
        <v>83</v>
      </c>
      <c r="DG19" s="85">
        <v>108</v>
      </c>
      <c r="DH19" s="70">
        <v>0</v>
      </c>
      <c r="DI19" s="71">
        <v>0</v>
      </c>
      <c r="DJ19" s="72">
        <v>0</v>
      </c>
      <c r="DK19" s="276"/>
      <c r="DL19" s="71">
        <v>0</v>
      </c>
      <c r="DM19" s="71">
        <v>2</v>
      </c>
      <c r="DN19" s="71">
        <v>0</v>
      </c>
      <c r="DO19" s="71">
        <v>0</v>
      </c>
      <c r="DP19" s="71">
        <v>0</v>
      </c>
      <c r="DQ19" s="72">
        <v>2</v>
      </c>
      <c r="DR19" s="73">
        <v>2</v>
      </c>
      <c r="DS19" s="70">
        <v>2</v>
      </c>
      <c r="DT19" s="71">
        <v>2</v>
      </c>
      <c r="DU19" s="72">
        <v>4</v>
      </c>
      <c r="DV19" s="276"/>
      <c r="DW19" s="71">
        <v>0</v>
      </c>
      <c r="DX19" s="71">
        <v>4</v>
      </c>
      <c r="DY19" s="71">
        <v>0</v>
      </c>
      <c r="DZ19" s="71">
        <v>1</v>
      </c>
      <c r="EA19" s="71">
        <v>0</v>
      </c>
      <c r="EB19" s="72">
        <v>5</v>
      </c>
      <c r="EC19" s="73">
        <v>9</v>
      </c>
      <c r="ED19" s="70">
        <v>3</v>
      </c>
      <c r="EE19" s="71">
        <v>1</v>
      </c>
      <c r="EF19" s="72">
        <v>4</v>
      </c>
      <c r="EG19" s="276"/>
      <c r="EH19" s="71">
        <v>1</v>
      </c>
      <c r="EI19" s="71">
        <v>2</v>
      </c>
      <c r="EJ19" s="71">
        <v>0</v>
      </c>
      <c r="EK19" s="71">
        <v>3</v>
      </c>
      <c r="EL19" s="71">
        <v>0</v>
      </c>
      <c r="EM19" s="72">
        <v>6</v>
      </c>
      <c r="EN19" s="73">
        <v>10</v>
      </c>
      <c r="EO19" s="70">
        <v>6</v>
      </c>
      <c r="EP19" s="71">
        <v>1</v>
      </c>
      <c r="EQ19" s="72">
        <v>7</v>
      </c>
      <c r="ER19" s="276"/>
      <c r="ES19" s="71">
        <v>5</v>
      </c>
      <c r="ET19" s="71">
        <v>6</v>
      </c>
      <c r="EU19" s="71">
        <v>1</v>
      </c>
      <c r="EV19" s="71">
        <v>0</v>
      </c>
      <c r="EW19" s="71">
        <v>1</v>
      </c>
      <c r="EX19" s="72">
        <v>13</v>
      </c>
      <c r="EY19" s="73">
        <v>20</v>
      </c>
      <c r="EZ19" s="70">
        <v>2</v>
      </c>
      <c r="FA19" s="71">
        <v>6</v>
      </c>
      <c r="FB19" s="72">
        <v>8</v>
      </c>
      <c r="FC19" s="276"/>
      <c r="FD19" s="71">
        <v>7</v>
      </c>
      <c r="FE19" s="71">
        <v>6</v>
      </c>
      <c r="FF19" s="71">
        <v>4</v>
      </c>
      <c r="FG19" s="71">
        <v>3</v>
      </c>
      <c r="FH19" s="71">
        <v>3</v>
      </c>
      <c r="FI19" s="72">
        <v>23</v>
      </c>
      <c r="FJ19" s="73">
        <v>31</v>
      </c>
      <c r="FK19" s="70">
        <v>1</v>
      </c>
      <c r="FL19" s="71">
        <v>1</v>
      </c>
      <c r="FM19" s="72">
        <v>2</v>
      </c>
      <c r="FN19" s="276"/>
      <c r="FO19" s="71">
        <v>5</v>
      </c>
      <c r="FP19" s="71">
        <v>7</v>
      </c>
      <c r="FQ19" s="71">
        <v>8</v>
      </c>
      <c r="FR19" s="71">
        <v>8</v>
      </c>
      <c r="FS19" s="71">
        <v>6</v>
      </c>
      <c r="FT19" s="72">
        <v>34</v>
      </c>
      <c r="FU19" s="73">
        <v>36</v>
      </c>
      <c r="FV19" s="70">
        <v>0</v>
      </c>
      <c r="FW19" s="71">
        <v>0</v>
      </c>
      <c r="FX19" s="72">
        <v>0</v>
      </c>
      <c r="FY19" s="276"/>
      <c r="FZ19" s="71">
        <v>0</v>
      </c>
      <c r="GA19" s="71">
        <v>0</v>
      </c>
      <c r="GB19" s="71">
        <v>0</v>
      </c>
      <c r="GC19" s="71">
        <v>0</v>
      </c>
      <c r="GD19" s="71">
        <v>0</v>
      </c>
      <c r="GE19" s="72">
        <v>0</v>
      </c>
      <c r="GF19" s="73">
        <v>0</v>
      </c>
      <c r="GG19" s="70">
        <v>14</v>
      </c>
      <c r="GH19" s="71">
        <v>11</v>
      </c>
      <c r="GI19" s="72">
        <v>25</v>
      </c>
      <c r="GJ19" s="276"/>
      <c r="GK19" s="71">
        <v>18</v>
      </c>
      <c r="GL19" s="71">
        <v>27</v>
      </c>
      <c r="GM19" s="71">
        <v>13</v>
      </c>
      <c r="GN19" s="71">
        <v>15</v>
      </c>
      <c r="GO19" s="71">
        <v>10</v>
      </c>
      <c r="GP19" s="72">
        <v>83</v>
      </c>
      <c r="GQ19" s="73">
        <v>108</v>
      </c>
      <c r="GR19" s="126">
        <v>43</v>
      </c>
      <c r="GS19" s="82">
        <v>43</v>
      </c>
      <c r="GT19" s="83">
        <v>86</v>
      </c>
      <c r="GU19" s="273"/>
      <c r="GV19" s="82">
        <v>70</v>
      </c>
      <c r="GW19" s="82">
        <v>84</v>
      </c>
      <c r="GX19" s="82">
        <v>49</v>
      </c>
      <c r="GY19" s="82">
        <v>45</v>
      </c>
      <c r="GZ19" s="82">
        <v>26</v>
      </c>
      <c r="HA19" s="84">
        <v>274</v>
      </c>
      <c r="HB19" s="85">
        <v>360</v>
      </c>
      <c r="HC19" s="70">
        <v>0</v>
      </c>
      <c r="HD19" s="71">
        <v>1</v>
      </c>
      <c r="HE19" s="72">
        <v>1</v>
      </c>
      <c r="HF19" s="276"/>
      <c r="HG19" s="71">
        <v>0</v>
      </c>
      <c r="HH19" s="71">
        <v>4</v>
      </c>
      <c r="HI19" s="71">
        <v>0</v>
      </c>
      <c r="HJ19" s="71">
        <v>0</v>
      </c>
      <c r="HK19" s="71">
        <v>2</v>
      </c>
      <c r="HL19" s="72">
        <v>6</v>
      </c>
      <c r="HM19" s="73">
        <v>7</v>
      </c>
      <c r="HN19" s="70">
        <v>7</v>
      </c>
      <c r="HO19" s="71">
        <v>9</v>
      </c>
      <c r="HP19" s="72">
        <v>16</v>
      </c>
      <c r="HQ19" s="276"/>
      <c r="HR19" s="71">
        <v>6</v>
      </c>
      <c r="HS19" s="71">
        <v>12</v>
      </c>
      <c r="HT19" s="71">
        <v>7</v>
      </c>
      <c r="HU19" s="71">
        <v>6</v>
      </c>
      <c r="HV19" s="71">
        <v>0</v>
      </c>
      <c r="HW19" s="72">
        <v>31</v>
      </c>
      <c r="HX19" s="73">
        <v>47</v>
      </c>
      <c r="HY19" s="70">
        <v>9</v>
      </c>
      <c r="HZ19" s="71">
        <v>6</v>
      </c>
      <c r="IA19" s="72">
        <v>15</v>
      </c>
      <c r="IB19" s="276"/>
      <c r="IC19" s="71">
        <v>8</v>
      </c>
      <c r="ID19" s="71">
        <v>8</v>
      </c>
      <c r="IE19" s="71">
        <v>3</v>
      </c>
      <c r="IF19" s="71">
        <v>8</v>
      </c>
      <c r="IG19" s="71">
        <v>4</v>
      </c>
      <c r="IH19" s="72">
        <v>31</v>
      </c>
      <c r="II19" s="73">
        <v>46</v>
      </c>
      <c r="IJ19" s="70">
        <v>13</v>
      </c>
      <c r="IK19" s="71">
        <v>8</v>
      </c>
      <c r="IL19" s="72">
        <v>21</v>
      </c>
      <c r="IM19" s="276"/>
      <c r="IN19" s="71">
        <v>17</v>
      </c>
      <c r="IO19" s="71">
        <v>23</v>
      </c>
      <c r="IP19" s="71">
        <v>12</v>
      </c>
      <c r="IQ19" s="71">
        <v>2</v>
      </c>
      <c r="IR19" s="71">
        <v>8</v>
      </c>
      <c r="IS19" s="72">
        <v>62</v>
      </c>
      <c r="IT19" s="73">
        <v>83</v>
      </c>
      <c r="IU19" s="70">
        <v>9</v>
      </c>
      <c r="IV19" s="71">
        <v>15</v>
      </c>
      <c r="IW19" s="72">
        <v>24</v>
      </c>
      <c r="IX19" s="276"/>
      <c r="IY19" s="71">
        <v>17</v>
      </c>
      <c r="IZ19" s="71">
        <v>17</v>
      </c>
      <c r="JA19" s="71">
        <v>12</v>
      </c>
      <c r="JB19" s="71">
        <v>8</v>
      </c>
      <c r="JC19" s="71">
        <v>5</v>
      </c>
      <c r="JD19" s="72">
        <v>59</v>
      </c>
      <c r="JE19" s="73">
        <v>83</v>
      </c>
      <c r="JF19" s="70">
        <v>5</v>
      </c>
      <c r="JG19" s="71">
        <v>4</v>
      </c>
      <c r="JH19" s="72">
        <v>9</v>
      </c>
      <c r="JI19" s="276"/>
      <c r="JJ19" s="71">
        <v>22</v>
      </c>
      <c r="JK19" s="71">
        <v>20</v>
      </c>
      <c r="JL19" s="71">
        <v>15</v>
      </c>
      <c r="JM19" s="71">
        <v>21</v>
      </c>
      <c r="JN19" s="71">
        <v>7</v>
      </c>
      <c r="JO19" s="72">
        <v>85</v>
      </c>
      <c r="JP19" s="73">
        <v>94</v>
      </c>
      <c r="JQ19" s="70">
        <v>0</v>
      </c>
      <c r="JR19" s="71">
        <v>0</v>
      </c>
      <c r="JS19" s="72">
        <v>0</v>
      </c>
      <c r="JT19" s="276"/>
      <c r="JU19" s="71">
        <v>0</v>
      </c>
      <c r="JV19" s="71">
        <v>0</v>
      </c>
      <c r="JW19" s="71">
        <v>0</v>
      </c>
      <c r="JX19" s="71">
        <v>0</v>
      </c>
      <c r="JY19" s="71">
        <v>0</v>
      </c>
      <c r="JZ19" s="72">
        <v>0</v>
      </c>
      <c r="KA19" s="73">
        <v>0</v>
      </c>
      <c r="KB19" s="70">
        <v>43</v>
      </c>
      <c r="KC19" s="71">
        <v>43</v>
      </c>
      <c r="KD19" s="72">
        <v>86</v>
      </c>
      <c r="KE19" s="276"/>
      <c r="KF19" s="71">
        <v>70</v>
      </c>
      <c r="KG19" s="71">
        <v>84</v>
      </c>
      <c r="KH19" s="71">
        <v>49</v>
      </c>
      <c r="KI19" s="71">
        <v>45</v>
      </c>
      <c r="KJ19" s="71">
        <v>26</v>
      </c>
      <c r="KK19" s="72">
        <v>274</v>
      </c>
      <c r="KL19" s="73">
        <v>360</v>
      </c>
    </row>
    <row r="20" spans="1:298" ht="19.5" customHeight="1" x14ac:dyDescent="0.2">
      <c r="A20" s="129" t="s">
        <v>17</v>
      </c>
      <c r="B20" s="350">
        <v>37</v>
      </c>
      <c r="C20" s="82">
        <v>47</v>
      </c>
      <c r="D20" s="83">
        <v>84</v>
      </c>
      <c r="E20" s="273"/>
      <c r="F20" s="82">
        <v>69</v>
      </c>
      <c r="G20" s="82">
        <v>88</v>
      </c>
      <c r="H20" s="82">
        <v>54</v>
      </c>
      <c r="I20" s="82">
        <v>39</v>
      </c>
      <c r="J20" s="82">
        <v>21</v>
      </c>
      <c r="K20" s="84">
        <v>271</v>
      </c>
      <c r="L20" s="85">
        <v>355</v>
      </c>
      <c r="M20" s="70">
        <v>2</v>
      </c>
      <c r="N20" s="71">
        <v>3</v>
      </c>
      <c r="O20" s="72">
        <v>5</v>
      </c>
      <c r="P20" s="276"/>
      <c r="Q20" s="71">
        <v>3</v>
      </c>
      <c r="R20" s="71">
        <v>6</v>
      </c>
      <c r="S20" s="71">
        <v>3</v>
      </c>
      <c r="T20" s="71">
        <v>4</v>
      </c>
      <c r="U20" s="71">
        <v>1</v>
      </c>
      <c r="V20" s="72">
        <v>17</v>
      </c>
      <c r="W20" s="73">
        <v>22</v>
      </c>
      <c r="X20" s="70">
        <v>7</v>
      </c>
      <c r="Y20" s="71">
        <v>6</v>
      </c>
      <c r="Z20" s="72">
        <v>13</v>
      </c>
      <c r="AA20" s="276"/>
      <c r="AB20" s="71">
        <v>5</v>
      </c>
      <c r="AC20" s="71">
        <v>9</v>
      </c>
      <c r="AD20" s="71">
        <v>10</v>
      </c>
      <c r="AE20" s="71">
        <v>3</v>
      </c>
      <c r="AF20" s="71">
        <v>3</v>
      </c>
      <c r="AG20" s="72">
        <v>30</v>
      </c>
      <c r="AH20" s="73">
        <v>43</v>
      </c>
      <c r="AI20" s="70">
        <v>4</v>
      </c>
      <c r="AJ20" s="71">
        <v>3</v>
      </c>
      <c r="AK20" s="72">
        <v>7</v>
      </c>
      <c r="AL20" s="276"/>
      <c r="AM20" s="71">
        <v>15</v>
      </c>
      <c r="AN20" s="71">
        <v>13</v>
      </c>
      <c r="AO20" s="71">
        <v>7</v>
      </c>
      <c r="AP20" s="71">
        <v>6</v>
      </c>
      <c r="AQ20" s="71">
        <v>3</v>
      </c>
      <c r="AR20" s="72">
        <v>44</v>
      </c>
      <c r="AS20" s="73">
        <v>51</v>
      </c>
      <c r="AT20" s="70">
        <v>6</v>
      </c>
      <c r="AU20" s="71">
        <v>10</v>
      </c>
      <c r="AV20" s="72">
        <v>16</v>
      </c>
      <c r="AW20" s="276"/>
      <c r="AX20" s="71">
        <v>15</v>
      </c>
      <c r="AY20" s="71">
        <v>17</v>
      </c>
      <c r="AZ20" s="71">
        <v>14</v>
      </c>
      <c r="BA20" s="71">
        <v>9</v>
      </c>
      <c r="BB20" s="71">
        <v>3</v>
      </c>
      <c r="BC20" s="72">
        <v>58</v>
      </c>
      <c r="BD20" s="73">
        <v>74</v>
      </c>
      <c r="BE20" s="70">
        <v>9</v>
      </c>
      <c r="BF20" s="71">
        <v>12</v>
      </c>
      <c r="BG20" s="72">
        <v>21</v>
      </c>
      <c r="BH20" s="276"/>
      <c r="BI20" s="71">
        <v>16</v>
      </c>
      <c r="BJ20" s="71">
        <v>25</v>
      </c>
      <c r="BK20" s="71">
        <v>10</v>
      </c>
      <c r="BL20" s="71">
        <v>11</v>
      </c>
      <c r="BM20" s="71">
        <v>8</v>
      </c>
      <c r="BN20" s="72">
        <v>70</v>
      </c>
      <c r="BO20" s="73">
        <v>91</v>
      </c>
      <c r="BP20" s="70">
        <v>9</v>
      </c>
      <c r="BQ20" s="71">
        <v>13</v>
      </c>
      <c r="BR20" s="72">
        <v>22</v>
      </c>
      <c r="BS20" s="276"/>
      <c r="BT20" s="71">
        <v>15</v>
      </c>
      <c r="BU20" s="71">
        <v>18</v>
      </c>
      <c r="BV20" s="71">
        <v>10</v>
      </c>
      <c r="BW20" s="71">
        <v>6</v>
      </c>
      <c r="BX20" s="71">
        <v>3</v>
      </c>
      <c r="BY20" s="72">
        <v>52</v>
      </c>
      <c r="BZ20" s="73">
        <v>74</v>
      </c>
      <c r="CA20" s="70">
        <v>0</v>
      </c>
      <c r="CB20" s="71">
        <v>0</v>
      </c>
      <c r="CC20" s="72">
        <v>0</v>
      </c>
      <c r="CD20" s="276"/>
      <c r="CE20" s="71">
        <v>0</v>
      </c>
      <c r="CF20" s="71">
        <v>0</v>
      </c>
      <c r="CG20" s="71">
        <v>0</v>
      </c>
      <c r="CH20" s="71">
        <v>0</v>
      </c>
      <c r="CI20" s="71">
        <v>0</v>
      </c>
      <c r="CJ20" s="72">
        <v>0</v>
      </c>
      <c r="CK20" s="73">
        <v>0</v>
      </c>
      <c r="CL20" s="70">
        <v>37</v>
      </c>
      <c r="CM20" s="71">
        <v>47</v>
      </c>
      <c r="CN20" s="72">
        <v>84</v>
      </c>
      <c r="CO20" s="276"/>
      <c r="CP20" s="71">
        <v>69</v>
      </c>
      <c r="CQ20" s="71">
        <v>88</v>
      </c>
      <c r="CR20" s="71">
        <v>54</v>
      </c>
      <c r="CS20" s="71">
        <v>39</v>
      </c>
      <c r="CT20" s="71">
        <v>21</v>
      </c>
      <c r="CU20" s="72">
        <v>271</v>
      </c>
      <c r="CV20" s="73">
        <v>355</v>
      </c>
      <c r="CW20" s="126">
        <v>22</v>
      </c>
      <c r="CX20" s="82">
        <v>21</v>
      </c>
      <c r="CY20" s="83">
        <v>43</v>
      </c>
      <c r="CZ20" s="273"/>
      <c r="DA20" s="82">
        <v>33</v>
      </c>
      <c r="DB20" s="82">
        <v>29</v>
      </c>
      <c r="DC20" s="82">
        <v>32</v>
      </c>
      <c r="DD20" s="82">
        <v>19</v>
      </c>
      <c r="DE20" s="82">
        <v>22</v>
      </c>
      <c r="DF20" s="84">
        <v>135</v>
      </c>
      <c r="DG20" s="85">
        <v>178</v>
      </c>
      <c r="DH20" s="70">
        <v>1</v>
      </c>
      <c r="DI20" s="71">
        <v>0</v>
      </c>
      <c r="DJ20" s="72">
        <v>1</v>
      </c>
      <c r="DK20" s="276"/>
      <c r="DL20" s="71">
        <v>0</v>
      </c>
      <c r="DM20" s="71">
        <v>1</v>
      </c>
      <c r="DN20" s="71">
        <v>0</v>
      </c>
      <c r="DO20" s="71">
        <v>0</v>
      </c>
      <c r="DP20" s="71">
        <v>1</v>
      </c>
      <c r="DQ20" s="72">
        <v>2</v>
      </c>
      <c r="DR20" s="73">
        <v>3</v>
      </c>
      <c r="DS20" s="70">
        <v>2</v>
      </c>
      <c r="DT20" s="71">
        <v>1</v>
      </c>
      <c r="DU20" s="72">
        <v>3</v>
      </c>
      <c r="DV20" s="276"/>
      <c r="DW20" s="71">
        <v>2</v>
      </c>
      <c r="DX20" s="71">
        <v>2</v>
      </c>
      <c r="DY20" s="71">
        <v>3</v>
      </c>
      <c r="DZ20" s="71">
        <v>0</v>
      </c>
      <c r="EA20" s="71">
        <v>1</v>
      </c>
      <c r="EB20" s="72">
        <v>8</v>
      </c>
      <c r="EC20" s="73">
        <v>11</v>
      </c>
      <c r="ED20" s="70">
        <v>3</v>
      </c>
      <c r="EE20" s="71">
        <v>5</v>
      </c>
      <c r="EF20" s="72">
        <v>8</v>
      </c>
      <c r="EG20" s="276"/>
      <c r="EH20" s="71">
        <v>5</v>
      </c>
      <c r="EI20" s="71">
        <v>0</v>
      </c>
      <c r="EJ20" s="71">
        <v>2</v>
      </c>
      <c r="EK20" s="71">
        <v>2</v>
      </c>
      <c r="EL20" s="71">
        <v>0</v>
      </c>
      <c r="EM20" s="72">
        <v>9</v>
      </c>
      <c r="EN20" s="73">
        <v>17</v>
      </c>
      <c r="EO20" s="70">
        <v>6</v>
      </c>
      <c r="EP20" s="71">
        <v>8</v>
      </c>
      <c r="EQ20" s="72">
        <v>14</v>
      </c>
      <c r="ER20" s="276"/>
      <c r="ES20" s="71">
        <v>10</v>
      </c>
      <c r="ET20" s="71">
        <v>4</v>
      </c>
      <c r="EU20" s="71">
        <v>7</v>
      </c>
      <c r="EV20" s="71">
        <v>1</v>
      </c>
      <c r="EW20" s="71">
        <v>5</v>
      </c>
      <c r="EX20" s="72">
        <v>27</v>
      </c>
      <c r="EY20" s="73">
        <v>41</v>
      </c>
      <c r="EZ20" s="70">
        <v>8</v>
      </c>
      <c r="FA20" s="71">
        <v>5</v>
      </c>
      <c r="FB20" s="72">
        <v>13</v>
      </c>
      <c r="FC20" s="276"/>
      <c r="FD20" s="71">
        <v>7</v>
      </c>
      <c r="FE20" s="71">
        <v>6</v>
      </c>
      <c r="FF20" s="71">
        <v>11</v>
      </c>
      <c r="FG20" s="71">
        <v>3</v>
      </c>
      <c r="FH20" s="71">
        <v>3</v>
      </c>
      <c r="FI20" s="72">
        <v>30</v>
      </c>
      <c r="FJ20" s="73">
        <v>43</v>
      </c>
      <c r="FK20" s="70">
        <v>2</v>
      </c>
      <c r="FL20" s="71">
        <v>2</v>
      </c>
      <c r="FM20" s="72">
        <v>4</v>
      </c>
      <c r="FN20" s="276"/>
      <c r="FO20" s="71">
        <v>9</v>
      </c>
      <c r="FP20" s="71">
        <v>16</v>
      </c>
      <c r="FQ20" s="71">
        <v>9</v>
      </c>
      <c r="FR20" s="71">
        <v>13</v>
      </c>
      <c r="FS20" s="71">
        <v>12</v>
      </c>
      <c r="FT20" s="72">
        <v>59</v>
      </c>
      <c r="FU20" s="73">
        <v>63</v>
      </c>
      <c r="FV20" s="70">
        <v>0</v>
      </c>
      <c r="FW20" s="71">
        <v>0</v>
      </c>
      <c r="FX20" s="72">
        <v>0</v>
      </c>
      <c r="FY20" s="276"/>
      <c r="FZ20" s="71">
        <v>0</v>
      </c>
      <c r="GA20" s="71">
        <v>0</v>
      </c>
      <c r="GB20" s="71">
        <v>0</v>
      </c>
      <c r="GC20" s="71">
        <v>0</v>
      </c>
      <c r="GD20" s="71">
        <v>0</v>
      </c>
      <c r="GE20" s="72">
        <v>0</v>
      </c>
      <c r="GF20" s="73">
        <v>0</v>
      </c>
      <c r="GG20" s="70">
        <v>22</v>
      </c>
      <c r="GH20" s="71">
        <v>21</v>
      </c>
      <c r="GI20" s="72">
        <v>43</v>
      </c>
      <c r="GJ20" s="276"/>
      <c r="GK20" s="71">
        <v>33</v>
      </c>
      <c r="GL20" s="71">
        <v>29</v>
      </c>
      <c r="GM20" s="71">
        <v>32</v>
      </c>
      <c r="GN20" s="71">
        <v>19</v>
      </c>
      <c r="GO20" s="71">
        <v>22</v>
      </c>
      <c r="GP20" s="72">
        <v>135</v>
      </c>
      <c r="GQ20" s="73">
        <v>178</v>
      </c>
      <c r="GR20" s="126">
        <v>59</v>
      </c>
      <c r="GS20" s="82">
        <v>68</v>
      </c>
      <c r="GT20" s="83">
        <v>127</v>
      </c>
      <c r="GU20" s="273"/>
      <c r="GV20" s="82">
        <v>102</v>
      </c>
      <c r="GW20" s="82">
        <v>117</v>
      </c>
      <c r="GX20" s="82">
        <v>86</v>
      </c>
      <c r="GY20" s="82">
        <v>58</v>
      </c>
      <c r="GZ20" s="82">
        <v>43</v>
      </c>
      <c r="HA20" s="84">
        <v>406</v>
      </c>
      <c r="HB20" s="85">
        <v>533</v>
      </c>
      <c r="HC20" s="70">
        <v>3</v>
      </c>
      <c r="HD20" s="71">
        <v>3</v>
      </c>
      <c r="HE20" s="72">
        <v>6</v>
      </c>
      <c r="HF20" s="276"/>
      <c r="HG20" s="71">
        <v>3</v>
      </c>
      <c r="HH20" s="71">
        <v>7</v>
      </c>
      <c r="HI20" s="71">
        <v>3</v>
      </c>
      <c r="HJ20" s="71">
        <v>4</v>
      </c>
      <c r="HK20" s="71">
        <v>2</v>
      </c>
      <c r="HL20" s="72">
        <v>19</v>
      </c>
      <c r="HM20" s="73">
        <v>25</v>
      </c>
      <c r="HN20" s="70">
        <v>9</v>
      </c>
      <c r="HO20" s="71">
        <v>7</v>
      </c>
      <c r="HP20" s="72">
        <v>16</v>
      </c>
      <c r="HQ20" s="276"/>
      <c r="HR20" s="71">
        <v>7</v>
      </c>
      <c r="HS20" s="71">
        <v>11</v>
      </c>
      <c r="HT20" s="71">
        <v>13</v>
      </c>
      <c r="HU20" s="71">
        <v>3</v>
      </c>
      <c r="HV20" s="71">
        <v>4</v>
      </c>
      <c r="HW20" s="72">
        <v>38</v>
      </c>
      <c r="HX20" s="73">
        <v>54</v>
      </c>
      <c r="HY20" s="70">
        <v>7</v>
      </c>
      <c r="HZ20" s="71">
        <v>8</v>
      </c>
      <c r="IA20" s="72">
        <v>15</v>
      </c>
      <c r="IB20" s="276"/>
      <c r="IC20" s="71">
        <v>20</v>
      </c>
      <c r="ID20" s="71">
        <v>13</v>
      </c>
      <c r="IE20" s="71">
        <v>9</v>
      </c>
      <c r="IF20" s="71">
        <v>8</v>
      </c>
      <c r="IG20" s="71">
        <v>3</v>
      </c>
      <c r="IH20" s="72">
        <v>53</v>
      </c>
      <c r="II20" s="73">
        <v>68</v>
      </c>
      <c r="IJ20" s="70">
        <v>12</v>
      </c>
      <c r="IK20" s="71">
        <v>18</v>
      </c>
      <c r="IL20" s="72">
        <v>30</v>
      </c>
      <c r="IM20" s="276"/>
      <c r="IN20" s="71">
        <v>25</v>
      </c>
      <c r="IO20" s="71">
        <v>21</v>
      </c>
      <c r="IP20" s="71">
        <v>21</v>
      </c>
      <c r="IQ20" s="71">
        <v>10</v>
      </c>
      <c r="IR20" s="71">
        <v>8</v>
      </c>
      <c r="IS20" s="72">
        <v>85</v>
      </c>
      <c r="IT20" s="73">
        <v>115</v>
      </c>
      <c r="IU20" s="70">
        <v>17</v>
      </c>
      <c r="IV20" s="71">
        <v>17</v>
      </c>
      <c r="IW20" s="72">
        <v>34</v>
      </c>
      <c r="IX20" s="276"/>
      <c r="IY20" s="71">
        <v>23</v>
      </c>
      <c r="IZ20" s="71">
        <v>31</v>
      </c>
      <c r="JA20" s="71">
        <v>21</v>
      </c>
      <c r="JB20" s="71">
        <v>14</v>
      </c>
      <c r="JC20" s="71">
        <v>11</v>
      </c>
      <c r="JD20" s="72">
        <v>100</v>
      </c>
      <c r="JE20" s="73">
        <v>134</v>
      </c>
      <c r="JF20" s="70">
        <v>11</v>
      </c>
      <c r="JG20" s="71">
        <v>15</v>
      </c>
      <c r="JH20" s="72">
        <v>26</v>
      </c>
      <c r="JI20" s="276"/>
      <c r="JJ20" s="71">
        <v>24</v>
      </c>
      <c r="JK20" s="71">
        <v>34</v>
      </c>
      <c r="JL20" s="71">
        <v>19</v>
      </c>
      <c r="JM20" s="71">
        <v>19</v>
      </c>
      <c r="JN20" s="71">
        <v>15</v>
      </c>
      <c r="JO20" s="72">
        <v>111</v>
      </c>
      <c r="JP20" s="73">
        <v>137</v>
      </c>
      <c r="JQ20" s="70">
        <v>0</v>
      </c>
      <c r="JR20" s="71">
        <v>0</v>
      </c>
      <c r="JS20" s="72">
        <v>0</v>
      </c>
      <c r="JT20" s="276"/>
      <c r="JU20" s="71">
        <v>0</v>
      </c>
      <c r="JV20" s="71">
        <v>0</v>
      </c>
      <c r="JW20" s="71">
        <v>0</v>
      </c>
      <c r="JX20" s="71">
        <v>0</v>
      </c>
      <c r="JY20" s="71">
        <v>0</v>
      </c>
      <c r="JZ20" s="72">
        <v>0</v>
      </c>
      <c r="KA20" s="73">
        <v>0</v>
      </c>
      <c r="KB20" s="70">
        <v>59</v>
      </c>
      <c r="KC20" s="71">
        <v>68</v>
      </c>
      <c r="KD20" s="72">
        <v>127</v>
      </c>
      <c r="KE20" s="276"/>
      <c r="KF20" s="71">
        <v>102</v>
      </c>
      <c r="KG20" s="71">
        <v>117</v>
      </c>
      <c r="KH20" s="71">
        <v>86</v>
      </c>
      <c r="KI20" s="71">
        <v>58</v>
      </c>
      <c r="KJ20" s="71">
        <v>43</v>
      </c>
      <c r="KK20" s="72">
        <v>406</v>
      </c>
      <c r="KL20" s="73">
        <v>533</v>
      </c>
    </row>
    <row r="21" spans="1:298" ht="19.5" customHeight="1" x14ac:dyDescent="0.2">
      <c r="A21" s="129" t="s">
        <v>18</v>
      </c>
      <c r="B21" s="350">
        <v>57</v>
      </c>
      <c r="C21" s="82">
        <v>48</v>
      </c>
      <c r="D21" s="83">
        <v>105</v>
      </c>
      <c r="E21" s="273"/>
      <c r="F21" s="82">
        <v>111</v>
      </c>
      <c r="G21" s="82">
        <v>93</v>
      </c>
      <c r="H21" s="82">
        <v>44</v>
      </c>
      <c r="I21" s="82">
        <v>53</v>
      </c>
      <c r="J21" s="82">
        <v>21</v>
      </c>
      <c r="K21" s="84">
        <v>322</v>
      </c>
      <c r="L21" s="85">
        <v>427</v>
      </c>
      <c r="M21" s="70">
        <v>2</v>
      </c>
      <c r="N21" s="71">
        <v>3</v>
      </c>
      <c r="O21" s="72">
        <v>5</v>
      </c>
      <c r="P21" s="276"/>
      <c r="Q21" s="71">
        <v>4</v>
      </c>
      <c r="R21" s="71">
        <v>5</v>
      </c>
      <c r="S21" s="71">
        <v>5</v>
      </c>
      <c r="T21" s="71">
        <v>2</v>
      </c>
      <c r="U21" s="71">
        <v>1</v>
      </c>
      <c r="V21" s="72">
        <v>17</v>
      </c>
      <c r="W21" s="73">
        <v>22</v>
      </c>
      <c r="X21" s="70">
        <v>9</v>
      </c>
      <c r="Y21" s="71">
        <v>6</v>
      </c>
      <c r="Z21" s="72">
        <v>15</v>
      </c>
      <c r="AA21" s="276"/>
      <c r="AB21" s="71">
        <v>10</v>
      </c>
      <c r="AC21" s="71">
        <v>15</v>
      </c>
      <c r="AD21" s="71">
        <v>6</v>
      </c>
      <c r="AE21" s="71">
        <v>6</v>
      </c>
      <c r="AF21" s="71">
        <v>1</v>
      </c>
      <c r="AG21" s="72">
        <v>38</v>
      </c>
      <c r="AH21" s="73">
        <v>53</v>
      </c>
      <c r="AI21" s="70">
        <v>9</v>
      </c>
      <c r="AJ21" s="71">
        <v>1</v>
      </c>
      <c r="AK21" s="72">
        <v>10</v>
      </c>
      <c r="AL21" s="276"/>
      <c r="AM21" s="71">
        <v>17</v>
      </c>
      <c r="AN21" s="71">
        <v>10</v>
      </c>
      <c r="AO21" s="71">
        <v>5</v>
      </c>
      <c r="AP21" s="71">
        <v>9</v>
      </c>
      <c r="AQ21" s="71">
        <v>5</v>
      </c>
      <c r="AR21" s="72">
        <v>46</v>
      </c>
      <c r="AS21" s="73">
        <v>56</v>
      </c>
      <c r="AT21" s="70">
        <v>14</v>
      </c>
      <c r="AU21" s="71">
        <v>9</v>
      </c>
      <c r="AV21" s="72">
        <v>23</v>
      </c>
      <c r="AW21" s="276"/>
      <c r="AX21" s="71">
        <v>25</v>
      </c>
      <c r="AY21" s="71">
        <v>22</v>
      </c>
      <c r="AZ21" s="71">
        <v>8</v>
      </c>
      <c r="BA21" s="71">
        <v>14</v>
      </c>
      <c r="BB21" s="71">
        <v>4</v>
      </c>
      <c r="BC21" s="72">
        <v>73</v>
      </c>
      <c r="BD21" s="73">
        <v>96</v>
      </c>
      <c r="BE21" s="70">
        <v>12</v>
      </c>
      <c r="BF21" s="71">
        <v>14</v>
      </c>
      <c r="BG21" s="72">
        <v>26</v>
      </c>
      <c r="BH21" s="276"/>
      <c r="BI21" s="71">
        <v>28</v>
      </c>
      <c r="BJ21" s="71">
        <v>19</v>
      </c>
      <c r="BK21" s="71">
        <v>9</v>
      </c>
      <c r="BL21" s="71">
        <v>6</v>
      </c>
      <c r="BM21" s="71">
        <v>5</v>
      </c>
      <c r="BN21" s="72">
        <v>67</v>
      </c>
      <c r="BO21" s="73">
        <v>93</v>
      </c>
      <c r="BP21" s="70">
        <v>11</v>
      </c>
      <c r="BQ21" s="71">
        <v>15</v>
      </c>
      <c r="BR21" s="72">
        <v>26</v>
      </c>
      <c r="BS21" s="276"/>
      <c r="BT21" s="71">
        <v>27</v>
      </c>
      <c r="BU21" s="71">
        <v>22</v>
      </c>
      <c r="BV21" s="71">
        <v>11</v>
      </c>
      <c r="BW21" s="71">
        <v>16</v>
      </c>
      <c r="BX21" s="71">
        <v>5</v>
      </c>
      <c r="BY21" s="72">
        <v>81</v>
      </c>
      <c r="BZ21" s="73">
        <v>107</v>
      </c>
      <c r="CA21" s="70">
        <v>0</v>
      </c>
      <c r="CB21" s="71">
        <v>0</v>
      </c>
      <c r="CC21" s="72">
        <v>0</v>
      </c>
      <c r="CD21" s="276"/>
      <c r="CE21" s="71">
        <v>0</v>
      </c>
      <c r="CF21" s="71">
        <v>0</v>
      </c>
      <c r="CG21" s="71">
        <v>0</v>
      </c>
      <c r="CH21" s="71">
        <v>0</v>
      </c>
      <c r="CI21" s="71">
        <v>0</v>
      </c>
      <c r="CJ21" s="72">
        <v>0</v>
      </c>
      <c r="CK21" s="73">
        <v>0</v>
      </c>
      <c r="CL21" s="70">
        <v>57</v>
      </c>
      <c r="CM21" s="71">
        <v>48</v>
      </c>
      <c r="CN21" s="72">
        <v>105</v>
      </c>
      <c r="CO21" s="276"/>
      <c r="CP21" s="71">
        <v>111</v>
      </c>
      <c r="CQ21" s="71">
        <v>93</v>
      </c>
      <c r="CR21" s="71">
        <v>44</v>
      </c>
      <c r="CS21" s="71">
        <v>53</v>
      </c>
      <c r="CT21" s="71">
        <v>21</v>
      </c>
      <c r="CU21" s="72">
        <v>322</v>
      </c>
      <c r="CV21" s="73">
        <v>427</v>
      </c>
      <c r="CW21" s="126">
        <v>24</v>
      </c>
      <c r="CX21" s="82">
        <v>27</v>
      </c>
      <c r="CY21" s="83">
        <v>51</v>
      </c>
      <c r="CZ21" s="273"/>
      <c r="DA21" s="82">
        <v>36</v>
      </c>
      <c r="DB21" s="82">
        <v>53</v>
      </c>
      <c r="DC21" s="82">
        <v>29</v>
      </c>
      <c r="DD21" s="82">
        <v>28</v>
      </c>
      <c r="DE21" s="82">
        <v>21</v>
      </c>
      <c r="DF21" s="84">
        <v>167</v>
      </c>
      <c r="DG21" s="85">
        <v>218</v>
      </c>
      <c r="DH21" s="70">
        <v>1</v>
      </c>
      <c r="DI21" s="71">
        <v>2</v>
      </c>
      <c r="DJ21" s="72">
        <v>3</v>
      </c>
      <c r="DK21" s="276"/>
      <c r="DL21" s="71">
        <v>1</v>
      </c>
      <c r="DM21" s="71">
        <v>0</v>
      </c>
      <c r="DN21" s="71">
        <v>1</v>
      </c>
      <c r="DO21" s="71">
        <v>0</v>
      </c>
      <c r="DP21" s="71">
        <v>1</v>
      </c>
      <c r="DQ21" s="72">
        <v>3</v>
      </c>
      <c r="DR21" s="73">
        <v>6</v>
      </c>
      <c r="DS21" s="70">
        <v>4</v>
      </c>
      <c r="DT21" s="71">
        <v>4</v>
      </c>
      <c r="DU21" s="72">
        <v>8</v>
      </c>
      <c r="DV21" s="276"/>
      <c r="DW21" s="71">
        <v>1</v>
      </c>
      <c r="DX21" s="71">
        <v>3</v>
      </c>
      <c r="DY21" s="71">
        <v>2</v>
      </c>
      <c r="DZ21" s="71">
        <v>0</v>
      </c>
      <c r="EA21" s="71">
        <v>0</v>
      </c>
      <c r="EB21" s="72">
        <v>6</v>
      </c>
      <c r="EC21" s="73">
        <v>14</v>
      </c>
      <c r="ED21" s="70">
        <v>8</v>
      </c>
      <c r="EE21" s="71">
        <v>5</v>
      </c>
      <c r="EF21" s="72">
        <v>13</v>
      </c>
      <c r="EG21" s="276"/>
      <c r="EH21" s="71">
        <v>5</v>
      </c>
      <c r="EI21" s="71">
        <v>2</v>
      </c>
      <c r="EJ21" s="71">
        <v>2</v>
      </c>
      <c r="EK21" s="71">
        <v>2</v>
      </c>
      <c r="EL21" s="71">
        <v>1</v>
      </c>
      <c r="EM21" s="72">
        <v>12</v>
      </c>
      <c r="EN21" s="73">
        <v>25</v>
      </c>
      <c r="EO21" s="70">
        <v>7</v>
      </c>
      <c r="EP21" s="71">
        <v>3</v>
      </c>
      <c r="EQ21" s="72">
        <v>10</v>
      </c>
      <c r="ER21" s="276"/>
      <c r="ES21" s="71">
        <v>7</v>
      </c>
      <c r="ET21" s="71">
        <v>9</v>
      </c>
      <c r="EU21" s="71">
        <v>5</v>
      </c>
      <c r="EV21" s="71">
        <v>6</v>
      </c>
      <c r="EW21" s="71">
        <v>5</v>
      </c>
      <c r="EX21" s="72">
        <v>32</v>
      </c>
      <c r="EY21" s="73">
        <v>42</v>
      </c>
      <c r="EZ21" s="70">
        <v>3</v>
      </c>
      <c r="FA21" s="71">
        <v>9</v>
      </c>
      <c r="FB21" s="72">
        <v>12</v>
      </c>
      <c r="FC21" s="276"/>
      <c r="FD21" s="71">
        <v>16</v>
      </c>
      <c r="FE21" s="71">
        <v>19</v>
      </c>
      <c r="FF21" s="71">
        <v>4</v>
      </c>
      <c r="FG21" s="71">
        <v>6</v>
      </c>
      <c r="FH21" s="71">
        <v>3</v>
      </c>
      <c r="FI21" s="72">
        <v>48</v>
      </c>
      <c r="FJ21" s="73">
        <v>60</v>
      </c>
      <c r="FK21" s="70">
        <v>1</v>
      </c>
      <c r="FL21" s="71">
        <v>4</v>
      </c>
      <c r="FM21" s="72">
        <v>5</v>
      </c>
      <c r="FN21" s="276"/>
      <c r="FO21" s="71">
        <v>6</v>
      </c>
      <c r="FP21" s="71">
        <v>20</v>
      </c>
      <c r="FQ21" s="71">
        <v>15</v>
      </c>
      <c r="FR21" s="71">
        <v>14</v>
      </c>
      <c r="FS21" s="71">
        <v>11</v>
      </c>
      <c r="FT21" s="72">
        <v>66</v>
      </c>
      <c r="FU21" s="73">
        <v>71</v>
      </c>
      <c r="FV21" s="70">
        <v>0</v>
      </c>
      <c r="FW21" s="71">
        <v>0</v>
      </c>
      <c r="FX21" s="72">
        <v>0</v>
      </c>
      <c r="FY21" s="276"/>
      <c r="FZ21" s="71">
        <v>0</v>
      </c>
      <c r="GA21" s="71">
        <v>0</v>
      </c>
      <c r="GB21" s="71">
        <v>0</v>
      </c>
      <c r="GC21" s="71">
        <v>0</v>
      </c>
      <c r="GD21" s="71">
        <v>0</v>
      </c>
      <c r="GE21" s="72">
        <v>0</v>
      </c>
      <c r="GF21" s="73">
        <v>0</v>
      </c>
      <c r="GG21" s="70">
        <v>24</v>
      </c>
      <c r="GH21" s="71">
        <v>27</v>
      </c>
      <c r="GI21" s="72">
        <v>51</v>
      </c>
      <c r="GJ21" s="276"/>
      <c r="GK21" s="71">
        <v>36</v>
      </c>
      <c r="GL21" s="71">
        <v>53</v>
      </c>
      <c r="GM21" s="71">
        <v>29</v>
      </c>
      <c r="GN21" s="71">
        <v>28</v>
      </c>
      <c r="GO21" s="71">
        <v>21</v>
      </c>
      <c r="GP21" s="72">
        <v>167</v>
      </c>
      <c r="GQ21" s="73">
        <v>218</v>
      </c>
      <c r="GR21" s="126">
        <v>81</v>
      </c>
      <c r="GS21" s="82">
        <v>75</v>
      </c>
      <c r="GT21" s="83">
        <v>156</v>
      </c>
      <c r="GU21" s="273"/>
      <c r="GV21" s="82">
        <v>147</v>
      </c>
      <c r="GW21" s="82">
        <v>146</v>
      </c>
      <c r="GX21" s="82">
        <v>73</v>
      </c>
      <c r="GY21" s="82">
        <v>81</v>
      </c>
      <c r="GZ21" s="82">
        <v>42</v>
      </c>
      <c r="HA21" s="84">
        <v>489</v>
      </c>
      <c r="HB21" s="85">
        <v>645</v>
      </c>
      <c r="HC21" s="70">
        <v>3</v>
      </c>
      <c r="HD21" s="71">
        <v>5</v>
      </c>
      <c r="HE21" s="72">
        <v>8</v>
      </c>
      <c r="HF21" s="276"/>
      <c r="HG21" s="71">
        <v>5</v>
      </c>
      <c r="HH21" s="71">
        <v>5</v>
      </c>
      <c r="HI21" s="71">
        <v>6</v>
      </c>
      <c r="HJ21" s="71">
        <v>2</v>
      </c>
      <c r="HK21" s="71">
        <v>2</v>
      </c>
      <c r="HL21" s="72">
        <v>20</v>
      </c>
      <c r="HM21" s="73">
        <v>28</v>
      </c>
      <c r="HN21" s="70">
        <v>13</v>
      </c>
      <c r="HO21" s="71">
        <v>10</v>
      </c>
      <c r="HP21" s="72">
        <v>23</v>
      </c>
      <c r="HQ21" s="276"/>
      <c r="HR21" s="71">
        <v>11</v>
      </c>
      <c r="HS21" s="71">
        <v>18</v>
      </c>
      <c r="HT21" s="71">
        <v>8</v>
      </c>
      <c r="HU21" s="71">
        <v>6</v>
      </c>
      <c r="HV21" s="71">
        <v>1</v>
      </c>
      <c r="HW21" s="72">
        <v>44</v>
      </c>
      <c r="HX21" s="73">
        <v>67</v>
      </c>
      <c r="HY21" s="70">
        <v>17</v>
      </c>
      <c r="HZ21" s="71">
        <v>6</v>
      </c>
      <c r="IA21" s="72">
        <v>23</v>
      </c>
      <c r="IB21" s="276"/>
      <c r="IC21" s="71">
        <v>22</v>
      </c>
      <c r="ID21" s="71">
        <v>12</v>
      </c>
      <c r="IE21" s="71">
        <v>7</v>
      </c>
      <c r="IF21" s="71">
        <v>11</v>
      </c>
      <c r="IG21" s="71">
        <v>6</v>
      </c>
      <c r="IH21" s="72">
        <v>58</v>
      </c>
      <c r="II21" s="73">
        <v>81</v>
      </c>
      <c r="IJ21" s="70">
        <v>21</v>
      </c>
      <c r="IK21" s="71">
        <v>12</v>
      </c>
      <c r="IL21" s="72">
        <v>33</v>
      </c>
      <c r="IM21" s="276"/>
      <c r="IN21" s="71">
        <v>32</v>
      </c>
      <c r="IO21" s="71">
        <v>31</v>
      </c>
      <c r="IP21" s="71">
        <v>13</v>
      </c>
      <c r="IQ21" s="71">
        <v>20</v>
      </c>
      <c r="IR21" s="71">
        <v>9</v>
      </c>
      <c r="IS21" s="72">
        <v>105</v>
      </c>
      <c r="IT21" s="73">
        <v>138</v>
      </c>
      <c r="IU21" s="70">
        <v>15</v>
      </c>
      <c r="IV21" s="71">
        <v>23</v>
      </c>
      <c r="IW21" s="72">
        <v>38</v>
      </c>
      <c r="IX21" s="276"/>
      <c r="IY21" s="71">
        <v>44</v>
      </c>
      <c r="IZ21" s="71">
        <v>38</v>
      </c>
      <c r="JA21" s="71">
        <v>13</v>
      </c>
      <c r="JB21" s="71">
        <v>12</v>
      </c>
      <c r="JC21" s="71">
        <v>8</v>
      </c>
      <c r="JD21" s="72">
        <v>115</v>
      </c>
      <c r="JE21" s="73">
        <v>153</v>
      </c>
      <c r="JF21" s="70">
        <v>12</v>
      </c>
      <c r="JG21" s="71">
        <v>19</v>
      </c>
      <c r="JH21" s="72">
        <v>31</v>
      </c>
      <c r="JI21" s="276"/>
      <c r="JJ21" s="71">
        <v>33</v>
      </c>
      <c r="JK21" s="71">
        <v>42</v>
      </c>
      <c r="JL21" s="71">
        <v>26</v>
      </c>
      <c r="JM21" s="71">
        <v>30</v>
      </c>
      <c r="JN21" s="71">
        <v>16</v>
      </c>
      <c r="JO21" s="72">
        <v>147</v>
      </c>
      <c r="JP21" s="73">
        <v>178</v>
      </c>
      <c r="JQ21" s="70">
        <v>0</v>
      </c>
      <c r="JR21" s="71">
        <v>0</v>
      </c>
      <c r="JS21" s="72">
        <v>0</v>
      </c>
      <c r="JT21" s="276"/>
      <c r="JU21" s="71">
        <v>0</v>
      </c>
      <c r="JV21" s="71">
        <v>0</v>
      </c>
      <c r="JW21" s="71">
        <v>0</v>
      </c>
      <c r="JX21" s="71">
        <v>0</v>
      </c>
      <c r="JY21" s="71">
        <v>0</v>
      </c>
      <c r="JZ21" s="72">
        <v>0</v>
      </c>
      <c r="KA21" s="73">
        <v>0</v>
      </c>
      <c r="KB21" s="70">
        <v>81</v>
      </c>
      <c r="KC21" s="71">
        <v>75</v>
      </c>
      <c r="KD21" s="72">
        <v>156</v>
      </c>
      <c r="KE21" s="276"/>
      <c r="KF21" s="71">
        <v>147</v>
      </c>
      <c r="KG21" s="71">
        <v>146</v>
      </c>
      <c r="KH21" s="71">
        <v>73</v>
      </c>
      <c r="KI21" s="71">
        <v>81</v>
      </c>
      <c r="KJ21" s="71">
        <v>42</v>
      </c>
      <c r="KK21" s="72">
        <v>489</v>
      </c>
      <c r="KL21" s="73">
        <v>645</v>
      </c>
    </row>
    <row r="22" spans="1:298" ht="19.5" customHeight="1" x14ac:dyDescent="0.2">
      <c r="A22" s="129" t="s">
        <v>19</v>
      </c>
      <c r="B22" s="350">
        <v>21</v>
      </c>
      <c r="C22" s="82">
        <v>22</v>
      </c>
      <c r="D22" s="83">
        <v>43</v>
      </c>
      <c r="E22" s="273"/>
      <c r="F22" s="82">
        <v>52</v>
      </c>
      <c r="G22" s="82">
        <v>34</v>
      </c>
      <c r="H22" s="82">
        <v>24</v>
      </c>
      <c r="I22" s="82">
        <v>12</v>
      </c>
      <c r="J22" s="82">
        <v>13</v>
      </c>
      <c r="K22" s="84">
        <v>135</v>
      </c>
      <c r="L22" s="85">
        <v>178</v>
      </c>
      <c r="M22" s="86">
        <v>2</v>
      </c>
      <c r="N22" s="71">
        <v>0</v>
      </c>
      <c r="O22" s="72">
        <v>2</v>
      </c>
      <c r="P22" s="276"/>
      <c r="Q22" s="71">
        <v>1</v>
      </c>
      <c r="R22" s="71">
        <v>1</v>
      </c>
      <c r="S22" s="71">
        <v>0</v>
      </c>
      <c r="T22" s="71">
        <v>0</v>
      </c>
      <c r="U22" s="71">
        <v>1</v>
      </c>
      <c r="V22" s="72">
        <v>3</v>
      </c>
      <c r="W22" s="73">
        <v>5</v>
      </c>
      <c r="X22" s="70">
        <v>0</v>
      </c>
      <c r="Y22" s="71">
        <v>0</v>
      </c>
      <c r="Z22" s="72">
        <v>0</v>
      </c>
      <c r="AA22" s="276"/>
      <c r="AB22" s="71">
        <v>6</v>
      </c>
      <c r="AC22" s="71">
        <v>7</v>
      </c>
      <c r="AD22" s="71">
        <v>2</v>
      </c>
      <c r="AE22" s="71">
        <v>4</v>
      </c>
      <c r="AF22" s="71">
        <v>1</v>
      </c>
      <c r="AG22" s="72">
        <v>20</v>
      </c>
      <c r="AH22" s="73">
        <v>20</v>
      </c>
      <c r="AI22" s="86">
        <v>5</v>
      </c>
      <c r="AJ22" s="71">
        <v>1</v>
      </c>
      <c r="AK22" s="72">
        <v>6</v>
      </c>
      <c r="AL22" s="276"/>
      <c r="AM22" s="71">
        <v>4</v>
      </c>
      <c r="AN22" s="71">
        <v>2</v>
      </c>
      <c r="AO22" s="71">
        <v>0</v>
      </c>
      <c r="AP22" s="71">
        <v>2</v>
      </c>
      <c r="AQ22" s="71">
        <v>0</v>
      </c>
      <c r="AR22" s="72">
        <v>8</v>
      </c>
      <c r="AS22" s="73">
        <v>14</v>
      </c>
      <c r="AT22" s="70">
        <v>3</v>
      </c>
      <c r="AU22" s="71">
        <v>5</v>
      </c>
      <c r="AV22" s="72">
        <v>8</v>
      </c>
      <c r="AW22" s="276"/>
      <c r="AX22" s="71">
        <v>13</v>
      </c>
      <c r="AY22" s="71">
        <v>4</v>
      </c>
      <c r="AZ22" s="71">
        <v>4</v>
      </c>
      <c r="BA22" s="71">
        <v>2</v>
      </c>
      <c r="BB22" s="71">
        <v>2</v>
      </c>
      <c r="BC22" s="72">
        <v>25</v>
      </c>
      <c r="BD22" s="73">
        <v>33</v>
      </c>
      <c r="BE22" s="86">
        <v>9</v>
      </c>
      <c r="BF22" s="71">
        <v>7</v>
      </c>
      <c r="BG22" s="72">
        <v>16</v>
      </c>
      <c r="BH22" s="276"/>
      <c r="BI22" s="71">
        <v>13</v>
      </c>
      <c r="BJ22" s="71">
        <v>9</v>
      </c>
      <c r="BK22" s="71">
        <v>8</v>
      </c>
      <c r="BL22" s="71">
        <v>3</v>
      </c>
      <c r="BM22" s="71">
        <v>4</v>
      </c>
      <c r="BN22" s="72">
        <v>37</v>
      </c>
      <c r="BO22" s="73">
        <v>53</v>
      </c>
      <c r="BP22" s="70">
        <v>2</v>
      </c>
      <c r="BQ22" s="71">
        <v>9</v>
      </c>
      <c r="BR22" s="72">
        <v>11</v>
      </c>
      <c r="BS22" s="276"/>
      <c r="BT22" s="71">
        <v>15</v>
      </c>
      <c r="BU22" s="71">
        <v>11</v>
      </c>
      <c r="BV22" s="71">
        <v>10</v>
      </c>
      <c r="BW22" s="71">
        <v>1</v>
      </c>
      <c r="BX22" s="71">
        <v>5</v>
      </c>
      <c r="BY22" s="72">
        <v>42</v>
      </c>
      <c r="BZ22" s="73">
        <v>53</v>
      </c>
      <c r="CA22" s="70">
        <v>0</v>
      </c>
      <c r="CB22" s="71">
        <v>0</v>
      </c>
      <c r="CC22" s="72">
        <v>0</v>
      </c>
      <c r="CD22" s="276"/>
      <c r="CE22" s="71">
        <v>0</v>
      </c>
      <c r="CF22" s="71">
        <v>0</v>
      </c>
      <c r="CG22" s="71">
        <v>0</v>
      </c>
      <c r="CH22" s="71">
        <v>0</v>
      </c>
      <c r="CI22" s="71">
        <v>0</v>
      </c>
      <c r="CJ22" s="72">
        <v>0</v>
      </c>
      <c r="CK22" s="73">
        <v>0</v>
      </c>
      <c r="CL22" s="70">
        <v>21</v>
      </c>
      <c r="CM22" s="71">
        <v>22</v>
      </c>
      <c r="CN22" s="72">
        <v>43</v>
      </c>
      <c r="CO22" s="276"/>
      <c r="CP22" s="71">
        <v>52</v>
      </c>
      <c r="CQ22" s="71">
        <v>34</v>
      </c>
      <c r="CR22" s="71">
        <v>24</v>
      </c>
      <c r="CS22" s="71">
        <v>12</v>
      </c>
      <c r="CT22" s="71">
        <v>13</v>
      </c>
      <c r="CU22" s="72">
        <v>135</v>
      </c>
      <c r="CV22" s="73">
        <v>178</v>
      </c>
      <c r="CW22" s="126">
        <v>8</v>
      </c>
      <c r="CX22" s="82">
        <v>12</v>
      </c>
      <c r="CY22" s="83">
        <v>20</v>
      </c>
      <c r="CZ22" s="273"/>
      <c r="DA22" s="82">
        <v>18</v>
      </c>
      <c r="DB22" s="82">
        <v>11</v>
      </c>
      <c r="DC22" s="82">
        <v>9</v>
      </c>
      <c r="DD22" s="82">
        <v>8</v>
      </c>
      <c r="DE22" s="82">
        <v>3</v>
      </c>
      <c r="DF22" s="84">
        <v>49</v>
      </c>
      <c r="DG22" s="85">
        <v>69</v>
      </c>
      <c r="DH22" s="86">
        <v>0</v>
      </c>
      <c r="DI22" s="71">
        <v>0</v>
      </c>
      <c r="DJ22" s="72">
        <v>0</v>
      </c>
      <c r="DK22" s="276"/>
      <c r="DL22" s="71">
        <v>1</v>
      </c>
      <c r="DM22" s="71">
        <v>1</v>
      </c>
      <c r="DN22" s="71">
        <v>2</v>
      </c>
      <c r="DO22" s="71">
        <v>0</v>
      </c>
      <c r="DP22" s="71">
        <v>0</v>
      </c>
      <c r="DQ22" s="72">
        <v>4</v>
      </c>
      <c r="DR22" s="73">
        <v>4</v>
      </c>
      <c r="DS22" s="70">
        <v>0</v>
      </c>
      <c r="DT22" s="71">
        <v>0</v>
      </c>
      <c r="DU22" s="72">
        <v>0</v>
      </c>
      <c r="DV22" s="276"/>
      <c r="DW22" s="71">
        <v>3</v>
      </c>
      <c r="DX22" s="71">
        <v>1</v>
      </c>
      <c r="DY22" s="71">
        <v>0</v>
      </c>
      <c r="DZ22" s="71">
        <v>0</v>
      </c>
      <c r="EA22" s="71">
        <v>0</v>
      </c>
      <c r="EB22" s="72">
        <v>4</v>
      </c>
      <c r="EC22" s="73">
        <v>4</v>
      </c>
      <c r="ED22" s="86">
        <v>2</v>
      </c>
      <c r="EE22" s="71">
        <v>2</v>
      </c>
      <c r="EF22" s="72">
        <v>4</v>
      </c>
      <c r="EG22" s="276"/>
      <c r="EH22" s="71">
        <v>1</v>
      </c>
      <c r="EI22" s="71">
        <v>1</v>
      </c>
      <c r="EJ22" s="71">
        <v>0</v>
      </c>
      <c r="EK22" s="71">
        <v>0</v>
      </c>
      <c r="EL22" s="71">
        <v>1</v>
      </c>
      <c r="EM22" s="72">
        <v>3</v>
      </c>
      <c r="EN22" s="73">
        <v>7</v>
      </c>
      <c r="EO22" s="70">
        <v>1</v>
      </c>
      <c r="EP22" s="71">
        <v>2</v>
      </c>
      <c r="EQ22" s="72">
        <v>3</v>
      </c>
      <c r="ER22" s="276"/>
      <c r="ES22" s="71">
        <v>4</v>
      </c>
      <c r="ET22" s="71">
        <v>2</v>
      </c>
      <c r="EU22" s="71">
        <v>1</v>
      </c>
      <c r="EV22" s="71">
        <v>1</v>
      </c>
      <c r="EW22" s="71">
        <v>1</v>
      </c>
      <c r="EX22" s="72">
        <v>9</v>
      </c>
      <c r="EY22" s="73">
        <v>12</v>
      </c>
      <c r="EZ22" s="86">
        <v>1</v>
      </c>
      <c r="FA22" s="71">
        <v>2</v>
      </c>
      <c r="FB22" s="72">
        <v>3</v>
      </c>
      <c r="FC22" s="276"/>
      <c r="FD22" s="71">
        <v>4</v>
      </c>
      <c r="FE22" s="71">
        <v>5</v>
      </c>
      <c r="FF22" s="71">
        <v>3</v>
      </c>
      <c r="FG22" s="71">
        <v>3</v>
      </c>
      <c r="FH22" s="71">
        <v>0</v>
      </c>
      <c r="FI22" s="72">
        <v>15</v>
      </c>
      <c r="FJ22" s="73">
        <v>18</v>
      </c>
      <c r="FK22" s="70">
        <v>4</v>
      </c>
      <c r="FL22" s="71">
        <v>6</v>
      </c>
      <c r="FM22" s="72">
        <v>10</v>
      </c>
      <c r="FN22" s="276"/>
      <c r="FO22" s="71">
        <v>5</v>
      </c>
      <c r="FP22" s="71">
        <v>1</v>
      </c>
      <c r="FQ22" s="71">
        <v>3</v>
      </c>
      <c r="FR22" s="71">
        <v>4</v>
      </c>
      <c r="FS22" s="71">
        <v>1</v>
      </c>
      <c r="FT22" s="72">
        <v>14</v>
      </c>
      <c r="FU22" s="73">
        <v>24</v>
      </c>
      <c r="FV22" s="70">
        <v>0</v>
      </c>
      <c r="FW22" s="71">
        <v>0</v>
      </c>
      <c r="FX22" s="72">
        <v>0</v>
      </c>
      <c r="FY22" s="276"/>
      <c r="FZ22" s="71">
        <v>0</v>
      </c>
      <c r="GA22" s="71">
        <v>0</v>
      </c>
      <c r="GB22" s="71">
        <v>0</v>
      </c>
      <c r="GC22" s="71">
        <v>0</v>
      </c>
      <c r="GD22" s="71">
        <v>0</v>
      </c>
      <c r="GE22" s="72">
        <v>0</v>
      </c>
      <c r="GF22" s="73">
        <v>0</v>
      </c>
      <c r="GG22" s="70">
        <v>8</v>
      </c>
      <c r="GH22" s="71">
        <v>12</v>
      </c>
      <c r="GI22" s="72">
        <v>20</v>
      </c>
      <c r="GJ22" s="276"/>
      <c r="GK22" s="71">
        <v>18</v>
      </c>
      <c r="GL22" s="71">
        <v>11</v>
      </c>
      <c r="GM22" s="71">
        <v>9</v>
      </c>
      <c r="GN22" s="71">
        <v>8</v>
      </c>
      <c r="GO22" s="71">
        <v>3</v>
      </c>
      <c r="GP22" s="72">
        <v>49</v>
      </c>
      <c r="GQ22" s="73">
        <v>69</v>
      </c>
      <c r="GR22" s="126">
        <v>29</v>
      </c>
      <c r="GS22" s="82">
        <v>34</v>
      </c>
      <c r="GT22" s="83">
        <v>63</v>
      </c>
      <c r="GU22" s="273"/>
      <c r="GV22" s="82">
        <v>70</v>
      </c>
      <c r="GW22" s="82">
        <v>45</v>
      </c>
      <c r="GX22" s="82">
        <v>33</v>
      </c>
      <c r="GY22" s="82">
        <v>20</v>
      </c>
      <c r="GZ22" s="82">
        <v>16</v>
      </c>
      <c r="HA22" s="84">
        <v>184</v>
      </c>
      <c r="HB22" s="85">
        <v>247</v>
      </c>
      <c r="HC22" s="86">
        <v>2</v>
      </c>
      <c r="HD22" s="71">
        <v>0</v>
      </c>
      <c r="HE22" s="72">
        <v>2</v>
      </c>
      <c r="HF22" s="276"/>
      <c r="HG22" s="71">
        <v>2</v>
      </c>
      <c r="HH22" s="71">
        <v>2</v>
      </c>
      <c r="HI22" s="71">
        <v>2</v>
      </c>
      <c r="HJ22" s="71">
        <v>0</v>
      </c>
      <c r="HK22" s="71">
        <v>1</v>
      </c>
      <c r="HL22" s="72">
        <v>7</v>
      </c>
      <c r="HM22" s="73">
        <v>9</v>
      </c>
      <c r="HN22" s="70">
        <v>0</v>
      </c>
      <c r="HO22" s="71">
        <v>0</v>
      </c>
      <c r="HP22" s="72">
        <v>0</v>
      </c>
      <c r="HQ22" s="276"/>
      <c r="HR22" s="71">
        <v>9</v>
      </c>
      <c r="HS22" s="71">
        <v>8</v>
      </c>
      <c r="HT22" s="71">
        <v>2</v>
      </c>
      <c r="HU22" s="71">
        <v>4</v>
      </c>
      <c r="HV22" s="71">
        <v>1</v>
      </c>
      <c r="HW22" s="72">
        <v>24</v>
      </c>
      <c r="HX22" s="73">
        <v>24</v>
      </c>
      <c r="HY22" s="86">
        <v>7</v>
      </c>
      <c r="HZ22" s="71">
        <v>3</v>
      </c>
      <c r="IA22" s="72">
        <v>10</v>
      </c>
      <c r="IB22" s="276"/>
      <c r="IC22" s="71">
        <v>5</v>
      </c>
      <c r="ID22" s="71">
        <v>3</v>
      </c>
      <c r="IE22" s="71">
        <v>0</v>
      </c>
      <c r="IF22" s="71">
        <v>2</v>
      </c>
      <c r="IG22" s="71">
        <v>1</v>
      </c>
      <c r="IH22" s="72">
        <v>11</v>
      </c>
      <c r="II22" s="73">
        <v>21</v>
      </c>
      <c r="IJ22" s="70">
        <v>4</v>
      </c>
      <c r="IK22" s="71">
        <v>7</v>
      </c>
      <c r="IL22" s="72">
        <v>11</v>
      </c>
      <c r="IM22" s="276"/>
      <c r="IN22" s="71">
        <v>17</v>
      </c>
      <c r="IO22" s="71">
        <v>6</v>
      </c>
      <c r="IP22" s="71">
        <v>5</v>
      </c>
      <c r="IQ22" s="71">
        <v>3</v>
      </c>
      <c r="IR22" s="71">
        <v>3</v>
      </c>
      <c r="IS22" s="72">
        <v>34</v>
      </c>
      <c r="IT22" s="73">
        <v>45</v>
      </c>
      <c r="IU22" s="86">
        <v>10</v>
      </c>
      <c r="IV22" s="71">
        <v>9</v>
      </c>
      <c r="IW22" s="72">
        <v>19</v>
      </c>
      <c r="IX22" s="276"/>
      <c r="IY22" s="71">
        <v>17</v>
      </c>
      <c r="IZ22" s="71">
        <v>14</v>
      </c>
      <c r="JA22" s="71">
        <v>11</v>
      </c>
      <c r="JB22" s="71">
        <v>6</v>
      </c>
      <c r="JC22" s="71">
        <v>4</v>
      </c>
      <c r="JD22" s="72">
        <v>52</v>
      </c>
      <c r="JE22" s="73">
        <v>71</v>
      </c>
      <c r="JF22" s="70">
        <v>6</v>
      </c>
      <c r="JG22" s="71">
        <v>15</v>
      </c>
      <c r="JH22" s="72">
        <v>21</v>
      </c>
      <c r="JI22" s="276"/>
      <c r="JJ22" s="71">
        <v>20</v>
      </c>
      <c r="JK22" s="71">
        <v>12</v>
      </c>
      <c r="JL22" s="71">
        <v>13</v>
      </c>
      <c r="JM22" s="71">
        <v>5</v>
      </c>
      <c r="JN22" s="71">
        <v>6</v>
      </c>
      <c r="JO22" s="72">
        <v>56</v>
      </c>
      <c r="JP22" s="73">
        <v>77</v>
      </c>
      <c r="JQ22" s="70">
        <v>0</v>
      </c>
      <c r="JR22" s="71">
        <v>0</v>
      </c>
      <c r="JS22" s="72">
        <v>0</v>
      </c>
      <c r="JT22" s="276"/>
      <c r="JU22" s="71">
        <v>0</v>
      </c>
      <c r="JV22" s="71">
        <v>0</v>
      </c>
      <c r="JW22" s="71">
        <v>0</v>
      </c>
      <c r="JX22" s="71">
        <v>0</v>
      </c>
      <c r="JY22" s="71">
        <v>0</v>
      </c>
      <c r="JZ22" s="72">
        <v>0</v>
      </c>
      <c r="KA22" s="73">
        <v>0</v>
      </c>
      <c r="KB22" s="70">
        <v>29</v>
      </c>
      <c r="KC22" s="71">
        <v>34</v>
      </c>
      <c r="KD22" s="72">
        <v>63</v>
      </c>
      <c r="KE22" s="276"/>
      <c r="KF22" s="71">
        <v>70</v>
      </c>
      <c r="KG22" s="71">
        <v>45</v>
      </c>
      <c r="KH22" s="71">
        <v>33</v>
      </c>
      <c r="KI22" s="71">
        <v>20</v>
      </c>
      <c r="KJ22" s="71">
        <v>16</v>
      </c>
      <c r="KK22" s="72">
        <v>184</v>
      </c>
      <c r="KL22" s="73">
        <v>247</v>
      </c>
    </row>
    <row r="23" spans="1:298" ht="19.5" customHeight="1" x14ac:dyDescent="0.2">
      <c r="A23" s="129" t="s">
        <v>20</v>
      </c>
      <c r="B23" s="350">
        <v>32</v>
      </c>
      <c r="C23" s="82">
        <v>47</v>
      </c>
      <c r="D23" s="83">
        <v>79</v>
      </c>
      <c r="E23" s="273"/>
      <c r="F23" s="82">
        <v>63</v>
      </c>
      <c r="G23" s="82">
        <v>42</v>
      </c>
      <c r="H23" s="82">
        <v>24</v>
      </c>
      <c r="I23" s="82">
        <v>26</v>
      </c>
      <c r="J23" s="82">
        <v>15</v>
      </c>
      <c r="K23" s="84">
        <v>170</v>
      </c>
      <c r="L23" s="85">
        <v>249</v>
      </c>
      <c r="M23" s="70">
        <v>3</v>
      </c>
      <c r="N23" s="71">
        <v>0</v>
      </c>
      <c r="O23" s="72">
        <v>3</v>
      </c>
      <c r="P23" s="276"/>
      <c r="Q23" s="71">
        <v>3</v>
      </c>
      <c r="R23" s="71">
        <v>1</v>
      </c>
      <c r="S23" s="71">
        <v>1</v>
      </c>
      <c r="T23" s="71">
        <v>2</v>
      </c>
      <c r="U23" s="71">
        <v>0</v>
      </c>
      <c r="V23" s="72">
        <v>7</v>
      </c>
      <c r="W23" s="73">
        <v>10</v>
      </c>
      <c r="X23" s="70">
        <v>6</v>
      </c>
      <c r="Y23" s="71">
        <v>1</v>
      </c>
      <c r="Z23" s="72">
        <v>7</v>
      </c>
      <c r="AA23" s="276"/>
      <c r="AB23" s="71">
        <v>15</v>
      </c>
      <c r="AC23" s="71">
        <v>8</v>
      </c>
      <c r="AD23" s="71">
        <v>5</v>
      </c>
      <c r="AE23" s="71">
        <v>2</v>
      </c>
      <c r="AF23" s="71">
        <v>1</v>
      </c>
      <c r="AG23" s="72">
        <v>31</v>
      </c>
      <c r="AH23" s="73">
        <v>38</v>
      </c>
      <c r="AI23" s="70">
        <v>5</v>
      </c>
      <c r="AJ23" s="71">
        <v>7</v>
      </c>
      <c r="AK23" s="72">
        <v>12</v>
      </c>
      <c r="AL23" s="276"/>
      <c r="AM23" s="71">
        <v>8</v>
      </c>
      <c r="AN23" s="71">
        <v>5</v>
      </c>
      <c r="AO23" s="71">
        <v>5</v>
      </c>
      <c r="AP23" s="71">
        <v>5</v>
      </c>
      <c r="AQ23" s="71">
        <v>2</v>
      </c>
      <c r="AR23" s="72">
        <v>25</v>
      </c>
      <c r="AS23" s="73">
        <v>37</v>
      </c>
      <c r="AT23" s="70">
        <v>4</v>
      </c>
      <c r="AU23" s="71">
        <v>21</v>
      </c>
      <c r="AV23" s="72">
        <v>25</v>
      </c>
      <c r="AW23" s="276"/>
      <c r="AX23" s="71">
        <v>19</v>
      </c>
      <c r="AY23" s="71">
        <v>12</v>
      </c>
      <c r="AZ23" s="71">
        <v>4</v>
      </c>
      <c r="BA23" s="71">
        <v>7</v>
      </c>
      <c r="BB23" s="71">
        <v>6</v>
      </c>
      <c r="BC23" s="72">
        <v>48</v>
      </c>
      <c r="BD23" s="73">
        <v>73</v>
      </c>
      <c r="BE23" s="70">
        <v>6</v>
      </c>
      <c r="BF23" s="71">
        <v>12</v>
      </c>
      <c r="BG23" s="72">
        <v>18</v>
      </c>
      <c r="BH23" s="276"/>
      <c r="BI23" s="71">
        <v>10</v>
      </c>
      <c r="BJ23" s="71">
        <v>10</v>
      </c>
      <c r="BK23" s="71">
        <v>2</v>
      </c>
      <c r="BL23" s="71">
        <v>7</v>
      </c>
      <c r="BM23" s="71">
        <v>3</v>
      </c>
      <c r="BN23" s="72">
        <v>32</v>
      </c>
      <c r="BO23" s="73">
        <v>50</v>
      </c>
      <c r="BP23" s="70">
        <v>8</v>
      </c>
      <c r="BQ23" s="71">
        <v>6</v>
      </c>
      <c r="BR23" s="72">
        <v>14</v>
      </c>
      <c r="BS23" s="276"/>
      <c r="BT23" s="71">
        <v>8</v>
      </c>
      <c r="BU23" s="71">
        <v>6</v>
      </c>
      <c r="BV23" s="71">
        <v>7</v>
      </c>
      <c r="BW23" s="71">
        <v>3</v>
      </c>
      <c r="BX23" s="71">
        <v>3</v>
      </c>
      <c r="BY23" s="72">
        <v>27</v>
      </c>
      <c r="BZ23" s="73">
        <v>41</v>
      </c>
      <c r="CA23" s="70">
        <v>0</v>
      </c>
      <c r="CB23" s="71">
        <v>0</v>
      </c>
      <c r="CC23" s="72">
        <v>0</v>
      </c>
      <c r="CD23" s="276"/>
      <c r="CE23" s="71">
        <v>0</v>
      </c>
      <c r="CF23" s="71">
        <v>0</v>
      </c>
      <c r="CG23" s="71">
        <v>0</v>
      </c>
      <c r="CH23" s="71">
        <v>0</v>
      </c>
      <c r="CI23" s="71">
        <v>0</v>
      </c>
      <c r="CJ23" s="72">
        <v>0</v>
      </c>
      <c r="CK23" s="73">
        <v>0</v>
      </c>
      <c r="CL23" s="70">
        <v>32</v>
      </c>
      <c r="CM23" s="71">
        <v>47</v>
      </c>
      <c r="CN23" s="72">
        <v>79</v>
      </c>
      <c r="CO23" s="276"/>
      <c r="CP23" s="71">
        <v>63</v>
      </c>
      <c r="CQ23" s="71">
        <v>42</v>
      </c>
      <c r="CR23" s="71">
        <v>24</v>
      </c>
      <c r="CS23" s="71">
        <v>26</v>
      </c>
      <c r="CT23" s="71">
        <v>15</v>
      </c>
      <c r="CU23" s="72">
        <v>170</v>
      </c>
      <c r="CV23" s="73">
        <v>249</v>
      </c>
      <c r="CW23" s="126">
        <v>15</v>
      </c>
      <c r="CX23" s="82">
        <v>21</v>
      </c>
      <c r="CY23" s="83">
        <v>36</v>
      </c>
      <c r="CZ23" s="273"/>
      <c r="DA23" s="82">
        <v>26</v>
      </c>
      <c r="DB23" s="82">
        <v>13</v>
      </c>
      <c r="DC23" s="82">
        <v>9</v>
      </c>
      <c r="DD23" s="82">
        <v>10</v>
      </c>
      <c r="DE23" s="82">
        <v>7</v>
      </c>
      <c r="DF23" s="84">
        <v>65</v>
      </c>
      <c r="DG23" s="85">
        <v>101</v>
      </c>
      <c r="DH23" s="70">
        <v>1</v>
      </c>
      <c r="DI23" s="71">
        <v>0</v>
      </c>
      <c r="DJ23" s="72">
        <v>1</v>
      </c>
      <c r="DK23" s="276"/>
      <c r="DL23" s="71">
        <v>0</v>
      </c>
      <c r="DM23" s="71">
        <v>0</v>
      </c>
      <c r="DN23" s="71">
        <v>0</v>
      </c>
      <c r="DO23" s="71">
        <v>1</v>
      </c>
      <c r="DP23" s="71">
        <v>0</v>
      </c>
      <c r="DQ23" s="72">
        <v>1</v>
      </c>
      <c r="DR23" s="73">
        <v>2</v>
      </c>
      <c r="DS23" s="70">
        <v>1</v>
      </c>
      <c r="DT23" s="71">
        <v>0</v>
      </c>
      <c r="DU23" s="72">
        <v>1</v>
      </c>
      <c r="DV23" s="276"/>
      <c r="DW23" s="71">
        <v>1</v>
      </c>
      <c r="DX23" s="71">
        <v>0</v>
      </c>
      <c r="DY23" s="71">
        <v>0</v>
      </c>
      <c r="DZ23" s="71">
        <v>0</v>
      </c>
      <c r="EA23" s="71">
        <v>0</v>
      </c>
      <c r="EB23" s="72">
        <v>1</v>
      </c>
      <c r="EC23" s="73">
        <v>2</v>
      </c>
      <c r="ED23" s="70">
        <v>3</v>
      </c>
      <c r="EE23" s="71">
        <v>3</v>
      </c>
      <c r="EF23" s="72">
        <v>6</v>
      </c>
      <c r="EG23" s="276"/>
      <c r="EH23" s="71">
        <v>4</v>
      </c>
      <c r="EI23" s="71">
        <v>1</v>
      </c>
      <c r="EJ23" s="71">
        <v>1</v>
      </c>
      <c r="EK23" s="71">
        <v>0</v>
      </c>
      <c r="EL23" s="71">
        <v>2</v>
      </c>
      <c r="EM23" s="72">
        <v>8</v>
      </c>
      <c r="EN23" s="73">
        <v>14</v>
      </c>
      <c r="EO23" s="70">
        <v>1</v>
      </c>
      <c r="EP23" s="71">
        <v>7</v>
      </c>
      <c r="EQ23" s="72">
        <v>8</v>
      </c>
      <c r="ER23" s="276"/>
      <c r="ES23" s="71">
        <v>3</v>
      </c>
      <c r="ET23" s="71">
        <v>4</v>
      </c>
      <c r="EU23" s="71">
        <v>1</v>
      </c>
      <c r="EV23" s="71">
        <v>0</v>
      </c>
      <c r="EW23" s="71">
        <v>3</v>
      </c>
      <c r="EX23" s="72">
        <v>11</v>
      </c>
      <c r="EY23" s="73">
        <v>19</v>
      </c>
      <c r="EZ23" s="70">
        <v>5</v>
      </c>
      <c r="FA23" s="71">
        <v>6</v>
      </c>
      <c r="FB23" s="72">
        <v>11</v>
      </c>
      <c r="FC23" s="276"/>
      <c r="FD23" s="71">
        <v>9</v>
      </c>
      <c r="FE23" s="71">
        <v>2</v>
      </c>
      <c r="FF23" s="71">
        <v>3</v>
      </c>
      <c r="FG23" s="71">
        <v>3</v>
      </c>
      <c r="FH23" s="71">
        <v>1</v>
      </c>
      <c r="FI23" s="72">
        <v>18</v>
      </c>
      <c r="FJ23" s="73">
        <v>29</v>
      </c>
      <c r="FK23" s="70">
        <v>4</v>
      </c>
      <c r="FL23" s="71">
        <v>5</v>
      </c>
      <c r="FM23" s="72">
        <v>9</v>
      </c>
      <c r="FN23" s="276"/>
      <c r="FO23" s="71">
        <v>9</v>
      </c>
      <c r="FP23" s="71">
        <v>6</v>
      </c>
      <c r="FQ23" s="71">
        <v>4</v>
      </c>
      <c r="FR23" s="71">
        <v>6</v>
      </c>
      <c r="FS23" s="71">
        <v>1</v>
      </c>
      <c r="FT23" s="72">
        <v>26</v>
      </c>
      <c r="FU23" s="73">
        <v>35</v>
      </c>
      <c r="FV23" s="70">
        <v>0</v>
      </c>
      <c r="FW23" s="71">
        <v>0</v>
      </c>
      <c r="FX23" s="72">
        <v>0</v>
      </c>
      <c r="FY23" s="276"/>
      <c r="FZ23" s="71">
        <v>0</v>
      </c>
      <c r="GA23" s="71">
        <v>0</v>
      </c>
      <c r="GB23" s="71">
        <v>0</v>
      </c>
      <c r="GC23" s="71">
        <v>0</v>
      </c>
      <c r="GD23" s="71">
        <v>0</v>
      </c>
      <c r="GE23" s="72">
        <v>0</v>
      </c>
      <c r="GF23" s="73">
        <v>0</v>
      </c>
      <c r="GG23" s="70">
        <v>15</v>
      </c>
      <c r="GH23" s="71">
        <v>21</v>
      </c>
      <c r="GI23" s="72">
        <v>36</v>
      </c>
      <c r="GJ23" s="276"/>
      <c r="GK23" s="71">
        <v>26</v>
      </c>
      <c r="GL23" s="71">
        <v>13</v>
      </c>
      <c r="GM23" s="71">
        <v>9</v>
      </c>
      <c r="GN23" s="71">
        <v>10</v>
      </c>
      <c r="GO23" s="71">
        <v>7</v>
      </c>
      <c r="GP23" s="72">
        <v>65</v>
      </c>
      <c r="GQ23" s="73">
        <v>101</v>
      </c>
      <c r="GR23" s="126">
        <v>47</v>
      </c>
      <c r="GS23" s="82">
        <v>68</v>
      </c>
      <c r="GT23" s="83">
        <v>115</v>
      </c>
      <c r="GU23" s="273"/>
      <c r="GV23" s="82">
        <v>89</v>
      </c>
      <c r="GW23" s="82">
        <v>55</v>
      </c>
      <c r="GX23" s="82">
        <v>33</v>
      </c>
      <c r="GY23" s="82">
        <v>36</v>
      </c>
      <c r="GZ23" s="82">
        <v>22</v>
      </c>
      <c r="HA23" s="84">
        <v>235</v>
      </c>
      <c r="HB23" s="85">
        <v>350</v>
      </c>
      <c r="HC23" s="70">
        <v>4</v>
      </c>
      <c r="HD23" s="71">
        <v>0</v>
      </c>
      <c r="HE23" s="72">
        <v>4</v>
      </c>
      <c r="HF23" s="276"/>
      <c r="HG23" s="71">
        <v>3</v>
      </c>
      <c r="HH23" s="71">
        <v>1</v>
      </c>
      <c r="HI23" s="71">
        <v>1</v>
      </c>
      <c r="HJ23" s="71">
        <v>3</v>
      </c>
      <c r="HK23" s="71">
        <v>0</v>
      </c>
      <c r="HL23" s="72">
        <v>8</v>
      </c>
      <c r="HM23" s="73">
        <v>12</v>
      </c>
      <c r="HN23" s="70">
        <v>7</v>
      </c>
      <c r="HO23" s="71">
        <v>1</v>
      </c>
      <c r="HP23" s="72">
        <v>8</v>
      </c>
      <c r="HQ23" s="276"/>
      <c r="HR23" s="71">
        <v>16</v>
      </c>
      <c r="HS23" s="71">
        <v>8</v>
      </c>
      <c r="HT23" s="71">
        <v>5</v>
      </c>
      <c r="HU23" s="71">
        <v>2</v>
      </c>
      <c r="HV23" s="71">
        <v>1</v>
      </c>
      <c r="HW23" s="72">
        <v>32</v>
      </c>
      <c r="HX23" s="73">
        <v>40</v>
      </c>
      <c r="HY23" s="70">
        <v>8</v>
      </c>
      <c r="HZ23" s="71">
        <v>10</v>
      </c>
      <c r="IA23" s="72">
        <v>18</v>
      </c>
      <c r="IB23" s="276"/>
      <c r="IC23" s="71">
        <v>12</v>
      </c>
      <c r="ID23" s="71">
        <v>6</v>
      </c>
      <c r="IE23" s="71">
        <v>6</v>
      </c>
      <c r="IF23" s="71">
        <v>5</v>
      </c>
      <c r="IG23" s="71">
        <v>4</v>
      </c>
      <c r="IH23" s="72">
        <v>33</v>
      </c>
      <c r="II23" s="73">
        <v>51</v>
      </c>
      <c r="IJ23" s="70">
        <v>5</v>
      </c>
      <c r="IK23" s="71">
        <v>28</v>
      </c>
      <c r="IL23" s="72">
        <v>33</v>
      </c>
      <c r="IM23" s="276"/>
      <c r="IN23" s="71">
        <v>22</v>
      </c>
      <c r="IO23" s="71">
        <v>16</v>
      </c>
      <c r="IP23" s="71">
        <v>5</v>
      </c>
      <c r="IQ23" s="71">
        <v>7</v>
      </c>
      <c r="IR23" s="71">
        <v>9</v>
      </c>
      <c r="IS23" s="72">
        <v>59</v>
      </c>
      <c r="IT23" s="73">
        <v>92</v>
      </c>
      <c r="IU23" s="70">
        <v>11</v>
      </c>
      <c r="IV23" s="71">
        <v>18</v>
      </c>
      <c r="IW23" s="72">
        <v>29</v>
      </c>
      <c r="IX23" s="276"/>
      <c r="IY23" s="71">
        <v>19</v>
      </c>
      <c r="IZ23" s="71">
        <v>12</v>
      </c>
      <c r="JA23" s="71">
        <v>5</v>
      </c>
      <c r="JB23" s="71">
        <v>10</v>
      </c>
      <c r="JC23" s="71">
        <v>4</v>
      </c>
      <c r="JD23" s="72">
        <v>50</v>
      </c>
      <c r="JE23" s="73">
        <v>79</v>
      </c>
      <c r="JF23" s="70">
        <v>12</v>
      </c>
      <c r="JG23" s="71">
        <v>11</v>
      </c>
      <c r="JH23" s="72">
        <v>23</v>
      </c>
      <c r="JI23" s="276"/>
      <c r="JJ23" s="71">
        <v>17</v>
      </c>
      <c r="JK23" s="71">
        <v>12</v>
      </c>
      <c r="JL23" s="71">
        <v>11</v>
      </c>
      <c r="JM23" s="71">
        <v>9</v>
      </c>
      <c r="JN23" s="71">
        <v>4</v>
      </c>
      <c r="JO23" s="72">
        <v>53</v>
      </c>
      <c r="JP23" s="73">
        <v>76</v>
      </c>
      <c r="JQ23" s="70">
        <v>0</v>
      </c>
      <c r="JR23" s="71">
        <v>0</v>
      </c>
      <c r="JS23" s="72">
        <v>0</v>
      </c>
      <c r="JT23" s="276"/>
      <c r="JU23" s="71">
        <v>0</v>
      </c>
      <c r="JV23" s="71">
        <v>0</v>
      </c>
      <c r="JW23" s="71">
        <v>0</v>
      </c>
      <c r="JX23" s="71">
        <v>0</v>
      </c>
      <c r="JY23" s="71">
        <v>0</v>
      </c>
      <c r="JZ23" s="72">
        <v>0</v>
      </c>
      <c r="KA23" s="73">
        <v>0</v>
      </c>
      <c r="KB23" s="70">
        <v>47</v>
      </c>
      <c r="KC23" s="71">
        <v>68</v>
      </c>
      <c r="KD23" s="72">
        <v>115</v>
      </c>
      <c r="KE23" s="276"/>
      <c r="KF23" s="71">
        <v>89</v>
      </c>
      <c r="KG23" s="71">
        <v>55</v>
      </c>
      <c r="KH23" s="71">
        <v>33</v>
      </c>
      <c r="KI23" s="71">
        <v>36</v>
      </c>
      <c r="KJ23" s="71">
        <v>22</v>
      </c>
      <c r="KK23" s="72">
        <v>235</v>
      </c>
      <c r="KL23" s="73">
        <v>350</v>
      </c>
    </row>
    <row r="24" spans="1:298" ht="19.5" customHeight="1" x14ac:dyDescent="0.2">
      <c r="A24" s="129" t="s">
        <v>21</v>
      </c>
      <c r="B24" s="350">
        <v>34</v>
      </c>
      <c r="C24" s="82">
        <v>23</v>
      </c>
      <c r="D24" s="83">
        <v>57</v>
      </c>
      <c r="E24" s="273"/>
      <c r="F24" s="82">
        <v>58</v>
      </c>
      <c r="G24" s="82">
        <v>32</v>
      </c>
      <c r="H24" s="82">
        <v>20</v>
      </c>
      <c r="I24" s="82">
        <v>13</v>
      </c>
      <c r="J24" s="82">
        <v>8</v>
      </c>
      <c r="K24" s="84">
        <v>131</v>
      </c>
      <c r="L24" s="85">
        <v>188</v>
      </c>
      <c r="M24" s="70">
        <v>1</v>
      </c>
      <c r="N24" s="71">
        <v>1</v>
      </c>
      <c r="O24" s="72">
        <v>2</v>
      </c>
      <c r="P24" s="276"/>
      <c r="Q24" s="71">
        <v>1</v>
      </c>
      <c r="R24" s="71">
        <v>2</v>
      </c>
      <c r="S24" s="71">
        <v>1</v>
      </c>
      <c r="T24" s="71">
        <v>1</v>
      </c>
      <c r="U24" s="71">
        <v>0</v>
      </c>
      <c r="V24" s="72">
        <v>5</v>
      </c>
      <c r="W24" s="73">
        <v>7</v>
      </c>
      <c r="X24" s="70">
        <v>3</v>
      </c>
      <c r="Y24" s="71">
        <v>3</v>
      </c>
      <c r="Z24" s="72">
        <v>6</v>
      </c>
      <c r="AA24" s="276"/>
      <c r="AB24" s="71">
        <v>5</v>
      </c>
      <c r="AC24" s="71">
        <v>3</v>
      </c>
      <c r="AD24" s="71">
        <v>3</v>
      </c>
      <c r="AE24" s="71">
        <v>0</v>
      </c>
      <c r="AF24" s="71">
        <v>2</v>
      </c>
      <c r="AG24" s="72">
        <v>13</v>
      </c>
      <c r="AH24" s="73">
        <v>19</v>
      </c>
      <c r="AI24" s="70">
        <v>4</v>
      </c>
      <c r="AJ24" s="71">
        <v>2</v>
      </c>
      <c r="AK24" s="72">
        <v>6</v>
      </c>
      <c r="AL24" s="276"/>
      <c r="AM24" s="71">
        <v>11</v>
      </c>
      <c r="AN24" s="71">
        <v>4</v>
      </c>
      <c r="AO24" s="71">
        <v>2</v>
      </c>
      <c r="AP24" s="71">
        <v>3</v>
      </c>
      <c r="AQ24" s="71">
        <v>0</v>
      </c>
      <c r="AR24" s="72">
        <v>20</v>
      </c>
      <c r="AS24" s="73">
        <v>26</v>
      </c>
      <c r="AT24" s="70">
        <v>8</v>
      </c>
      <c r="AU24" s="71">
        <v>6</v>
      </c>
      <c r="AV24" s="72">
        <v>14</v>
      </c>
      <c r="AW24" s="276"/>
      <c r="AX24" s="71">
        <v>14</v>
      </c>
      <c r="AY24" s="71">
        <v>7</v>
      </c>
      <c r="AZ24" s="71">
        <v>3</v>
      </c>
      <c r="BA24" s="71">
        <v>3</v>
      </c>
      <c r="BB24" s="71">
        <v>2</v>
      </c>
      <c r="BC24" s="72">
        <v>29</v>
      </c>
      <c r="BD24" s="73">
        <v>43</v>
      </c>
      <c r="BE24" s="70">
        <v>10</v>
      </c>
      <c r="BF24" s="71">
        <v>5</v>
      </c>
      <c r="BG24" s="72">
        <v>15</v>
      </c>
      <c r="BH24" s="276"/>
      <c r="BI24" s="71">
        <v>19</v>
      </c>
      <c r="BJ24" s="71">
        <v>8</v>
      </c>
      <c r="BK24" s="71">
        <v>8</v>
      </c>
      <c r="BL24" s="71">
        <v>3</v>
      </c>
      <c r="BM24" s="71">
        <v>3</v>
      </c>
      <c r="BN24" s="72">
        <v>41</v>
      </c>
      <c r="BO24" s="73">
        <v>56</v>
      </c>
      <c r="BP24" s="70">
        <v>8</v>
      </c>
      <c r="BQ24" s="71">
        <v>6</v>
      </c>
      <c r="BR24" s="72">
        <v>14</v>
      </c>
      <c r="BS24" s="276"/>
      <c r="BT24" s="71">
        <v>8</v>
      </c>
      <c r="BU24" s="71">
        <v>8</v>
      </c>
      <c r="BV24" s="71">
        <v>3</v>
      </c>
      <c r="BW24" s="71">
        <v>3</v>
      </c>
      <c r="BX24" s="71">
        <v>1</v>
      </c>
      <c r="BY24" s="72">
        <v>23</v>
      </c>
      <c r="BZ24" s="73">
        <v>37</v>
      </c>
      <c r="CA24" s="70">
        <v>0</v>
      </c>
      <c r="CB24" s="71">
        <v>0</v>
      </c>
      <c r="CC24" s="72">
        <v>0</v>
      </c>
      <c r="CD24" s="276"/>
      <c r="CE24" s="71">
        <v>0</v>
      </c>
      <c r="CF24" s="71">
        <v>0</v>
      </c>
      <c r="CG24" s="71">
        <v>0</v>
      </c>
      <c r="CH24" s="71">
        <v>0</v>
      </c>
      <c r="CI24" s="71">
        <v>0</v>
      </c>
      <c r="CJ24" s="72">
        <v>0</v>
      </c>
      <c r="CK24" s="73">
        <v>0</v>
      </c>
      <c r="CL24" s="70">
        <v>34</v>
      </c>
      <c r="CM24" s="71">
        <v>23</v>
      </c>
      <c r="CN24" s="72">
        <v>57</v>
      </c>
      <c r="CO24" s="276"/>
      <c r="CP24" s="71">
        <v>58</v>
      </c>
      <c r="CQ24" s="71">
        <v>32</v>
      </c>
      <c r="CR24" s="71">
        <v>20</v>
      </c>
      <c r="CS24" s="71">
        <v>13</v>
      </c>
      <c r="CT24" s="71">
        <v>8</v>
      </c>
      <c r="CU24" s="72">
        <v>131</v>
      </c>
      <c r="CV24" s="73">
        <v>188</v>
      </c>
      <c r="CW24" s="126">
        <v>9</v>
      </c>
      <c r="CX24" s="82">
        <v>9</v>
      </c>
      <c r="CY24" s="83">
        <v>18</v>
      </c>
      <c r="CZ24" s="273"/>
      <c r="DA24" s="82">
        <v>10</v>
      </c>
      <c r="DB24" s="82">
        <v>18</v>
      </c>
      <c r="DC24" s="82">
        <v>10</v>
      </c>
      <c r="DD24" s="82">
        <v>6</v>
      </c>
      <c r="DE24" s="82">
        <v>5</v>
      </c>
      <c r="DF24" s="84">
        <v>49</v>
      </c>
      <c r="DG24" s="85">
        <v>67</v>
      </c>
      <c r="DH24" s="70">
        <v>0</v>
      </c>
      <c r="DI24" s="71">
        <v>0</v>
      </c>
      <c r="DJ24" s="72">
        <v>0</v>
      </c>
      <c r="DK24" s="276"/>
      <c r="DL24" s="71">
        <v>0</v>
      </c>
      <c r="DM24" s="71">
        <v>0</v>
      </c>
      <c r="DN24" s="71">
        <v>1</v>
      </c>
      <c r="DO24" s="71">
        <v>0</v>
      </c>
      <c r="DP24" s="71">
        <v>0</v>
      </c>
      <c r="DQ24" s="72">
        <v>1</v>
      </c>
      <c r="DR24" s="73">
        <v>1</v>
      </c>
      <c r="DS24" s="70">
        <v>2</v>
      </c>
      <c r="DT24" s="71">
        <v>1</v>
      </c>
      <c r="DU24" s="72">
        <v>3</v>
      </c>
      <c r="DV24" s="276"/>
      <c r="DW24" s="71">
        <v>1</v>
      </c>
      <c r="DX24" s="71">
        <v>0</v>
      </c>
      <c r="DY24" s="71">
        <v>1</v>
      </c>
      <c r="DZ24" s="71">
        <v>0</v>
      </c>
      <c r="EA24" s="71">
        <v>1</v>
      </c>
      <c r="EB24" s="72">
        <v>3</v>
      </c>
      <c r="EC24" s="73">
        <v>6</v>
      </c>
      <c r="ED24" s="70">
        <v>2</v>
      </c>
      <c r="EE24" s="71">
        <v>1</v>
      </c>
      <c r="EF24" s="72">
        <v>3</v>
      </c>
      <c r="EG24" s="276"/>
      <c r="EH24" s="71">
        <v>2</v>
      </c>
      <c r="EI24" s="71">
        <v>3</v>
      </c>
      <c r="EJ24" s="71">
        <v>0</v>
      </c>
      <c r="EK24" s="71">
        <v>0</v>
      </c>
      <c r="EL24" s="71">
        <v>1</v>
      </c>
      <c r="EM24" s="72">
        <v>6</v>
      </c>
      <c r="EN24" s="73">
        <v>9</v>
      </c>
      <c r="EO24" s="70">
        <v>4</v>
      </c>
      <c r="EP24" s="71">
        <v>2</v>
      </c>
      <c r="EQ24" s="72">
        <v>6</v>
      </c>
      <c r="ER24" s="276"/>
      <c r="ES24" s="71">
        <v>1</v>
      </c>
      <c r="ET24" s="71">
        <v>3</v>
      </c>
      <c r="EU24" s="71">
        <v>2</v>
      </c>
      <c r="EV24" s="71">
        <v>0</v>
      </c>
      <c r="EW24" s="71">
        <v>1</v>
      </c>
      <c r="EX24" s="72">
        <v>7</v>
      </c>
      <c r="EY24" s="73">
        <v>13</v>
      </c>
      <c r="EZ24" s="70">
        <v>0</v>
      </c>
      <c r="FA24" s="71">
        <v>3</v>
      </c>
      <c r="FB24" s="72">
        <v>3</v>
      </c>
      <c r="FC24" s="276"/>
      <c r="FD24" s="71">
        <v>1</v>
      </c>
      <c r="FE24" s="71">
        <v>4</v>
      </c>
      <c r="FF24" s="71">
        <v>1</v>
      </c>
      <c r="FG24" s="71">
        <v>1</v>
      </c>
      <c r="FH24" s="71">
        <v>0</v>
      </c>
      <c r="FI24" s="72">
        <v>7</v>
      </c>
      <c r="FJ24" s="73">
        <v>10</v>
      </c>
      <c r="FK24" s="70">
        <v>1</v>
      </c>
      <c r="FL24" s="71">
        <v>2</v>
      </c>
      <c r="FM24" s="72">
        <v>3</v>
      </c>
      <c r="FN24" s="276"/>
      <c r="FO24" s="71">
        <v>5</v>
      </c>
      <c r="FP24" s="71">
        <v>8</v>
      </c>
      <c r="FQ24" s="71">
        <v>5</v>
      </c>
      <c r="FR24" s="71">
        <v>5</v>
      </c>
      <c r="FS24" s="71">
        <v>2</v>
      </c>
      <c r="FT24" s="72">
        <v>25</v>
      </c>
      <c r="FU24" s="73">
        <v>28</v>
      </c>
      <c r="FV24" s="70">
        <v>0</v>
      </c>
      <c r="FW24" s="71">
        <v>0</v>
      </c>
      <c r="FX24" s="72">
        <v>0</v>
      </c>
      <c r="FY24" s="276"/>
      <c r="FZ24" s="71">
        <v>0</v>
      </c>
      <c r="GA24" s="71">
        <v>0</v>
      </c>
      <c r="GB24" s="71">
        <v>0</v>
      </c>
      <c r="GC24" s="71">
        <v>0</v>
      </c>
      <c r="GD24" s="71">
        <v>0</v>
      </c>
      <c r="GE24" s="72">
        <v>0</v>
      </c>
      <c r="GF24" s="73">
        <v>0</v>
      </c>
      <c r="GG24" s="70">
        <v>9</v>
      </c>
      <c r="GH24" s="71">
        <v>9</v>
      </c>
      <c r="GI24" s="72">
        <v>18</v>
      </c>
      <c r="GJ24" s="276"/>
      <c r="GK24" s="71">
        <v>10</v>
      </c>
      <c r="GL24" s="71">
        <v>18</v>
      </c>
      <c r="GM24" s="71">
        <v>10</v>
      </c>
      <c r="GN24" s="71">
        <v>6</v>
      </c>
      <c r="GO24" s="71">
        <v>5</v>
      </c>
      <c r="GP24" s="72">
        <v>49</v>
      </c>
      <c r="GQ24" s="73">
        <v>67</v>
      </c>
      <c r="GR24" s="126">
        <v>43</v>
      </c>
      <c r="GS24" s="82">
        <v>32</v>
      </c>
      <c r="GT24" s="83">
        <v>75</v>
      </c>
      <c r="GU24" s="273"/>
      <c r="GV24" s="82">
        <v>68</v>
      </c>
      <c r="GW24" s="82">
        <v>50</v>
      </c>
      <c r="GX24" s="82">
        <v>30</v>
      </c>
      <c r="GY24" s="82">
        <v>19</v>
      </c>
      <c r="GZ24" s="82">
        <v>13</v>
      </c>
      <c r="HA24" s="84">
        <v>180</v>
      </c>
      <c r="HB24" s="85">
        <v>255</v>
      </c>
      <c r="HC24" s="70">
        <v>1</v>
      </c>
      <c r="HD24" s="71">
        <v>1</v>
      </c>
      <c r="HE24" s="72">
        <v>2</v>
      </c>
      <c r="HF24" s="276"/>
      <c r="HG24" s="71">
        <v>1</v>
      </c>
      <c r="HH24" s="71">
        <v>2</v>
      </c>
      <c r="HI24" s="71">
        <v>2</v>
      </c>
      <c r="HJ24" s="71">
        <v>1</v>
      </c>
      <c r="HK24" s="71">
        <v>0</v>
      </c>
      <c r="HL24" s="72">
        <v>6</v>
      </c>
      <c r="HM24" s="73">
        <v>8</v>
      </c>
      <c r="HN24" s="70">
        <v>5</v>
      </c>
      <c r="HO24" s="71">
        <v>4</v>
      </c>
      <c r="HP24" s="72">
        <v>9</v>
      </c>
      <c r="HQ24" s="276"/>
      <c r="HR24" s="71">
        <v>6</v>
      </c>
      <c r="HS24" s="71">
        <v>3</v>
      </c>
      <c r="HT24" s="71">
        <v>4</v>
      </c>
      <c r="HU24" s="71">
        <v>0</v>
      </c>
      <c r="HV24" s="71">
        <v>3</v>
      </c>
      <c r="HW24" s="72">
        <v>16</v>
      </c>
      <c r="HX24" s="73">
        <v>25</v>
      </c>
      <c r="HY24" s="70">
        <v>6</v>
      </c>
      <c r="HZ24" s="71">
        <v>3</v>
      </c>
      <c r="IA24" s="72">
        <v>9</v>
      </c>
      <c r="IB24" s="276"/>
      <c r="IC24" s="71">
        <v>13</v>
      </c>
      <c r="ID24" s="71">
        <v>7</v>
      </c>
      <c r="IE24" s="71">
        <v>2</v>
      </c>
      <c r="IF24" s="71">
        <v>3</v>
      </c>
      <c r="IG24" s="71">
        <v>1</v>
      </c>
      <c r="IH24" s="72">
        <v>26</v>
      </c>
      <c r="II24" s="73">
        <v>35</v>
      </c>
      <c r="IJ24" s="70">
        <v>12</v>
      </c>
      <c r="IK24" s="71">
        <v>8</v>
      </c>
      <c r="IL24" s="72">
        <v>20</v>
      </c>
      <c r="IM24" s="276"/>
      <c r="IN24" s="71">
        <v>15</v>
      </c>
      <c r="IO24" s="71">
        <v>10</v>
      </c>
      <c r="IP24" s="71">
        <v>5</v>
      </c>
      <c r="IQ24" s="71">
        <v>3</v>
      </c>
      <c r="IR24" s="71">
        <v>3</v>
      </c>
      <c r="IS24" s="72">
        <v>36</v>
      </c>
      <c r="IT24" s="73">
        <v>56</v>
      </c>
      <c r="IU24" s="70">
        <v>10</v>
      </c>
      <c r="IV24" s="71">
        <v>8</v>
      </c>
      <c r="IW24" s="72">
        <v>18</v>
      </c>
      <c r="IX24" s="276"/>
      <c r="IY24" s="71">
        <v>20</v>
      </c>
      <c r="IZ24" s="71">
        <v>12</v>
      </c>
      <c r="JA24" s="71">
        <v>9</v>
      </c>
      <c r="JB24" s="71">
        <v>4</v>
      </c>
      <c r="JC24" s="71">
        <v>3</v>
      </c>
      <c r="JD24" s="72">
        <v>48</v>
      </c>
      <c r="JE24" s="73">
        <v>66</v>
      </c>
      <c r="JF24" s="70">
        <v>9</v>
      </c>
      <c r="JG24" s="71">
        <v>8</v>
      </c>
      <c r="JH24" s="72">
        <v>17</v>
      </c>
      <c r="JI24" s="276"/>
      <c r="JJ24" s="71">
        <v>13</v>
      </c>
      <c r="JK24" s="71">
        <v>16</v>
      </c>
      <c r="JL24" s="71">
        <v>8</v>
      </c>
      <c r="JM24" s="71">
        <v>8</v>
      </c>
      <c r="JN24" s="71">
        <v>3</v>
      </c>
      <c r="JO24" s="72">
        <v>48</v>
      </c>
      <c r="JP24" s="73">
        <v>65</v>
      </c>
      <c r="JQ24" s="70">
        <v>0</v>
      </c>
      <c r="JR24" s="71">
        <v>0</v>
      </c>
      <c r="JS24" s="72">
        <v>0</v>
      </c>
      <c r="JT24" s="276"/>
      <c r="JU24" s="71">
        <v>0</v>
      </c>
      <c r="JV24" s="71">
        <v>0</v>
      </c>
      <c r="JW24" s="71">
        <v>0</v>
      </c>
      <c r="JX24" s="71">
        <v>0</v>
      </c>
      <c r="JY24" s="71">
        <v>0</v>
      </c>
      <c r="JZ24" s="72">
        <v>0</v>
      </c>
      <c r="KA24" s="73">
        <v>0</v>
      </c>
      <c r="KB24" s="70">
        <v>43</v>
      </c>
      <c r="KC24" s="71">
        <v>32</v>
      </c>
      <c r="KD24" s="72">
        <v>75</v>
      </c>
      <c r="KE24" s="276"/>
      <c r="KF24" s="71">
        <v>68</v>
      </c>
      <c r="KG24" s="71">
        <v>50</v>
      </c>
      <c r="KH24" s="71">
        <v>30</v>
      </c>
      <c r="KI24" s="71">
        <v>19</v>
      </c>
      <c r="KJ24" s="71">
        <v>13</v>
      </c>
      <c r="KK24" s="72">
        <v>180</v>
      </c>
      <c r="KL24" s="73">
        <v>255</v>
      </c>
    </row>
    <row r="25" spans="1:298" ht="19.5" customHeight="1" x14ac:dyDescent="0.2">
      <c r="A25" s="129" t="s">
        <v>22</v>
      </c>
      <c r="B25" s="350">
        <v>17</v>
      </c>
      <c r="C25" s="82">
        <v>6</v>
      </c>
      <c r="D25" s="83">
        <v>23</v>
      </c>
      <c r="E25" s="273"/>
      <c r="F25" s="82">
        <v>24</v>
      </c>
      <c r="G25" s="82">
        <v>21</v>
      </c>
      <c r="H25" s="82">
        <v>10</v>
      </c>
      <c r="I25" s="82">
        <v>13</v>
      </c>
      <c r="J25" s="82">
        <v>4</v>
      </c>
      <c r="K25" s="84">
        <v>72</v>
      </c>
      <c r="L25" s="85">
        <v>95</v>
      </c>
      <c r="M25" s="70">
        <v>0</v>
      </c>
      <c r="N25" s="71">
        <v>0</v>
      </c>
      <c r="O25" s="72">
        <v>0</v>
      </c>
      <c r="P25" s="276"/>
      <c r="Q25" s="71">
        <v>2</v>
      </c>
      <c r="R25" s="71">
        <v>0</v>
      </c>
      <c r="S25" s="71">
        <v>0</v>
      </c>
      <c r="T25" s="71">
        <v>0</v>
      </c>
      <c r="U25" s="71">
        <v>0</v>
      </c>
      <c r="V25" s="72">
        <v>2</v>
      </c>
      <c r="W25" s="73">
        <v>2</v>
      </c>
      <c r="X25" s="70">
        <v>1</v>
      </c>
      <c r="Y25" s="71">
        <v>1</v>
      </c>
      <c r="Z25" s="72">
        <v>2</v>
      </c>
      <c r="AA25" s="276"/>
      <c r="AB25" s="71">
        <v>3</v>
      </c>
      <c r="AC25" s="71">
        <v>1</v>
      </c>
      <c r="AD25" s="71">
        <v>0</v>
      </c>
      <c r="AE25" s="71">
        <v>1</v>
      </c>
      <c r="AF25" s="71">
        <v>1</v>
      </c>
      <c r="AG25" s="72">
        <v>6</v>
      </c>
      <c r="AH25" s="73">
        <v>8</v>
      </c>
      <c r="AI25" s="70">
        <v>3</v>
      </c>
      <c r="AJ25" s="71">
        <v>1</v>
      </c>
      <c r="AK25" s="72">
        <v>4</v>
      </c>
      <c r="AL25" s="276"/>
      <c r="AM25" s="71">
        <v>4</v>
      </c>
      <c r="AN25" s="71">
        <v>1</v>
      </c>
      <c r="AO25" s="71">
        <v>0</v>
      </c>
      <c r="AP25" s="71">
        <v>0</v>
      </c>
      <c r="AQ25" s="71">
        <v>1</v>
      </c>
      <c r="AR25" s="72">
        <v>6</v>
      </c>
      <c r="AS25" s="73">
        <v>10</v>
      </c>
      <c r="AT25" s="70">
        <v>4</v>
      </c>
      <c r="AU25" s="71">
        <v>3</v>
      </c>
      <c r="AV25" s="72">
        <v>7</v>
      </c>
      <c r="AW25" s="276"/>
      <c r="AX25" s="71">
        <v>7</v>
      </c>
      <c r="AY25" s="71">
        <v>6</v>
      </c>
      <c r="AZ25" s="71">
        <v>2</v>
      </c>
      <c r="BA25" s="71">
        <v>1</v>
      </c>
      <c r="BB25" s="71">
        <v>1</v>
      </c>
      <c r="BC25" s="72">
        <v>17</v>
      </c>
      <c r="BD25" s="73">
        <v>24</v>
      </c>
      <c r="BE25" s="70">
        <v>4</v>
      </c>
      <c r="BF25" s="71">
        <v>1</v>
      </c>
      <c r="BG25" s="72">
        <v>5</v>
      </c>
      <c r="BH25" s="276"/>
      <c r="BI25" s="71">
        <v>1</v>
      </c>
      <c r="BJ25" s="71">
        <v>6</v>
      </c>
      <c r="BK25" s="71">
        <v>3</v>
      </c>
      <c r="BL25" s="71">
        <v>7</v>
      </c>
      <c r="BM25" s="71">
        <v>0</v>
      </c>
      <c r="BN25" s="72">
        <v>17</v>
      </c>
      <c r="BO25" s="73">
        <v>22</v>
      </c>
      <c r="BP25" s="70">
        <v>5</v>
      </c>
      <c r="BQ25" s="71">
        <v>0</v>
      </c>
      <c r="BR25" s="72">
        <v>5</v>
      </c>
      <c r="BS25" s="276"/>
      <c r="BT25" s="71">
        <v>7</v>
      </c>
      <c r="BU25" s="71">
        <v>7</v>
      </c>
      <c r="BV25" s="71">
        <v>5</v>
      </c>
      <c r="BW25" s="71">
        <v>4</v>
      </c>
      <c r="BX25" s="71">
        <v>1</v>
      </c>
      <c r="BY25" s="72">
        <v>24</v>
      </c>
      <c r="BZ25" s="73">
        <v>29</v>
      </c>
      <c r="CA25" s="70">
        <v>0</v>
      </c>
      <c r="CB25" s="71">
        <v>0</v>
      </c>
      <c r="CC25" s="72">
        <v>0</v>
      </c>
      <c r="CD25" s="276"/>
      <c r="CE25" s="71">
        <v>0</v>
      </c>
      <c r="CF25" s="71">
        <v>0</v>
      </c>
      <c r="CG25" s="71">
        <v>0</v>
      </c>
      <c r="CH25" s="71">
        <v>0</v>
      </c>
      <c r="CI25" s="71">
        <v>0</v>
      </c>
      <c r="CJ25" s="72">
        <v>0</v>
      </c>
      <c r="CK25" s="73">
        <v>0</v>
      </c>
      <c r="CL25" s="70">
        <v>17</v>
      </c>
      <c r="CM25" s="71">
        <v>6</v>
      </c>
      <c r="CN25" s="72">
        <v>23</v>
      </c>
      <c r="CO25" s="276"/>
      <c r="CP25" s="71">
        <v>24</v>
      </c>
      <c r="CQ25" s="71">
        <v>21</v>
      </c>
      <c r="CR25" s="71">
        <v>10</v>
      </c>
      <c r="CS25" s="71">
        <v>13</v>
      </c>
      <c r="CT25" s="71">
        <v>4</v>
      </c>
      <c r="CU25" s="72">
        <v>72</v>
      </c>
      <c r="CV25" s="73">
        <v>95</v>
      </c>
      <c r="CW25" s="126">
        <v>2</v>
      </c>
      <c r="CX25" s="82">
        <v>6</v>
      </c>
      <c r="CY25" s="83">
        <v>8</v>
      </c>
      <c r="CZ25" s="273"/>
      <c r="DA25" s="82">
        <v>8</v>
      </c>
      <c r="DB25" s="82">
        <v>2</v>
      </c>
      <c r="DC25" s="82">
        <v>1</v>
      </c>
      <c r="DD25" s="82">
        <v>4</v>
      </c>
      <c r="DE25" s="82">
        <v>3</v>
      </c>
      <c r="DF25" s="84">
        <v>18</v>
      </c>
      <c r="DG25" s="85">
        <v>26</v>
      </c>
      <c r="DH25" s="70">
        <v>0</v>
      </c>
      <c r="DI25" s="71">
        <v>0</v>
      </c>
      <c r="DJ25" s="72">
        <v>0</v>
      </c>
      <c r="DK25" s="276"/>
      <c r="DL25" s="71">
        <v>0</v>
      </c>
      <c r="DM25" s="71">
        <v>0</v>
      </c>
      <c r="DN25" s="71">
        <v>0</v>
      </c>
      <c r="DO25" s="71">
        <v>0</v>
      </c>
      <c r="DP25" s="71">
        <v>0</v>
      </c>
      <c r="DQ25" s="72">
        <v>0</v>
      </c>
      <c r="DR25" s="73">
        <v>0</v>
      </c>
      <c r="DS25" s="70">
        <v>0</v>
      </c>
      <c r="DT25" s="71">
        <v>0</v>
      </c>
      <c r="DU25" s="72">
        <v>0</v>
      </c>
      <c r="DV25" s="276"/>
      <c r="DW25" s="71">
        <v>0</v>
      </c>
      <c r="DX25" s="71">
        <v>0</v>
      </c>
      <c r="DY25" s="71">
        <v>0</v>
      </c>
      <c r="DZ25" s="71">
        <v>0</v>
      </c>
      <c r="EA25" s="71">
        <v>0</v>
      </c>
      <c r="EB25" s="72">
        <v>0</v>
      </c>
      <c r="EC25" s="73">
        <v>0</v>
      </c>
      <c r="ED25" s="70">
        <v>0</v>
      </c>
      <c r="EE25" s="71">
        <v>3</v>
      </c>
      <c r="EF25" s="72">
        <v>3</v>
      </c>
      <c r="EG25" s="276"/>
      <c r="EH25" s="71">
        <v>1</v>
      </c>
      <c r="EI25" s="71">
        <v>0</v>
      </c>
      <c r="EJ25" s="71">
        <v>0</v>
      </c>
      <c r="EK25" s="71">
        <v>0</v>
      </c>
      <c r="EL25" s="71">
        <v>0</v>
      </c>
      <c r="EM25" s="72">
        <v>1</v>
      </c>
      <c r="EN25" s="73">
        <v>4</v>
      </c>
      <c r="EO25" s="70">
        <v>1</v>
      </c>
      <c r="EP25" s="71">
        <v>0</v>
      </c>
      <c r="EQ25" s="72">
        <v>1</v>
      </c>
      <c r="ER25" s="276"/>
      <c r="ES25" s="71">
        <v>2</v>
      </c>
      <c r="ET25" s="71">
        <v>0</v>
      </c>
      <c r="EU25" s="71">
        <v>1</v>
      </c>
      <c r="EV25" s="71">
        <v>2</v>
      </c>
      <c r="EW25" s="71">
        <v>0</v>
      </c>
      <c r="EX25" s="72">
        <v>5</v>
      </c>
      <c r="EY25" s="73">
        <v>6</v>
      </c>
      <c r="EZ25" s="70">
        <v>1</v>
      </c>
      <c r="FA25" s="71">
        <v>0</v>
      </c>
      <c r="FB25" s="72">
        <v>1</v>
      </c>
      <c r="FC25" s="276"/>
      <c r="FD25" s="71">
        <v>3</v>
      </c>
      <c r="FE25" s="71">
        <v>0</v>
      </c>
      <c r="FF25" s="71">
        <v>0</v>
      </c>
      <c r="FG25" s="71">
        <v>0</v>
      </c>
      <c r="FH25" s="71">
        <v>1</v>
      </c>
      <c r="FI25" s="72">
        <v>4</v>
      </c>
      <c r="FJ25" s="73">
        <v>5</v>
      </c>
      <c r="FK25" s="70">
        <v>0</v>
      </c>
      <c r="FL25" s="71">
        <v>3</v>
      </c>
      <c r="FM25" s="72">
        <v>3</v>
      </c>
      <c r="FN25" s="276"/>
      <c r="FO25" s="71">
        <v>2</v>
      </c>
      <c r="FP25" s="71">
        <v>2</v>
      </c>
      <c r="FQ25" s="71">
        <v>0</v>
      </c>
      <c r="FR25" s="71">
        <v>2</v>
      </c>
      <c r="FS25" s="71">
        <v>2</v>
      </c>
      <c r="FT25" s="72">
        <v>8</v>
      </c>
      <c r="FU25" s="73">
        <v>11</v>
      </c>
      <c r="FV25" s="70">
        <v>0</v>
      </c>
      <c r="FW25" s="71">
        <v>0</v>
      </c>
      <c r="FX25" s="72">
        <v>0</v>
      </c>
      <c r="FY25" s="276"/>
      <c r="FZ25" s="71">
        <v>0</v>
      </c>
      <c r="GA25" s="71">
        <v>0</v>
      </c>
      <c r="GB25" s="71">
        <v>0</v>
      </c>
      <c r="GC25" s="71">
        <v>0</v>
      </c>
      <c r="GD25" s="71">
        <v>0</v>
      </c>
      <c r="GE25" s="72">
        <v>0</v>
      </c>
      <c r="GF25" s="73">
        <v>0</v>
      </c>
      <c r="GG25" s="70">
        <v>2</v>
      </c>
      <c r="GH25" s="71">
        <v>6</v>
      </c>
      <c r="GI25" s="72">
        <v>8</v>
      </c>
      <c r="GJ25" s="276"/>
      <c r="GK25" s="71">
        <v>8</v>
      </c>
      <c r="GL25" s="71">
        <v>2</v>
      </c>
      <c r="GM25" s="71">
        <v>1</v>
      </c>
      <c r="GN25" s="71">
        <v>4</v>
      </c>
      <c r="GO25" s="71">
        <v>3</v>
      </c>
      <c r="GP25" s="72">
        <v>18</v>
      </c>
      <c r="GQ25" s="73">
        <v>26</v>
      </c>
      <c r="GR25" s="126">
        <v>19</v>
      </c>
      <c r="GS25" s="82">
        <v>12</v>
      </c>
      <c r="GT25" s="83">
        <v>31</v>
      </c>
      <c r="GU25" s="273"/>
      <c r="GV25" s="82">
        <v>32</v>
      </c>
      <c r="GW25" s="82">
        <v>23</v>
      </c>
      <c r="GX25" s="82">
        <v>11</v>
      </c>
      <c r="GY25" s="82">
        <v>17</v>
      </c>
      <c r="GZ25" s="82">
        <v>7</v>
      </c>
      <c r="HA25" s="84">
        <v>90</v>
      </c>
      <c r="HB25" s="85">
        <v>121</v>
      </c>
      <c r="HC25" s="70">
        <v>0</v>
      </c>
      <c r="HD25" s="71">
        <v>0</v>
      </c>
      <c r="HE25" s="72">
        <v>0</v>
      </c>
      <c r="HF25" s="276"/>
      <c r="HG25" s="71">
        <v>2</v>
      </c>
      <c r="HH25" s="71">
        <v>0</v>
      </c>
      <c r="HI25" s="71">
        <v>0</v>
      </c>
      <c r="HJ25" s="71">
        <v>0</v>
      </c>
      <c r="HK25" s="71">
        <v>0</v>
      </c>
      <c r="HL25" s="72">
        <v>2</v>
      </c>
      <c r="HM25" s="73">
        <v>2</v>
      </c>
      <c r="HN25" s="70">
        <v>1</v>
      </c>
      <c r="HO25" s="71">
        <v>1</v>
      </c>
      <c r="HP25" s="72">
        <v>2</v>
      </c>
      <c r="HQ25" s="276"/>
      <c r="HR25" s="71">
        <v>3</v>
      </c>
      <c r="HS25" s="71">
        <v>1</v>
      </c>
      <c r="HT25" s="71">
        <v>0</v>
      </c>
      <c r="HU25" s="71">
        <v>1</v>
      </c>
      <c r="HV25" s="71">
        <v>1</v>
      </c>
      <c r="HW25" s="72">
        <v>6</v>
      </c>
      <c r="HX25" s="73">
        <v>8</v>
      </c>
      <c r="HY25" s="70">
        <v>3</v>
      </c>
      <c r="HZ25" s="71">
        <v>4</v>
      </c>
      <c r="IA25" s="72">
        <v>7</v>
      </c>
      <c r="IB25" s="276"/>
      <c r="IC25" s="71">
        <v>5</v>
      </c>
      <c r="ID25" s="71">
        <v>1</v>
      </c>
      <c r="IE25" s="71">
        <v>0</v>
      </c>
      <c r="IF25" s="71">
        <v>0</v>
      </c>
      <c r="IG25" s="71">
        <v>1</v>
      </c>
      <c r="IH25" s="72">
        <v>7</v>
      </c>
      <c r="II25" s="73">
        <v>14</v>
      </c>
      <c r="IJ25" s="70">
        <v>5</v>
      </c>
      <c r="IK25" s="71">
        <v>3</v>
      </c>
      <c r="IL25" s="72">
        <v>8</v>
      </c>
      <c r="IM25" s="276"/>
      <c r="IN25" s="71">
        <v>9</v>
      </c>
      <c r="IO25" s="71">
        <v>6</v>
      </c>
      <c r="IP25" s="71">
        <v>3</v>
      </c>
      <c r="IQ25" s="71">
        <v>3</v>
      </c>
      <c r="IR25" s="71">
        <v>1</v>
      </c>
      <c r="IS25" s="72">
        <v>22</v>
      </c>
      <c r="IT25" s="73">
        <v>30</v>
      </c>
      <c r="IU25" s="70">
        <v>5</v>
      </c>
      <c r="IV25" s="71">
        <v>1</v>
      </c>
      <c r="IW25" s="72">
        <v>6</v>
      </c>
      <c r="IX25" s="276"/>
      <c r="IY25" s="71">
        <v>4</v>
      </c>
      <c r="IZ25" s="71">
        <v>6</v>
      </c>
      <c r="JA25" s="71">
        <v>3</v>
      </c>
      <c r="JB25" s="71">
        <v>7</v>
      </c>
      <c r="JC25" s="71">
        <v>1</v>
      </c>
      <c r="JD25" s="72">
        <v>21</v>
      </c>
      <c r="JE25" s="73">
        <v>27</v>
      </c>
      <c r="JF25" s="70">
        <v>5</v>
      </c>
      <c r="JG25" s="71">
        <v>3</v>
      </c>
      <c r="JH25" s="72">
        <v>8</v>
      </c>
      <c r="JI25" s="276"/>
      <c r="JJ25" s="71">
        <v>9</v>
      </c>
      <c r="JK25" s="71">
        <v>9</v>
      </c>
      <c r="JL25" s="71">
        <v>5</v>
      </c>
      <c r="JM25" s="71">
        <v>6</v>
      </c>
      <c r="JN25" s="71">
        <v>3</v>
      </c>
      <c r="JO25" s="72">
        <v>32</v>
      </c>
      <c r="JP25" s="73">
        <v>40</v>
      </c>
      <c r="JQ25" s="70">
        <v>0</v>
      </c>
      <c r="JR25" s="71">
        <v>0</v>
      </c>
      <c r="JS25" s="72">
        <v>0</v>
      </c>
      <c r="JT25" s="276"/>
      <c r="JU25" s="71">
        <v>0</v>
      </c>
      <c r="JV25" s="71">
        <v>0</v>
      </c>
      <c r="JW25" s="71">
        <v>0</v>
      </c>
      <c r="JX25" s="71">
        <v>0</v>
      </c>
      <c r="JY25" s="71">
        <v>0</v>
      </c>
      <c r="JZ25" s="72">
        <v>0</v>
      </c>
      <c r="KA25" s="73">
        <v>0</v>
      </c>
      <c r="KB25" s="70">
        <v>19</v>
      </c>
      <c r="KC25" s="71">
        <v>12</v>
      </c>
      <c r="KD25" s="72">
        <v>31</v>
      </c>
      <c r="KE25" s="276"/>
      <c r="KF25" s="71">
        <v>32</v>
      </c>
      <c r="KG25" s="71">
        <v>23</v>
      </c>
      <c r="KH25" s="71">
        <v>11</v>
      </c>
      <c r="KI25" s="71">
        <v>17</v>
      </c>
      <c r="KJ25" s="71">
        <v>7</v>
      </c>
      <c r="KK25" s="72">
        <v>90</v>
      </c>
      <c r="KL25" s="73">
        <v>121</v>
      </c>
    </row>
    <row r="26" spans="1:298" ht="19.5" customHeight="1" x14ac:dyDescent="0.2">
      <c r="A26" s="129" t="s">
        <v>23</v>
      </c>
      <c r="B26" s="350">
        <v>12</v>
      </c>
      <c r="C26" s="82">
        <v>12</v>
      </c>
      <c r="D26" s="83">
        <v>24</v>
      </c>
      <c r="E26" s="273"/>
      <c r="F26" s="82">
        <v>28</v>
      </c>
      <c r="G26" s="82">
        <v>27</v>
      </c>
      <c r="H26" s="82">
        <v>21</v>
      </c>
      <c r="I26" s="82">
        <v>19</v>
      </c>
      <c r="J26" s="82">
        <v>8</v>
      </c>
      <c r="K26" s="84">
        <v>103</v>
      </c>
      <c r="L26" s="85">
        <v>127</v>
      </c>
      <c r="M26" s="70">
        <v>0</v>
      </c>
      <c r="N26" s="71">
        <v>0</v>
      </c>
      <c r="O26" s="72">
        <v>0</v>
      </c>
      <c r="P26" s="276"/>
      <c r="Q26" s="71">
        <v>0</v>
      </c>
      <c r="R26" s="71">
        <v>1</v>
      </c>
      <c r="S26" s="71">
        <v>0</v>
      </c>
      <c r="T26" s="71">
        <v>1</v>
      </c>
      <c r="U26" s="71">
        <v>0</v>
      </c>
      <c r="V26" s="72">
        <v>2</v>
      </c>
      <c r="W26" s="73">
        <v>2</v>
      </c>
      <c r="X26" s="70">
        <v>2</v>
      </c>
      <c r="Y26" s="71">
        <v>2</v>
      </c>
      <c r="Z26" s="72">
        <v>4</v>
      </c>
      <c r="AA26" s="276"/>
      <c r="AB26" s="71">
        <v>4</v>
      </c>
      <c r="AC26" s="71">
        <v>4</v>
      </c>
      <c r="AD26" s="71">
        <v>0</v>
      </c>
      <c r="AE26" s="71">
        <v>1</v>
      </c>
      <c r="AF26" s="71">
        <v>2</v>
      </c>
      <c r="AG26" s="72">
        <v>11</v>
      </c>
      <c r="AH26" s="73">
        <v>15</v>
      </c>
      <c r="AI26" s="70">
        <v>4</v>
      </c>
      <c r="AJ26" s="71">
        <v>0</v>
      </c>
      <c r="AK26" s="72">
        <v>4</v>
      </c>
      <c r="AL26" s="276"/>
      <c r="AM26" s="71">
        <v>5</v>
      </c>
      <c r="AN26" s="71">
        <v>4</v>
      </c>
      <c r="AO26" s="71">
        <v>2</v>
      </c>
      <c r="AP26" s="71">
        <v>2</v>
      </c>
      <c r="AQ26" s="71">
        <v>1</v>
      </c>
      <c r="AR26" s="72">
        <v>14</v>
      </c>
      <c r="AS26" s="73">
        <v>18</v>
      </c>
      <c r="AT26" s="70">
        <v>2</v>
      </c>
      <c r="AU26" s="71">
        <v>4</v>
      </c>
      <c r="AV26" s="72">
        <v>6</v>
      </c>
      <c r="AW26" s="276"/>
      <c r="AX26" s="71">
        <v>5</v>
      </c>
      <c r="AY26" s="71">
        <v>8</v>
      </c>
      <c r="AZ26" s="71">
        <v>9</v>
      </c>
      <c r="BA26" s="71">
        <v>3</v>
      </c>
      <c r="BB26" s="71">
        <v>1</v>
      </c>
      <c r="BC26" s="72">
        <v>26</v>
      </c>
      <c r="BD26" s="73">
        <v>32</v>
      </c>
      <c r="BE26" s="70">
        <v>2</v>
      </c>
      <c r="BF26" s="71">
        <v>5</v>
      </c>
      <c r="BG26" s="72">
        <v>7</v>
      </c>
      <c r="BH26" s="276"/>
      <c r="BI26" s="71">
        <v>6</v>
      </c>
      <c r="BJ26" s="71">
        <v>7</v>
      </c>
      <c r="BK26" s="71">
        <v>6</v>
      </c>
      <c r="BL26" s="71">
        <v>5</v>
      </c>
      <c r="BM26" s="71">
        <v>2</v>
      </c>
      <c r="BN26" s="72">
        <v>26</v>
      </c>
      <c r="BO26" s="73">
        <v>33</v>
      </c>
      <c r="BP26" s="70">
        <v>2</v>
      </c>
      <c r="BQ26" s="71">
        <v>1</v>
      </c>
      <c r="BR26" s="72">
        <v>3</v>
      </c>
      <c r="BS26" s="276"/>
      <c r="BT26" s="71">
        <v>8</v>
      </c>
      <c r="BU26" s="71">
        <v>3</v>
      </c>
      <c r="BV26" s="71">
        <v>4</v>
      </c>
      <c r="BW26" s="71">
        <v>7</v>
      </c>
      <c r="BX26" s="71">
        <v>2</v>
      </c>
      <c r="BY26" s="72">
        <v>24</v>
      </c>
      <c r="BZ26" s="73">
        <v>27</v>
      </c>
      <c r="CA26" s="70">
        <v>0</v>
      </c>
      <c r="CB26" s="71">
        <v>0</v>
      </c>
      <c r="CC26" s="72">
        <v>0</v>
      </c>
      <c r="CD26" s="276"/>
      <c r="CE26" s="71">
        <v>0</v>
      </c>
      <c r="CF26" s="71">
        <v>0</v>
      </c>
      <c r="CG26" s="71">
        <v>0</v>
      </c>
      <c r="CH26" s="71">
        <v>0</v>
      </c>
      <c r="CI26" s="71">
        <v>0</v>
      </c>
      <c r="CJ26" s="72">
        <v>0</v>
      </c>
      <c r="CK26" s="73">
        <v>0</v>
      </c>
      <c r="CL26" s="70">
        <v>12</v>
      </c>
      <c r="CM26" s="71">
        <v>12</v>
      </c>
      <c r="CN26" s="72">
        <v>24</v>
      </c>
      <c r="CO26" s="276"/>
      <c r="CP26" s="71">
        <v>28</v>
      </c>
      <c r="CQ26" s="71">
        <v>27</v>
      </c>
      <c r="CR26" s="71">
        <v>21</v>
      </c>
      <c r="CS26" s="71">
        <v>19</v>
      </c>
      <c r="CT26" s="71">
        <v>8</v>
      </c>
      <c r="CU26" s="72">
        <v>103</v>
      </c>
      <c r="CV26" s="73">
        <v>127</v>
      </c>
      <c r="CW26" s="126">
        <v>7</v>
      </c>
      <c r="CX26" s="82">
        <v>8</v>
      </c>
      <c r="CY26" s="83">
        <v>15</v>
      </c>
      <c r="CZ26" s="273"/>
      <c r="DA26" s="82">
        <v>9</v>
      </c>
      <c r="DB26" s="82">
        <v>12</v>
      </c>
      <c r="DC26" s="82">
        <v>5</v>
      </c>
      <c r="DD26" s="82">
        <v>10</v>
      </c>
      <c r="DE26" s="82">
        <v>4</v>
      </c>
      <c r="DF26" s="84">
        <v>40</v>
      </c>
      <c r="DG26" s="85">
        <v>55</v>
      </c>
      <c r="DH26" s="70">
        <v>0</v>
      </c>
      <c r="DI26" s="71">
        <v>0</v>
      </c>
      <c r="DJ26" s="72">
        <v>0</v>
      </c>
      <c r="DK26" s="276"/>
      <c r="DL26" s="71">
        <v>0</v>
      </c>
      <c r="DM26" s="71">
        <v>1</v>
      </c>
      <c r="DN26" s="71">
        <v>1</v>
      </c>
      <c r="DO26" s="71">
        <v>0</v>
      </c>
      <c r="DP26" s="71">
        <v>0</v>
      </c>
      <c r="DQ26" s="72">
        <v>2</v>
      </c>
      <c r="DR26" s="73">
        <v>2</v>
      </c>
      <c r="DS26" s="70">
        <v>1</v>
      </c>
      <c r="DT26" s="71">
        <v>0</v>
      </c>
      <c r="DU26" s="72">
        <v>1</v>
      </c>
      <c r="DV26" s="276"/>
      <c r="DW26" s="71">
        <v>0</v>
      </c>
      <c r="DX26" s="71">
        <v>2</v>
      </c>
      <c r="DY26" s="71">
        <v>0</v>
      </c>
      <c r="DZ26" s="71">
        <v>0</v>
      </c>
      <c r="EA26" s="71">
        <v>1</v>
      </c>
      <c r="EB26" s="72">
        <v>3</v>
      </c>
      <c r="EC26" s="73">
        <v>4</v>
      </c>
      <c r="ED26" s="70">
        <v>1</v>
      </c>
      <c r="EE26" s="71">
        <v>4</v>
      </c>
      <c r="EF26" s="72">
        <v>5</v>
      </c>
      <c r="EG26" s="276"/>
      <c r="EH26" s="71">
        <v>0</v>
      </c>
      <c r="EI26" s="71">
        <v>0</v>
      </c>
      <c r="EJ26" s="71">
        <v>0</v>
      </c>
      <c r="EK26" s="71">
        <v>0</v>
      </c>
      <c r="EL26" s="71">
        <v>0</v>
      </c>
      <c r="EM26" s="72">
        <v>0</v>
      </c>
      <c r="EN26" s="73">
        <v>5</v>
      </c>
      <c r="EO26" s="70">
        <v>1</v>
      </c>
      <c r="EP26" s="71">
        <v>2</v>
      </c>
      <c r="EQ26" s="72">
        <v>3</v>
      </c>
      <c r="ER26" s="276"/>
      <c r="ES26" s="71">
        <v>0</v>
      </c>
      <c r="ET26" s="71">
        <v>1</v>
      </c>
      <c r="EU26" s="71">
        <v>1</v>
      </c>
      <c r="EV26" s="71">
        <v>0</v>
      </c>
      <c r="EW26" s="71">
        <v>0</v>
      </c>
      <c r="EX26" s="72">
        <v>2</v>
      </c>
      <c r="EY26" s="73">
        <v>5</v>
      </c>
      <c r="EZ26" s="70">
        <v>3</v>
      </c>
      <c r="FA26" s="71">
        <v>1</v>
      </c>
      <c r="FB26" s="72">
        <v>4</v>
      </c>
      <c r="FC26" s="276"/>
      <c r="FD26" s="71">
        <v>2</v>
      </c>
      <c r="FE26" s="71">
        <v>4</v>
      </c>
      <c r="FF26" s="71">
        <v>0</v>
      </c>
      <c r="FG26" s="71">
        <v>1</v>
      </c>
      <c r="FH26" s="71">
        <v>1</v>
      </c>
      <c r="FI26" s="72">
        <v>8</v>
      </c>
      <c r="FJ26" s="73">
        <v>12</v>
      </c>
      <c r="FK26" s="70">
        <v>1</v>
      </c>
      <c r="FL26" s="71">
        <v>1</v>
      </c>
      <c r="FM26" s="72">
        <v>2</v>
      </c>
      <c r="FN26" s="276"/>
      <c r="FO26" s="71">
        <v>7</v>
      </c>
      <c r="FP26" s="71">
        <v>4</v>
      </c>
      <c r="FQ26" s="71">
        <v>3</v>
      </c>
      <c r="FR26" s="71">
        <v>9</v>
      </c>
      <c r="FS26" s="71">
        <v>2</v>
      </c>
      <c r="FT26" s="72">
        <v>25</v>
      </c>
      <c r="FU26" s="73">
        <v>27</v>
      </c>
      <c r="FV26" s="70">
        <v>0</v>
      </c>
      <c r="FW26" s="71">
        <v>0</v>
      </c>
      <c r="FX26" s="72">
        <v>0</v>
      </c>
      <c r="FY26" s="276"/>
      <c r="FZ26" s="71">
        <v>0</v>
      </c>
      <c r="GA26" s="71">
        <v>0</v>
      </c>
      <c r="GB26" s="71">
        <v>0</v>
      </c>
      <c r="GC26" s="71">
        <v>0</v>
      </c>
      <c r="GD26" s="71">
        <v>0</v>
      </c>
      <c r="GE26" s="72">
        <v>0</v>
      </c>
      <c r="GF26" s="73">
        <v>0</v>
      </c>
      <c r="GG26" s="70">
        <v>7</v>
      </c>
      <c r="GH26" s="71">
        <v>8</v>
      </c>
      <c r="GI26" s="72">
        <v>15</v>
      </c>
      <c r="GJ26" s="276"/>
      <c r="GK26" s="71">
        <v>9</v>
      </c>
      <c r="GL26" s="71">
        <v>12</v>
      </c>
      <c r="GM26" s="71">
        <v>5</v>
      </c>
      <c r="GN26" s="71">
        <v>10</v>
      </c>
      <c r="GO26" s="71">
        <v>4</v>
      </c>
      <c r="GP26" s="72">
        <v>40</v>
      </c>
      <c r="GQ26" s="73">
        <v>55</v>
      </c>
      <c r="GR26" s="126">
        <v>19</v>
      </c>
      <c r="GS26" s="82">
        <v>20</v>
      </c>
      <c r="GT26" s="83">
        <v>39</v>
      </c>
      <c r="GU26" s="273"/>
      <c r="GV26" s="82">
        <v>37</v>
      </c>
      <c r="GW26" s="82">
        <v>39</v>
      </c>
      <c r="GX26" s="82">
        <v>26</v>
      </c>
      <c r="GY26" s="82">
        <v>29</v>
      </c>
      <c r="GZ26" s="82">
        <v>12</v>
      </c>
      <c r="HA26" s="84">
        <v>143</v>
      </c>
      <c r="HB26" s="85">
        <v>182</v>
      </c>
      <c r="HC26" s="70">
        <v>0</v>
      </c>
      <c r="HD26" s="71">
        <v>0</v>
      </c>
      <c r="HE26" s="72">
        <v>0</v>
      </c>
      <c r="HF26" s="276"/>
      <c r="HG26" s="71">
        <v>0</v>
      </c>
      <c r="HH26" s="71">
        <v>2</v>
      </c>
      <c r="HI26" s="71">
        <v>1</v>
      </c>
      <c r="HJ26" s="71">
        <v>1</v>
      </c>
      <c r="HK26" s="71">
        <v>0</v>
      </c>
      <c r="HL26" s="72">
        <v>4</v>
      </c>
      <c r="HM26" s="73">
        <v>4</v>
      </c>
      <c r="HN26" s="70">
        <v>3</v>
      </c>
      <c r="HO26" s="71">
        <v>2</v>
      </c>
      <c r="HP26" s="72">
        <v>5</v>
      </c>
      <c r="HQ26" s="276"/>
      <c r="HR26" s="71">
        <v>4</v>
      </c>
      <c r="HS26" s="71">
        <v>6</v>
      </c>
      <c r="HT26" s="71">
        <v>0</v>
      </c>
      <c r="HU26" s="71">
        <v>1</v>
      </c>
      <c r="HV26" s="71">
        <v>3</v>
      </c>
      <c r="HW26" s="72">
        <v>14</v>
      </c>
      <c r="HX26" s="73">
        <v>19</v>
      </c>
      <c r="HY26" s="70">
        <v>5</v>
      </c>
      <c r="HZ26" s="71">
        <v>4</v>
      </c>
      <c r="IA26" s="72">
        <v>9</v>
      </c>
      <c r="IB26" s="276"/>
      <c r="IC26" s="71">
        <v>5</v>
      </c>
      <c r="ID26" s="71">
        <v>4</v>
      </c>
      <c r="IE26" s="71">
        <v>2</v>
      </c>
      <c r="IF26" s="71">
        <v>2</v>
      </c>
      <c r="IG26" s="71">
        <v>1</v>
      </c>
      <c r="IH26" s="72">
        <v>14</v>
      </c>
      <c r="II26" s="73">
        <v>23</v>
      </c>
      <c r="IJ26" s="70">
        <v>3</v>
      </c>
      <c r="IK26" s="71">
        <v>6</v>
      </c>
      <c r="IL26" s="72">
        <v>9</v>
      </c>
      <c r="IM26" s="276"/>
      <c r="IN26" s="71">
        <v>5</v>
      </c>
      <c r="IO26" s="71">
        <v>9</v>
      </c>
      <c r="IP26" s="71">
        <v>10</v>
      </c>
      <c r="IQ26" s="71">
        <v>3</v>
      </c>
      <c r="IR26" s="71">
        <v>1</v>
      </c>
      <c r="IS26" s="72">
        <v>28</v>
      </c>
      <c r="IT26" s="73">
        <v>37</v>
      </c>
      <c r="IU26" s="70">
        <v>5</v>
      </c>
      <c r="IV26" s="71">
        <v>6</v>
      </c>
      <c r="IW26" s="72">
        <v>11</v>
      </c>
      <c r="IX26" s="276"/>
      <c r="IY26" s="71">
        <v>8</v>
      </c>
      <c r="IZ26" s="71">
        <v>11</v>
      </c>
      <c r="JA26" s="71">
        <v>6</v>
      </c>
      <c r="JB26" s="71">
        <v>6</v>
      </c>
      <c r="JC26" s="71">
        <v>3</v>
      </c>
      <c r="JD26" s="72">
        <v>34</v>
      </c>
      <c r="JE26" s="73">
        <v>45</v>
      </c>
      <c r="JF26" s="70">
        <v>3</v>
      </c>
      <c r="JG26" s="71">
        <v>2</v>
      </c>
      <c r="JH26" s="72">
        <v>5</v>
      </c>
      <c r="JI26" s="276"/>
      <c r="JJ26" s="71">
        <v>15</v>
      </c>
      <c r="JK26" s="71">
        <v>7</v>
      </c>
      <c r="JL26" s="71">
        <v>7</v>
      </c>
      <c r="JM26" s="71">
        <v>16</v>
      </c>
      <c r="JN26" s="71">
        <v>4</v>
      </c>
      <c r="JO26" s="72">
        <v>49</v>
      </c>
      <c r="JP26" s="73">
        <v>54</v>
      </c>
      <c r="JQ26" s="70">
        <v>0</v>
      </c>
      <c r="JR26" s="71">
        <v>0</v>
      </c>
      <c r="JS26" s="72">
        <v>0</v>
      </c>
      <c r="JT26" s="276"/>
      <c r="JU26" s="71">
        <v>0</v>
      </c>
      <c r="JV26" s="71">
        <v>0</v>
      </c>
      <c r="JW26" s="71">
        <v>0</v>
      </c>
      <c r="JX26" s="71">
        <v>0</v>
      </c>
      <c r="JY26" s="71">
        <v>0</v>
      </c>
      <c r="JZ26" s="72">
        <v>0</v>
      </c>
      <c r="KA26" s="73">
        <v>0</v>
      </c>
      <c r="KB26" s="70">
        <v>19</v>
      </c>
      <c r="KC26" s="71">
        <v>20</v>
      </c>
      <c r="KD26" s="72">
        <v>39</v>
      </c>
      <c r="KE26" s="276"/>
      <c r="KF26" s="71">
        <v>37</v>
      </c>
      <c r="KG26" s="71">
        <v>39</v>
      </c>
      <c r="KH26" s="71">
        <v>26</v>
      </c>
      <c r="KI26" s="71">
        <v>29</v>
      </c>
      <c r="KJ26" s="71">
        <v>12</v>
      </c>
      <c r="KK26" s="72">
        <v>143</v>
      </c>
      <c r="KL26" s="73">
        <v>182</v>
      </c>
    </row>
    <row r="27" spans="1:298" ht="19.5" customHeight="1" x14ac:dyDescent="0.2">
      <c r="A27" s="129" t="s">
        <v>24</v>
      </c>
      <c r="B27" s="350">
        <v>23</v>
      </c>
      <c r="C27" s="82">
        <v>15</v>
      </c>
      <c r="D27" s="83">
        <v>38</v>
      </c>
      <c r="E27" s="273"/>
      <c r="F27" s="82">
        <v>32</v>
      </c>
      <c r="G27" s="82">
        <v>19</v>
      </c>
      <c r="H27" s="82">
        <v>14</v>
      </c>
      <c r="I27" s="82">
        <v>17</v>
      </c>
      <c r="J27" s="82">
        <v>12</v>
      </c>
      <c r="K27" s="84">
        <v>94</v>
      </c>
      <c r="L27" s="85">
        <v>132</v>
      </c>
      <c r="M27" s="70">
        <v>0</v>
      </c>
      <c r="N27" s="71">
        <v>0</v>
      </c>
      <c r="O27" s="72">
        <v>0</v>
      </c>
      <c r="P27" s="276"/>
      <c r="Q27" s="71">
        <v>0</v>
      </c>
      <c r="R27" s="71">
        <v>0</v>
      </c>
      <c r="S27" s="71">
        <v>0</v>
      </c>
      <c r="T27" s="71">
        <v>0</v>
      </c>
      <c r="U27" s="71">
        <v>1</v>
      </c>
      <c r="V27" s="72">
        <v>1</v>
      </c>
      <c r="W27" s="73">
        <v>1</v>
      </c>
      <c r="X27" s="70">
        <v>0</v>
      </c>
      <c r="Y27" s="71">
        <v>0</v>
      </c>
      <c r="Z27" s="72">
        <v>0</v>
      </c>
      <c r="AA27" s="276"/>
      <c r="AB27" s="71">
        <v>1</v>
      </c>
      <c r="AC27" s="71">
        <v>0</v>
      </c>
      <c r="AD27" s="71">
        <v>3</v>
      </c>
      <c r="AE27" s="71">
        <v>0</v>
      </c>
      <c r="AF27" s="71">
        <v>0</v>
      </c>
      <c r="AG27" s="72">
        <v>4</v>
      </c>
      <c r="AH27" s="73">
        <v>4</v>
      </c>
      <c r="AI27" s="70">
        <v>2</v>
      </c>
      <c r="AJ27" s="71">
        <v>0</v>
      </c>
      <c r="AK27" s="72">
        <v>2</v>
      </c>
      <c r="AL27" s="276"/>
      <c r="AM27" s="71">
        <v>3</v>
      </c>
      <c r="AN27" s="71">
        <v>3</v>
      </c>
      <c r="AO27" s="71">
        <v>1</v>
      </c>
      <c r="AP27" s="71">
        <v>1</v>
      </c>
      <c r="AQ27" s="71">
        <v>1</v>
      </c>
      <c r="AR27" s="72">
        <v>9</v>
      </c>
      <c r="AS27" s="73">
        <v>11</v>
      </c>
      <c r="AT27" s="70">
        <v>8</v>
      </c>
      <c r="AU27" s="71">
        <v>6</v>
      </c>
      <c r="AV27" s="72">
        <v>14</v>
      </c>
      <c r="AW27" s="276"/>
      <c r="AX27" s="71">
        <v>10</v>
      </c>
      <c r="AY27" s="71">
        <v>5</v>
      </c>
      <c r="AZ27" s="71">
        <v>3</v>
      </c>
      <c r="BA27" s="71">
        <v>5</v>
      </c>
      <c r="BB27" s="71">
        <v>2</v>
      </c>
      <c r="BC27" s="72">
        <v>25</v>
      </c>
      <c r="BD27" s="73">
        <v>39</v>
      </c>
      <c r="BE27" s="70">
        <v>10</v>
      </c>
      <c r="BF27" s="71">
        <v>4</v>
      </c>
      <c r="BG27" s="72">
        <v>14</v>
      </c>
      <c r="BH27" s="276"/>
      <c r="BI27" s="71">
        <v>12</v>
      </c>
      <c r="BJ27" s="71">
        <v>6</v>
      </c>
      <c r="BK27" s="71">
        <v>3</v>
      </c>
      <c r="BL27" s="71">
        <v>3</v>
      </c>
      <c r="BM27" s="71">
        <v>5</v>
      </c>
      <c r="BN27" s="72">
        <v>29</v>
      </c>
      <c r="BO27" s="73">
        <v>43</v>
      </c>
      <c r="BP27" s="70">
        <v>3</v>
      </c>
      <c r="BQ27" s="71">
        <v>5</v>
      </c>
      <c r="BR27" s="72">
        <v>8</v>
      </c>
      <c r="BS27" s="276"/>
      <c r="BT27" s="71">
        <v>6</v>
      </c>
      <c r="BU27" s="71">
        <v>5</v>
      </c>
      <c r="BV27" s="71">
        <v>4</v>
      </c>
      <c r="BW27" s="71">
        <v>8</v>
      </c>
      <c r="BX27" s="71">
        <v>3</v>
      </c>
      <c r="BY27" s="72">
        <v>26</v>
      </c>
      <c r="BZ27" s="73">
        <v>34</v>
      </c>
      <c r="CA27" s="70">
        <v>0</v>
      </c>
      <c r="CB27" s="71">
        <v>0</v>
      </c>
      <c r="CC27" s="72">
        <v>0</v>
      </c>
      <c r="CD27" s="276"/>
      <c r="CE27" s="71">
        <v>0</v>
      </c>
      <c r="CF27" s="71">
        <v>0</v>
      </c>
      <c r="CG27" s="71">
        <v>0</v>
      </c>
      <c r="CH27" s="71">
        <v>0</v>
      </c>
      <c r="CI27" s="71">
        <v>0</v>
      </c>
      <c r="CJ27" s="72">
        <v>0</v>
      </c>
      <c r="CK27" s="73">
        <v>0</v>
      </c>
      <c r="CL27" s="70">
        <v>23</v>
      </c>
      <c r="CM27" s="71">
        <v>15</v>
      </c>
      <c r="CN27" s="72">
        <v>38</v>
      </c>
      <c r="CO27" s="276"/>
      <c r="CP27" s="71">
        <v>32</v>
      </c>
      <c r="CQ27" s="71">
        <v>19</v>
      </c>
      <c r="CR27" s="71">
        <v>14</v>
      </c>
      <c r="CS27" s="71">
        <v>17</v>
      </c>
      <c r="CT27" s="71">
        <v>12</v>
      </c>
      <c r="CU27" s="72">
        <v>94</v>
      </c>
      <c r="CV27" s="73">
        <v>132</v>
      </c>
      <c r="CW27" s="126">
        <v>9</v>
      </c>
      <c r="CX27" s="82">
        <v>4</v>
      </c>
      <c r="CY27" s="83">
        <v>13</v>
      </c>
      <c r="CZ27" s="273"/>
      <c r="DA27" s="82">
        <v>8</v>
      </c>
      <c r="DB27" s="82">
        <v>9</v>
      </c>
      <c r="DC27" s="82">
        <v>3</v>
      </c>
      <c r="DD27" s="82">
        <v>4</v>
      </c>
      <c r="DE27" s="82">
        <v>3</v>
      </c>
      <c r="DF27" s="84">
        <v>27</v>
      </c>
      <c r="DG27" s="85">
        <v>40</v>
      </c>
      <c r="DH27" s="70">
        <v>0</v>
      </c>
      <c r="DI27" s="71">
        <v>0</v>
      </c>
      <c r="DJ27" s="72">
        <v>0</v>
      </c>
      <c r="DK27" s="276"/>
      <c r="DL27" s="71">
        <v>0</v>
      </c>
      <c r="DM27" s="71">
        <v>0</v>
      </c>
      <c r="DN27" s="71">
        <v>0</v>
      </c>
      <c r="DO27" s="71">
        <v>0</v>
      </c>
      <c r="DP27" s="71">
        <v>0</v>
      </c>
      <c r="DQ27" s="72">
        <v>0</v>
      </c>
      <c r="DR27" s="73">
        <v>0</v>
      </c>
      <c r="DS27" s="70">
        <v>0</v>
      </c>
      <c r="DT27" s="71">
        <v>0</v>
      </c>
      <c r="DU27" s="72">
        <v>0</v>
      </c>
      <c r="DV27" s="276"/>
      <c r="DW27" s="71">
        <v>1</v>
      </c>
      <c r="DX27" s="71">
        <v>0</v>
      </c>
      <c r="DY27" s="71">
        <v>0</v>
      </c>
      <c r="DZ27" s="71">
        <v>1</v>
      </c>
      <c r="EA27" s="71">
        <v>1</v>
      </c>
      <c r="EB27" s="72">
        <v>3</v>
      </c>
      <c r="EC27" s="73">
        <v>3</v>
      </c>
      <c r="ED27" s="70">
        <v>1</v>
      </c>
      <c r="EE27" s="71">
        <v>0</v>
      </c>
      <c r="EF27" s="72">
        <v>1</v>
      </c>
      <c r="EG27" s="276"/>
      <c r="EH27" s="71">
        <v>1</v>
      </c>
      <c r="EI27" s="71">
        <v>1</v>
      </c>
      <c r="EJ27" s="71">
        <v>0</v>
      </c>
      <c r="EK27" s="71">
        <v>0</v>
      </c>
      <c r="EL27" s="71">
        <v>0</v>
      </c>
      <c r="EM27" s="72">
        <v>2</v>
      </c>
      <c r="EN27" s="73">
        <v>3</v>
      </c>
      <c r="EO27" s="70">
        <v>1</v>
      </c>
      <c r="EP27" s="71">
        <v>2</v>
      </c>
      <c r="EQ27" s="72">
        <v>3</v>
      </c>
      <c r="ER27" s="276"/>
      <c r="ES27" s="71">
        <v>1</v>
      </c>
      <c r="ET27" s="71">
        <v>2</v>
      </c>
      <c r="EU27" s="71">
        <v>2</v>
      </c>
      <c r="EV27" s="71">
        <v>0</v>
      </c>
      <c r="EW27" s="71">
        <v>0</v>
      </c>
      <c r="EX27" s="72">
        <v>5</v>
      </c>
      <c r="EY27" s="73">
        <v>8</v>
      </c>
      <c r="EZ27" s="70">
        <v>5</v>
      </c>
      <c r="FA27" s="71">
        <v>1</v>
      </c>
      <c r="FB27" s="72">
        <v>6</v>
      </c>
      <c r="FC27" s="276"/>
      <c r="FD27" s="71">
        <v>3</v>
      </c>
      <c r="FE27" s="71">
        <v>3</v>
      </c>
      <c r="FF27" s="71">
        <v>1</v>
      </c>
      <c r="FG27" s="71">
        <v>1</v>
      </c>
      <c r="FH27" s="71">
        <v>2</v>
      </c>
      <c r="FI27" s="72">
        <v>10</v>
      </c>
      <c r="FJ27" s="73">
        <v>16</v>
      </c>
      <c r="FK27" s="70">
        <v>2</v>
      </c>
      <c r="FL27" s="71">
        <v>1</v>
      </c>
      <c r="FM27" s="72">
        <v>3</v>
      </c>
      <c r="FN27" s="276"/>
      <c r="FO27" s="71">
        <v>2</v>
      </c>
      <c r="FP27" s="71">
        <v>3</v>
      </c>
      <c r="FQ27" s="71">
        <v>0</v>
      </c>
      <c r="FR27" s="71">
        <v>2</v>
      </c>
      <c r="FS27" s="71">
        <v>0</v>
      </c>
      <c r="FT27" s="72">
        <v>7</v>
      </c>
      <c r="FU27" s="73">
        <v>10</v>
      </c>
      <c r="FV27" s="70">
        <v>0</v>
      </c>
      <c r="FW27" s="71">
        <v>0</v>
      </c>
      <c r="FX27" s="72">
        <v>0</v>
      </c>
      <c r="FY27" s="276"/>
      <c r="FZ27" s="71">
        <v>0</v>
      </c>
      <c r="GA27" s="71">
        <v>0</v>
      </c>
      <c r="GB27" s="71">
        <v>0</v>
      </c>
      <c r="GC27" s="71">
        <v>0</v>
      </c>
      <c r="GD27" s="71">
        <v>0</v>
      </c>
      <c r="GE27" s="72">
        <v>0</v>
      </c>
      <c r="GF27" s="73">
        <v>0</v>
      </c>
      <c r="GG27" s="70">
        <v>9</v>
      </c>
      <c r="GH27" s="71">
        <v>4</v>
      </c>
      <c r="GI27" s="72">
        <v>13</v>
      </c>
      <c r="GJ27" s="276"/>
      <c r="GK27" s="71">
        <v>8</v>
      </c>
      <c r="GL27" s="71">
        <v>9</v>
      </c>
      <c r="GM27" s="71">
        <v>3</v>
      </c>
      <c r="GN27" s="71">
        <v>4</v>
      </c>
      <c r="GO27" s="71">
        <v>3</v>
      </c>
      <c r="GP27" s="72">
        <v>27</v>
      </c>
      <c r="GQ27" s="73">
        <v>40</v>
      </c>
      <c r="GR27" s="126">
        <v>32</v>
      </c>
      <c r="GS27" s="82">
        <v>19</v>
      </c>
      <c r="GT27" s="83">
        <v>51</v>
      </c>
      <c r="GU27" s="273"/>
      <c r="GV27" s="82">
        <v>40</v>
      </c>
      <c r="GW27" s="82">
        <v>28</v>
      </c>
      <c r="GX27" s="82">
        <v>17</v>
      </c>
      <c r="GY27" s="82">
        <v>21</v>
      </c>
      <c r="GZ27" s="82">
        <v>15</v>
      </c>
      <c r="HA27" s="84">
        <v>121</v>
      </c>
      <c r="HB27" s="85">
        <v>172</v>
      </c>
      <c r="HC27" s="70">
        <v>0</v>
      </c>
      <c r="HD27" s="71">
        <v>0</v>
      </c>
      <c r="HE27" s="72">
        <v>0</v>
      </c>
      <c r="HF27" s="276"/>
      <c r="HG27" s="71">
        <v>0</v>
      </c>
      <c r="HH27" s="71">
        <v>0</v>
      </c>
      <c r="HI27" s="71">
        <v>0</v>
      </c>
      <c r="HJ27" s="71">
        <v>0</v>
      </c>
      <c r="HK27" s="71">
        <v>1</v>
      </c>
      <c r="HL27" s="72">
        <v>1</v>
      </c>
      <c r="HM27" s="73">
        <v>1</v>
      </c>
      <c r="HN27" s="70">
        <v>0</v>
      </c>
      <c r="HO27" s="71">
        <v>0</v>
      </c>
      <c r="HP27" s="72">
        <v>0</v>
      </c>
      <c r="HQ27" s="276"/>
      <c r="HR27" s="71">
        <v>2</v>
      </c>
      <c r="HS27" s="71">
        <v>0</v>
      </c>
      <c r="HT27" s="71">
        <v>3</v>
      </c>
      <c r="HU27" s="71">
        <v>1</v>
      </c>
      <c r="HV27" s="71">
        <v>1</v>
      </c>
      <c r="HW27" s="72">
        <v>7</v>
      </c>
      <c r="HX27" s="73">
        <v>7</v>
      </c>
      <c r="HY27" s="70">
        <v>3</v>
      </c>
      <c r="HZ27" s="71">
        <v>0</v>
      </c>
      <c r="IA27" s="72">
        <v>3</v>
      </c>
      <c r="IB27" s="276"/>
      <c r="IC27" s="71">
        <v>4</v>
      </c>
      <c r="ID27" s="71">
        <v>4</v>
      </c>
      <c r="IE27" s="71">
        <v>1</v>
      </c>
      <c r="IF27" s="71">
        <v>1</v>
      </c>
      <c r="IG27" s="71">
        <v>1</v>
      </c>
      <c r="IH27" s="72">
        <v>11</v>
      </c>
      <c r="II27" s="73">
        <v>14</v>
      </c>
      <c r="IJ27" s="70">
        <v>9</v>
      </c>
      <c r="IK27" s="71">
        <v>8</v>
      </c>
      <c r="IL27" s="72">
        <v>17</v>
      </c>
      <c r="IM27" s="276"/>
      <c r="IN27" s="71">
        <v>11</v>
      </c>
      <c r="IO27" s="71">
        <v>7</v>
      </c>
      <c r="IP27" s="71">
        <v>5</v>
      </c>
      <c r="IQ27" s="71">
        <v>5</v>
      </c>
      <c r="IR27" s="71">
        <v>2</v>
      </c>
      <c r="IS27" s="72">
        <v>30</v>
      </c>
      <c r="IT27" s="73">
        <v>47</v>
      </c>
      <c r="IU27" s="70">
        <v>15</v>
      </c>
      <c r="IV27" s="71">
        <v>5</v>
      </c>
      <c r="IW27" s="72">
        <v>20</v>
      </c>
      <c r="IX27" s="276"/>
      <c r="IY27" s="71">
        <v>15</v>
      </c>
      <c r="IZ27" s="71">
        <v>9</v>
      </c>
      <c r="JA27" s="71">
        <v>4</v>
      </c>
      <c r="JB27" s="71">
        <v>4</v>
      </c>
      <c r="JC27" s="71">
        <v>7</v>
      </c>
      <c r="JD27" s="72">
        <v>39</v>
      </c>
      <c r="JE27" s="73">
        <v>59</v>
      </c>
      <c r="JF27" s="70">
        <v>5</v>
      </c>
      <c r="JG27" s="71">
        <v>6</v>
      </c>
      <c r="JH27" s="72">
        <v>11</v>
      </c>
      <c r="JI27" s="276"/>
      <c r="JJ27" s="71">
        <v>8</v>
      </c>
      <c r="JK27" s="71">
        <v>8</v>
      </c>
      <c r="JL27" s="71">
        <v>4</v>
      </c>
      <c r="JM27" s="71">
        <v>10</v>
      </c>
      <c r="JN27" s="71">
        <v>3</v>
      </c>
      <c r="JO27" s="72">
        <v>33</v>
      </c>
      <c r="JP27" s="73">
        <v>44</v>
      </c>
      <c r="JQ27" s="70">
        <v>0</v>
      </c>
      <c r="JR27" s="71">
        <v>0</v>
      </c>
      <c r="JS27" s="72">
        <v>0</v>
      </c>
      <c r="JT27" s="276"/>
      <c r="JU27" s="71">
        <v>0</v>
      </c>
      <c r="JV27" s="71">
        <v>0</v>
      </c>
      <c r="JW27" s="71">
        <v>0</v>
      </c>
      <c r="JX27" s="71">
        <v>0</v>
      </c>
      <c r="JY27" s="71">
        <v>0</v>
      </c>
      <c r="JZ27" s="72">
        <v>0</v>
      </c>
      <c r="KA27" s="73">
        <v>0</v>
      </c>
      <c r="KB27" s="70">
        <v>32</v>
      </c>
      <c r="KC27" s="71">
        <v>19</v>
      </c>
      <c r="KD27" s="72">
        <v>51</v>
      </c>
      <c r="KE27" s="276"/>
      <c r="KF27" s="71">
        <v>40</v>
      </c>
      <c r="KG27" s="71">
        <v>28</v>
      </c>
      <c r="KH27" s="71">
        <v>17</v>
      </c>
      <c r="KI27" s="71">
        <v>21</v>
      </c>
      <c r="KJ27" s="71">
        <v>15</v>
      </c>
      <c r="KK27" s="72">
        <v>121</v>
      </c>
      <c r="KL27" s="73">
        <v>172</v>
      </c>
    </row>
    <row r="28" spans="1:298" ht="19.5" customHeight="1" x14ac:dyDescent="0.2">
      <c r="A28" s="129" t="s">
        <v>25</v>
      </c>
      <c r="B28" s="350">
        <v>6</v>
      </c>
      <c r="C28" s="82">
        <v>12</v>
      </c>
      <c r="D28" s="83">
        <v>18</v>
      </c>
      <c r="E28" s="273"/>
      <c r="F28" s="82">
        <v>13</v>
      </c>
      <c r="G28" s="82">
        <v>6</v>
      </c>
      <c r="H28" s="82">
        <v>7</v>
      </c>
      <c r="I28" s="82">
        <v>3</v>
      </c>
      <c r="J28" s="82">
        <v>5</v>
      </c>
      <c r="K28" s="84">
        <v>34</v>
      </c>
      <c r="L28" s="85">
        <v>52</v>
      </c>
      <c r="M28" s="70">
        <v>0</v>
      </c>
      <c r="N28" s="71">
        <v>1</v>
      </c>
      <c r="O28" s="72">
        <v>1</v>
      </c>
      <c r="P28" s="276"/>
      <c r="Q28" s="71">
        <v>0</v>
      </c>
      <c r="R28" s="71">
        <v>1</v>
      </c>
      <c r="S28" s="71">
        <v>0</v>
      </c>
      <c r="T28" s="71">
        <v>0</v>
      </c>
      <c r="U28" s="71">
        <v>1</v>
      </c>
      <c r="V28" s="72">
        <v>2</v>
      </c>
      <c r="W28" s="73">
        <v>3</v>
      </c>
      <c r="X28" s="70">
        <v>0</v>
      </c>
      <c r="Y28" s="71">
        <v>1</v>
      </c>
      <c r="Z28" s="72">
        <v>1</v>
      </c>
      <c r="AA28" s="276"/>
      <c r="AB28" s="71">
        <v>2</v>
      </c>
      <c r="AC28" s="71">
        <v>0</v>
      </c>
      <c r="AD28" s="71">
        <v>0</v>
      </c>
      <c r="AE28" s="71">
        <v>1</v>
      </c>
      <c r="AF28" s="71">
        <v>0</v>
      </c>
      <c r="AG28" s="72">
        <v>3</v>
      </c>
      <c r="AH28" s="73">
        <v>4</v>
      </c>
      <c r="AI28" s="70">
        <v>1</v>
      </c>
      <c r="AJ28" s="71">
        <v>3</v>
      </c>
      <c r="AK28" s="72">
        <v>4</v>
      </c>
      <c r="AL28" s="276"/>
      <c r="AM28" s="71">
        <v>2</v>
      </c>
      <c r="AN28" s="71">
        <v>1</v>
      </c>
      <c r="AO28" s="71">
        <v>0</v>
      </c>
      <c r="AP28" s="71">
        <v>1</v>
      </c>
      <c r="AQ28" s="71">
        <v>0</v>
      </c>
      <c r="AR28" s="72">
        <v>4</v>
      </c>
      <c r="AS28" s="73">
        <v>8</v>
      </c>
      <c r="AT28" s="70">
        <v>2</v>
      </c>
      <c r="AU28" s="71">
        <v>1</v>
      </c>
      <c r="AV28" s="72">
        <v>3</v>
      </c>
      <c r="AW28" s="276"/>
      <c r="AX28" s="71">
        <v>2</v>
      </c>
      <c r="AY28" s="71">
        <v>1</v>
      </c>
      <c r="AZ28" s="71">
        <v>5</v>
      </c>
      <c r="BA28" s="71">
        <v>1</v>
      </c>
      <c r="BB28" s="71">
        <v>0</v>
      </c>
      <c r="BC28" s="72">
        <v>9</v>
      </c>
      <c r="BD28" s="73">
        <v>12</v>
      </c>
      <c r="BE28" s="70">
        <v>2</v>
      </c>
      <c r="BF28" s="71">
        <v>4</v>
      </c>
      <c r="BG28" s="72">
        <v>6</v>
      </c>
      <c r="BH28" s="276"/>
      <c r="BI28" s="71">
        <v>5</v>
      </c>
      <c r="BJ28" s="71">
        <v>0</v>
      </c>
      <c r="BK28" s="71">
        <v>2</v>
      </c>
      <c r="BL28" s="71">
        <v>0</v>
      </c>
      <c r="BM28" s="71">
        <v>4</v>
      </c>
      <c r="BN28" s="72">
        <v>11</v>
      </c>
      <c r="BO28" s="73">
        <v>17</v>
      </c>
      <c r="BP28" s="70">
        <v>1</v>
      </c>
      <c r="BQ28" s="71">
        <v>2</v>
      </c>
      <c r="BR28" s="72">
        <v>3</v>
      </c>
      <c r="BS28" s="276"/>
      <c r="BT28" s="71">
        <v>2</v>
      </c>
      <c r="BU28" s="71">
        <v>3</v>
      </c>
      <c r="BV28" s="71">
        <v>0</v>
      </c>
      <c r="BW28" s="71">
        <v>0</v>
      </c>
      <c r="BX28" s="71">
        <v>0</v>
      </c>
      <c r="BY28" s="72">
        <v>5</v>
      </c>
      <c r="BZ28" s="73">
        <v>8</v>
      </c>
      <c r="CA28" s="70">
        <v>0</v>
      </c>
      <c r="CB28" s="71">
        <v>0</v>
      </c>
      <c r="CC28" s="72">
        <v>0</v>
      </c>
      <c r="CD28" s="276"/>
      <c r="CE28" s="71">
        <v>0</v>
      </c>
      <c r="CF28" s="71">
        <v>0</v>
      </c>
      <c r="CG28" s="71">
        <v>0</v>
      </c>
      <c r="CH28" s="71">
        <v>0</v>
      </c>
      <c r="CI28" s="71">
        <v>0</v>
      </c>
      <c r="CJ28" s="72">
        <v>0</v>
      </c>
      <c r="CK28" s="73">
        <v>0</v>
      </c>
      <c r="CL28" s="70">
        <v>6</v>
      </c>
      <c r="CM28" s="71">
        <v>12</v>
      </c>
      <c r="CN28" s="72">
        <v>18</v>
      </c>
      <c r="CO28" s="276"/>
      <c r="CP28" s="71">
        <v>13</v>
      </c>
      <c r="CQ28" s="71">
        <v>6</v>
      </c>
      <c r="CR28" s="71">
        <v>7</v>
      </c>
      <c r="CS28" s="71">
        <v>3</v>
      </c>
      <c r="CT28" s="71">
        <v>5</v>
      </c>
      <c r="CU28" s="72">
        <v>34</v>
      </c>
      <c r="CV28" s="73">
        <v>52</v>
      </c>
      <c r="CW28" s="126">
        <v>4</v>
      </c>
      <c r="CX28" s="82">
        <v>7</v>
      </c>
      <c r="CY28" s="83">
        <v>11</v>
      </c>
      <c r="CZ28" s="273"/>
      <c r="DA28" s="82">
        <v>12</v>
      </c>
      <c r="DB28" s="82">
        <v>5</v>
      </c>
      <c r="DC28" s="82">
        <v>2</v>
      </c>
      <c r="DD28" s="82">
        <v>7</v>
      </c>
      <c r="DE28" s="82">
        <v>2</v>
      </c>
      <c r="DF28" s="84">
        <v>28</v>
      </c>
      <c r="DG28" s="85">
        <v>39</v>
      </c>
      <c r="DH28" s="70">
        <v>0</v>
      </c>
      <c r="DI28" s="71">
        <v>0</v>
      </c>
      <c r="DJ28" s="72">
        <v>0</v>
      </c>
      <c r="DK28" s="276"/>
      <c r="DL28" s="71">
        <v>0</v>
      </c>
      <c r="DM28" s="71">
        <v>0</v>
      </c>
      <c r="DN28" s="71">
        <v>0</v>
      </c>
      <c r="DO28" s="71">
        <v>0</v>
      </c>
      <c r="DP28" s="71">
        <v>0</v>
      </c>
      <c r="DQ28" s="72">
        <v>0</v>
      </c>
      <c r="DR28" s="73">
        <v>0</v>
      </c>
      <c r="DS28" s="70">
        <v>0</v>
      </c>
      <c r="DT28" s="71">
        <v>0</v>
      </c>
      <c r="DU28" s="72">
        <v>0</v>
      </c>
      <c r="DV28" s="276"/>
      <c r="DW28" s="71">
        <v>1</v>
      </c>
      <c r="DX28" s="71">
        <v>0</v>
      </c>
      <c r="DY28" s="71">
        <v>0</v>
      </c>
      <c r="DZ28" s="71">
        <v>1</v>
      </c>
      <c r="EA28" s="71">
        <v>1</v>
      </c>
      <c r="EB28" s="72">
        <v>3</v>
      </c>
      <c r="EC28" s="73">
        <v>3</v>
      </c>
      <c r="ED28" s="70">
        <v>1</v>
      </c>
      <c r="EE28" s="71">
        <v>2</v>
      </c>
      <c r="EF28" s="72">
        <v>3</v>
      </c>
      <c r="EG28" s="276"/>
      <c r="EH28" s="71">
        <v>1</v>
      </c>
      <c r="EI28" s="71">
        <v>1</v>
      </c>
      <c r="EJ28" s="71">
        <v>0</v>
      </c>
      <c r="EK28" s="71">
        <v>0</v>
      </c>
      <c r="EL28" s="71">
        <v>0</v>
      </c>
      <c r="EM28" s="72">
        <v>2</v>
      </c>
      <c r="EN28" s="73">
        <v>5</v>
      </c>
      <c r="EO28" s="70">
        <v>0</v>
      </c>
      <c r="EP28" s="71">
        <v>1</v>
      </c>
      <c r="EQ28" s="72">
        <v>1</v>
      </c>
      <c r="ER28" s="276"/>
      <c r="ES28" s="71">
        <v>0</v>
      </c>
      <c r="ET28" s="71">
        <v>0</v>
      </c>
      <c r="EU28" s="71">
        <v>0</v>
      </c>
      <c r="EV28" s="71">
        <v>3</v>
      </c>
      <c r="EW28" s="71">
        <v>1</v>
      </c>
      <c r="EX28" s="72">
        <v>4</v>
      </c>
      <c r="EY28" s="73">
        <v>5</v>
      </c>
      <c r="EZ28" s="70">
        <v>1</v>
      </c>
      <c r="FA28" s="71">
        <v>2</v>
      </c>
      <c r="FB28" s="72">
        <v>3</v>
      </c>
      <c r="FC28" s="276"/>
      <c r="FD28" s="71">
        <v>5</v>
      </c>
      <c r="FE28" s="71">
        <v>0</v>
      </c>
      <c r="FF28" s="71">
        <v>1</v>
      </c>
      <c r="FG28" s="71">
        <v>2</v>
      </c>
      <c r="FH28" s="71">
        <v>0</v>
      </c>
      <c r="FI28" s="72">
        <v>8</v>
      </c>
      <c r="FJ28" s="73">
        <v>11</v>
      </c>
      <c r="FK28" s="70">
        <v>2</v>
      </c>
      <c r="FL28" s="71">
        <v>2</v>
      </c>
      <c r="FM28" s="72">
        <v>4</v>
      </c>
      <c r="FN28" s="276"/>
      <c r="FO28" s="71">
        <v>5</v>
      </c>
      <c r="FP28" s="71">
        <v>4</v>
      </c>
      <c r="FQ28" s="71">
        <v>1</v>
      </c>
      <c r="FR28" s="71">
        <v>1</v>
      </c>
      <c r="FS28" s="71">
        <v>0</v>
      </c>
      <c r="FT28" s="72">
        <v>11</v>
      </c>
      <c r="FU28" s="73">
        <v>15</v>
      </c>
      <c r="FV28" s="70">
        <v>0</v>
      </c>
      <c r="FW28" s="71">
        <v>0</v>
      </c>
      <c r="FX28" s="72">
        <v>0</v>
      </c>
      <c r="FY28" s="276"/>
      <c r="FZ28" s="71">
        <v>0</v>
      </c>
      <c r="GA28" s="71">
        <v>0</v>
      </c>
      <c r="GB28" s="71">
        <v>0</v>
      </c>
      <c r="GC28" s="71">
        <v>0</v>
      </c>
      <c r="GD28" s="71">
        <v>0</v>
      </c>
      <c r="GE28" s="72">
        <v>0</v>
      </c>
      <c r="GF28" s="73">
        <v>0</v>
      </c>
      <c r="GG28" s="70">
        <v>4</v>
      </c>
      <c r="GH28" s="71">
        <v>7</v>
      </c>
      <c r="GI28" s="72">
        <v>11</v>
      </c>
      <c r="GJ28" s="276"/>
      <c r="GK28" s="71">
        <v>12</v>
      </c>
      <c r="GL28" s="71">
        <v>5</v>
      </c>
      <c r="GM28" s="71">
        <v>2</v>
      </c>
      <c r="GN28" s="71">
        <v>7</v>
      </c>
      <c r="GO28" s="71">
        <v>2</v>
      </c>
      <c r="GP28" s="72">
        <v>28</v>
      </c>
      <c r="GQ28" s="73">
        <v>39</v>
      </c>
      <c r="GR28" s="126">
        <v>10</v>
      </c>
      <c r="GS28" s="82">
        <v>19</v>
      </c>
      <c r="GT28" s="83">
        <v>29</v>
      </c>
      <c r="GU28" s="273"/>
      <c r="GV28" s="82">
        <v>25</v>
      </c>
      <c r="GW28" s="82">
        <v>11</v>
      </c>
      <c r="GX28" s="82">
        <v>9</v>
      </c>
      <c r="GY28" s="82">
        <v>10</v>
      </c>
      <c r="GZ28" s="82">
        <v>7</v>
      </c>
      <c r="HA28" s="84">
        <v>62</v>
      </c>
      <c r="HB28" s="85">
        <v>91</v>
      </c>
      <c r="HC28" s="70">
        <v>0</v>
      </c>
      <c r="HD28" s="71">
        <v>1</v>
      </c>
      <c r="HE28" s="72">
        <v>1</v>
      </c>
      <c r="HF28" s="276"/>
      <c r="HG28" s="71">
        <v>0</v>
      </c>
      <c r="HH28" s="71">
        <v>1</v>
      </c>
      <c r="HI28" s="71">
        <v>0</v>
      </c>
      <c r="HJ28" s="71">
        <v>0</v>
      </c>
      <c r="HK28" s="71">
        <v>1</v>
      </c>
      <c r="HL28" s="72">
        <v>2</v>
      </c>
      <c r="HM28" s="73">
        <v>3</v>
      </c>
      <c r="HN28" s="70">
        <v>0</v>
      </c>
      <c r="HO28" s="71">
        <v>1</v>
      </c>
      <c r="HP28" s="72">
        <v>1</v>
      </c>
      <c r="HQ28" s="276"/>
      <c r="HR28" s="71">
        <v>3</v>
      </c>
      <c r="HS28" s="71">
        <v>0</v>
      </c>
      <c r="HT28" s="71">
        <v>0</v>
      </c>
      <c r="HU28" s="71">
        <v>2</v>
      </c>
      <c r="HV28" s="71">
        <v>1</v>
      </c>
      <c r="HW28" s="72">
        <v>6</v>
      </c>
      <c r="HX28" s="73">
        <v>7</v>
      </c>
      <c r="HY28" s="70">
        <v>2</v>
      </c>
      <c r="HZ28" s="71">
        <v>5</v>
      </c>
      <c r="IA28" s="72">
        <v>7</v>
      </c>
      <c r="IB28" s="276"/>
      <c r="IC28" s="71">
        <v>3</v>
      </c>
      <c r="ID28" s="71">
        <v>2</v>
      </c>
      <c r="IE28" s="71">
        <v>0</v>
      </c>
      <c r="IF28" s="71">
        <v>1</v>
      </c>
      <c r="IG28" s="71">
        <v>0</v>
      </c>
      <c r="IH28" s="72">
        <v>6</v>
      </c>
      <c r="II28" s="73">
        <v>13</v>
      </c>
      <c r="IJ28" s="70">
        <v>2</v>
      </c>
      <c r="IK28" s="71">
        <v>2</v>
      </c>
      <c r="IL28" s="72">
        <v>4</v>
      </c>
      <c r="IM28" s="276"/>
      <c r="IN28" s="71">
        <v>2</v>
      </c>
      <c r="IO28" s="71">
        <v>1</v>
      </c>
      <c r="IP28" s="71">
        <v>5</v>
      </c>
      <c r="IQ28" s="71">
        <v>4</v>
      </c>
      <c r="IR28" s="71">
        <v>1</v>
      </c>
      <c r="IS28" s="72">
        <v>13</v>
      </c>
      <c r="IT28" s="73">
        <v>17</v>
      </c>
      <c r="IU28" s="70">
        <v>3</v>
      </c>
      <c r="IV28" s="71">
        <v>6</v>
      </c>
      <c r="IW28" s="72">
        <v>9</v>
      </c>
      <c r="IX28" s="276"/>
      <c r="IY28" s="71">
        <v>10</v>
      </c>
      <c r="IZ28" s="71">
        <v>0</v>
      </c>
      <c r="JA28" s="71">
        <v>3</v>
      </c>
      <c r="JB28" s="71">
        <v>2</v>
      </c>
      <c r="JC28" s="71">
        <v>4</v>
      </c>
      <c r="JD28" s="72">
        <v>19</v>
      </c>
      <c r="JE28" s="73">
        <v>28</v>
      </c>
      <c r="JF28" s="70">
        <v>3</v>
      </c>
      <c r="JG28" s="71">
        <v>4</v>
      </c>
      <c r="JH28" s="72">
        <v>7</v>
      </c>
      <c r="JI28" s="276"/>
      <c r="JJ28" s="71">
        <v>7</v>
      </c>
      <c r="JK28" s="71">
        <v>7</v>
      </c>
      <c r="JL28" s="71">
        <v>1</v>
      </c>
      <c r="JM28" s="71">
        <v>1</v>
      </c>
      <c r="JN28" s="71">
        <v>0</v>
      </c>
      <c r="JO28" s="72">
        <v>16</v>
      </c>
      <c r="JP28" s="73">
        <v>23</v>
      </c>
      <c r="JQ28" s="70">
        <v>0</v>
      </c>
      <c r="JR28" s="71">
        <v>0</v>
      </c>
      <c r="JS28" s="72">
        <v>0</v>
      </c>
      <c r="JT28" s="276"/>
      <c r="JU28" s="71">
        <v>0</v>
      </c>
      <c r="JV28" s="71">
        <v>0</v>
      </c>
      <c r="JW28" s="71">
        <v>0</v>
      </c>
      <c r="JX28" s="71">
        <v>0</v>
      </c>
      <c r="JY28" s="71">
        <v>0</v>
      </c>
      <c r="JZ28" s="72">
        <v>0</v>
      </c>
      <c r="KA28" s="73">
        <v>0</v>
      </c>
      <c r="KB28" s="70">
        <v>10</v>
      </c>
      <c r="KC28" s="71">
        <v>19</v>
      </c>
      <c r="KD28" s="72">
        <v>29</v>
      </c>
      <c r="KE28" s="276"/>
      <c r="KF28" s="71">
        <v>25</v>
      </c>
      <c r="KG28" s="71">
        <v>11</v>
      </c>
      <c r="KH28" s="71">
        <v>9</v>
      </c>
      <c r="KI28" s="71">
        <v>10</v>
      </c>
      <c r="KJ28" s="71">
        <v>7</v>
      </c>
      <c r="KK28" s="72">
        <v>62</v>
      </c>
      <c r="KL28" s="73">
        <v>91</v>
      </c>
    </row>
    <row r="29" spans="1:298" ht="19.5" customHeight="1" x14ac:dyDescent="0.2">
      <c r="A29" s="129" t="s">
        <v>26</v>
      </c>
      <c r="B29" s="350">
        <v>16</v>
      </c>
      <c r="C29" s="82">
        <v>10</v>
      </c>
      <c r="D29" s="83">
        <v>26</v>
      </c>
      <c r="E29" s="273"/>
      <c r="F29" s="82">
        <v>26</v>
      </c>
      <c r="G29" s="82">
        <v>15</v>
      </c>
      <c r="H29" s="82">
        <v>10</v>
      </c>
      <c r="I29" s="82">
        <v>6</v>
      </c>
      <c r="J29" s="82">
        <v>4</v>
      </c>
      <c r="K29" s="84">
        <v>61</v>
      </c>
      <c r="L29" s="85">
        <v>87</v>
      </c>
      <c r="M29" s="70">
        <v>1</v>
      </c>
      <c r="N29" s="71">
        <v>0</v>
      </c>
      <c r="O29" s="72">
        <v>1</v>
      </c>
      <c r="P29" s="276"/>
      <c r="Q29" s="71">
        <v>1</v>
      </c>
      <c r="R29" s="71">
        <v>0</v>
      </c>
      <c r="S29" s="71">
        <v>0</v>
      </c>
      <c r="T29" s="71">
        <v>0</v>
      </c>
      <c r="U29" s="71">
        <v>0</v>
      </c>
      <c r="V29" s="72">
        <v>1</v>
      </c>
      <c r="W29" s="73">
        <v>2</v>
      </c>
      <c r="X29" s="70">
        <v>2</v>
      </c>
      <c r="Y29" s="71">
        <v>0</v>
      </c>
      <c r="Z29" s="72">
        <v>2</v>
      </c>
      <c r="AA29" s="276"/>
      <c r="AB29" s="71">
        <v>2</v>
      </c>
      <c r="AC29" s="71">
        <v>1</v>
      </c>
      <c r="AD29" s="71">
        <v>2</v>
      </c>
      <c r="AE29" s="71">
        <v>0</v>
      </c>
      <c r="AF29" s="71">
        <v>0</v>
      </c>
      <c r="AG29" s="72">
        <v>5</v>
      </c>
      <c r="AH29" s="73">
        <v>7</v>
      </c>
      <c r="AI29" s="70">
        <v>2</v>
      </c>
      <c r="AJ29" s="71">
        <v>2</v>
      </c>
      <c r="AK29" s="72">
        <v>4</v>
      </c>
      <c r="AL29" s="276"/>
      <c r="AM29" s="71">
        <v>2</v>
      </c>
      <c r="AN29" s="71">
        <v>2</v>
      </c>
      <c r="AO29" s="71">
        <v>2</v>
      </c>
      <c r="AP29" s="71">
        <v>1</v>
      </c>
      <c r="AQ29" s="71">
        <v>0</v>
      </c>
      <c r="AR29" s="72">
        <v>7</v>
      </c>
      <c r="AS29" s="73">
        <v>11</v>
      </c>
      <c r="AT29" s="70">
        <v>3</v>
      </c>
      <c r="AU29" s="71">
        <v>1</v>
      </c>
      <c r="AV29" s="72">
        <v>4</v>
      </c>
      <c r="AW29" s="276"/>
      <c r="AX29" s="71">
        <v>7</v>
      </c>
      <c r="AY29" s="71">
        <v>3</v>
      </c>
      <c r="AZ29" s="71">
        <v>1</v>
      </c>
      <c r="BA29" s="71">
        <v>1</v>
      </c>
      <c r="BB29" s="71">
        <v>1</v>
      </c>
      <c r="BC29" s="72">
        <v>13</v>
      </c>
      <c r="BD29" s="73">
        <v>17</v>
      </c>
      <c r="BE29" s="70">
        <v>6</v>
      </c>
      <c r="BF29" s="71">
        <v>3</v>
      </c>
      <c r="BG29" s="72">
        <v>9</v>
      </c>
      <c r="BH29" s="276"/>
      <c r="BI29" s="71">
        <v>2</v>
      </c>
      <c r="BJ29" s="71">
        <v>5</v>
      </c>
      <c r="BK29" s="71">
        <v>1</v>
      </c>
      <c r="BL29" s="71">
        <v>1</v>
      </c>
      <c r="BM29" s="71">
        <v>2</v>
      </c>
      <c r="BN29" s="72">
        <v>11</v>
      </c>
      <c r="BO29" s="73">
        <v>20</v>
      </c>
      <c r="BP29" s="70">
        <v>2</v>
      </c>
      <c r="BQ29" s="71">
        <v>4</v>
      </c>
      <c r="BR29" s="72">
        <v>6</v>
      </c>
      <c r="BS29" s="276"/>
      <c r="BT29" s="71">
        <v>12</v>
      </c>
      <c r="BU29" s="71">
        <v>4</v>
      </c>
      <c r="BV29" s="71">
        <v>4</v>
      </c>
      <c r="BW29" s="71">
        <v>3</v>
      </c>
      <c r="BX29" s="71">
        <v>1</v>
      </c>
      <c r="BY29" s="72">
        <v>24</v>
      </c>
      <c r="BZ29" s="73">
        <v>30</v>
      </c>
      <c r="CA29" s="70">
        <v>0</v>
      </c>
      <c r="CB29" s="71">
        <v>0</v>
      </c>
      <c r="CC29" s="72">
        <v>0</v>
      </c>
      <c r="CD29" s="276"/>
      <c r="CE29" s="71">
        <v>0</v>
      </c>
      <c r="CF29" s="71">
        <v>0</v>
      </c>
      <c r="CG29" s="71">
        <v>0</v>
      </c>
      <c r="CH29" s="71">
        <v>0</v>
      </c>
      <c r="CI29" s="71">
        <v>0</v>
      </c>
      <c r="CJ29" s="72">
        <v>0</v>
      </c>
      <c r="CK29" s="73">
        <v>0</v>
      </c>
      <c r="CL29" s="70">
        <v>16</v>
      </c>
      <c r="CM29" s="71">
        <v>10</v>
      </c>
      <c r="CN29" s="72">
        <v>26</v>
      </c>
      <c r="CO29" s="276"/>
      <c r="CP29" s="71">
        <v>26</v>
      </c>
      <c r="CQ29" s="71">
        <v>15</v>
      </c>
      <c r="CR29" s="71">
        <v>10</v>
      </c>
      <c r="CS29" s="71">
        <v>6</v>
      </c>
      <c r="CT29" s="71">
        <v>4</v>
      </c>
      <c r="CU29" s="72">
        <v>61</v>
      </c>
      <c r="CV29" s="73">
        <v>87</v>
      </c>
      <c r="CW29" s="126">
        <v>6</v>
      </c>
      <c r="CX29" s="82">
        <v>4</v>
      </c>
      <c r="CY29" s="83">
        <v>10</v>
      </c>
      <c r="CZ29" s="273"/>
      <c r="DA29" s="82">
        <v>7</v>
      </c>
      <c r="DB29" s="82">
        <v>3</v>
      </c>
      <c r="DC29" s="82">
        <v>2</v>
      </c>
      <c r="DD29" s="82">
        <v>2</v>
      </c>
      <c r="DE29" s="82">
        <v>3</v>
      </c>
      <c r="DF29" s="84">
        <v>17</v>
      </c>
      <c r="DG29" s="85">
        <v>27</v>
      </c>
      <c r="DH29" s="70">
        <v>1</v>
      </c>
      <c r="DI29" s="71">
        <v>0</v>
      </c>
      <c r="DJ29" s="72">
        <v>1</v>
      </c>
      <c r="DK29" s="276"/>
      <c r="DL29" s="71">
        <v>0</v>
      </c>
      <c r="DM29" s="71">
        <v>0</v>
      </c>
      <c r="DN29" s="71">
        <v>0</v>
      </c>
      <c r="DO29" s="71">
        <v>0</v>
      </c>
      <c r="DP29" s="71">
        <v>0</v>
      </c>
      <c r="DQ29" s="72">
        <v>0</v>
      </c>
      <c r="DR29" s="73">
        <v>1</v>
      </c>
      <c r="DS29" s="70">
        <v>0</v>
      </c>
      <c r="DT29" s="71">
        <v>0</v>
      </c>
      <c r="DU29" s="72">
        <v>0</v>
      </c>
      <c r="DV29" s="276"/>
      <c r="DW29" s="71">
        <v>0</v>
      </c>
      <c r="DX29" s="71">
        <v>0</v>
      </c>
      <c r="DY29" s="71">
        <v>0</v>
      </c>
      <c r="DZ29" s="71">
        <v>0</v>
      </c>
      <c r="EA29" s="71">
        <v>0</v>
      </c>
      <c r="EB29" s="72">
        <v>0</v>
      </c>
      <c r="EC29" s="73">
        <v>0</v>
      </c>
      <c r="ED29" s="70">
        <v>2</v>
      </c>
      <c r="EE29" s="71">
        <v>0</v>
      </c>
      <c r="EF29" s="72">
        <v>2</v>
      </c>
      <c r="EG29" s="276"/>
      <c r="EH29" s="71">
        <v>1</v>
      </c>
      <c r="EI29" s="71">
        <v>1</v>
      </c>
      <c r="EJ29" s="71">
        <v>0</v>
      </c>
      <c r="EK29" s="71">
        <v>0</v>
      </c>
      <c r="EL29" s="71">
        <v>0</v>
      </c>
      <c r="EM29" s="72">
        <v>2</v>
      </c>
      <c r="EN29" s="73">
        <v>4</v>
      </c>
      <c r="EO29" s="70">
        <v>0</v>
      </c>
      <c r="EP29" s="71">
        <v>0</v>
      </c>
      <c r="EQ29" s="72">
        <v>0</v>
      </c>
      <c r="ER29" s="276"/>
      <c r="ES29" s="71">
        <v>1</v>
      </c>
      <c r="ET29" s="71">
        <v>1</v>
      </c>
      <c r="EU29" s="71">
        <v>0</v>
      </c>
      <c r="EV29" s="71">
        <v>0</v>
      </c>
      <c r="EW29" s="71">
        <v>0</v>
      </c>
      <c r="EX29" s="72">
        <v>2</v>
      </c>
      <c r="EY29" s="73">
        <v>2</v>
      </c>
      <c r="EZ29" s="70">
        <v>1</v>
      </c>
      <c r="FA29" s="71">
        <v>3</v>
      </c>
      <c r="FB29" s="72">
        <v>4</v>
      </c>
      <c r="FC29" s="276"/>
      <c r="FD29" s="71">
        <v>3</v>
      </c>
      <c r="FE29" s="71">
        <v>1</v>
      </c>
      <c r="FF29" s="71">
        <v>1</v>
      </c>
      <c r="FG29" s="71">
        <v>0</v>
      </c>
      <c r="FH29" s="71">
        <v>1</v>
      </c>
      <c r="FI29" s="72">
        <v>6</v>
      </c>
      <c r="FJ29" s="73">
        <v>10</v>
      </c>
      <c r="FK29" s="70">
        <v>2</v>
      </c>
      <c r="FL29" s="71">
        <v>1</v>
      </c>
      <c r="FM29" s="72">
        <v>3</v>
      </c>
      <c r="FN29" s="276"/>
      <c r="FO29" s="71">
        <v>2</v>
      </c>
      <c r="FP29" s="71">
        <v>0</v>
      </c>
      <c r="FQ29" s="71">
        <v>1</v>
      </c>
      <c r="FR29" s="71">
        <v>2</v>
      </c>
      <c r="FS29" s="71">
        <v>2</v>
      </c>
      <c r="FT29" s="72">
        <v>7</v>
      </c>
      <c r="FU29" s="73">
        <v>10</v>
      </c>
      <c r="FV29" s="70">
        <v>0</v>
      </c>
      <c r="FW29" s="71">
        <v>0</v>
      </c>
      <c r="FX29" s="72">
        <v>0</v>
      </c>
      <c r="FY29" s="276"/>
      <c r="FZ29" s="71">
        <v>0</v>
      </c>
      <c r="GA29" s="71">
        <v>0</v>
      </c>
      <c r="GB29" s="71">
        <v>0</v>
      </c>
      <c r="GC29" s="71">
        <v>0</v>
      </c>
      <c r="GD29" s="71">
        <v>0</v>
      </c>
      <c r="GE29" s="72">
        <v>0</v>
      </c>
      <c r="GF29" s="73">
        <v>0</v>
      </c>
      <c r="GG29" s="70">
        <v>6</v>
      </c>
      <c r="GH29" s="71">
        <v>4</v>
      </c>
      <c r="GI29" s="72">
        <v>10</v>
      </c>
      <c r="GJ29" s="276"/>
      <c r="GK29" s="71">
        <v>7</v>
      </c>
      <c r="GL29" s="71">
        <v>3</v>
      </c>
      <c r="GM29" s="71">
        <v>2</v>
      </c>
      <c r="GN29" s="71">
        <v>2</v>
      </c>
      <c r="GO29" s="71">
        <v>3</v>
      </c>
      <c r="GP29" s="72">
        <v>17</v>
      </c>
      <c r="GQ29" s="73">
        <v>27</v>
      </c>
      <c r="GR29" s="126">
        <v>22</v>
      </c>
      <c r="GS29" s="82">
        <v>14</v>
      </c>
      <c r="GT29" s="83">
        <v>36</v>
      </c>
      <c r="GU29" s="273"/>
      <c r="GV29" s="82">
        <v>33</v>
      </c>
      <c r="GW29" s="82">
        <v>18</v>
      </c>
      <c r="GX29" s="82">
        <v>12</v>
      </c>
      <c r="GY29" s="82">
        <v>8</v>
      </c>
      <c r="GZ29" s="82">
        <v>7</v>
      </c>
      <c r="HA29" s="84">
        <v>78</v>
      </c>
      <c r="HB29" s="85">
        <v>114</v>
      </c>
      <c r="HC29" s="70">
        <v>2</v>
      </c>
      <c r="HD29" s="71">
        <v>0</v>
      </c>
      <c r="HE29" s="72">
        <v>2</v>
      </c>
      <c r="HF29" s="276"/>
      <c r="HG29" s="71">
        <v>1</v>
      </c>
      <c r="HH29" s="71">
        <v>0</v>
      </c>
      <c r="HI29" s="71">
        <v>0</v>
      </c>
      <c r="HJ29" s="71">
        <v>0</v>
      </c>
      <c r="HK29" s="71">
        <v>0</v>
      </c>
      <c r="HL29" s="72">
        <v>1</v>
      </c>
      <c r="HM29" s="73">
        <v>3</v>
      </c>
      <c r="HN29" s="70">
        <v>2</v>
      </c>
      <c r="HO29" s="71">
        <v>0</v>
      </c>
      <c r="HP29" s="72">
        <v>2</v>
      </c>
      <c r="HQ29" s="276"/>
      <c r="HR29" s="71">
        <v>2</v>
      </c>
      <c r="HS29" s="71">
        <v>1</v>
      </c>
      <c r="HT29" s="71">
        <v>2</v>
      </c>
      <c r="HU29" s="71">
        <v>0</v>
      </c>
      <c r="HV29" s="71">
        <v>0</v>
      </c>
      <c r="HW29" s="72">
        <v>5</v>
      </c>
      <c r="HX29" s="73">
        <v>7</v>
      </c>
      <c r="HY29" s="70">
        <v>4</v>
      </c>
      <c r="HZ29" s="71">
        <v>2</v>
      </c>
      <c r="IA29" s="72">
        <v>6</v>
      </c>
      <c r="IB29" s="276"/>
      <c r="IC29" s="71">
        <v>3</v>
      </c>
      <c r="ID29" s="71">
        <v>3</v>
      </c>
      <c r="IE29" s="71">
        <v>2</v>
      </c>
      <c r="IF29" s="71">
        <v>1</v>
      </c>
      <c r="IG29" s="71">
        <v>0</v>
      </c>
      <c r="IH29" s="72">
        <v>9</v>
      </c>
      <c r="II29" s="73">
        <v>15</v>
      </c>
      <c r="IJ29" s="70">
        <v>3</v>
      </c>
      <c r="IK29" s="71">
        <v>1</v>
      </c>
      <c r="IL29" s="72">
        <v>4</v>
      </c>
      <c r="IM29" s="276"/>
      <c r="IN29" s="71">
        <v>8</v>
      </c>
      <c r="IO29" s="71">
        <v>4</v>
      </c>
      <c r="IP29" s="71">
        <v>1</v>
      </c>
      <c r="IQ29" s="71">
        <v>1</v>
      </c>
      <c r="IR29" s="71">
        <v>1</v>
      </c>
      <c r="IS29" s="72">
        <v>15</v>
      </c>
      <c r="IT29" s="73">
        <v>19</v>
      </c>
      <c r="IU29" s="70">
        <v>7</v>
      </c>
      <c r="IV29" s="71">
        <v>6</v>
      </c>
      <c r="IW29" s="72">
        <v>13</v>
      </c>
      <c r="IX29" s="276"/>
      <c r="IY29" s="71">
        <v>5</v>
      </c>
      <c r="IZ29" s="71">
        <v>6</v>
      </c>
      <c r="JA29" s="71">
        <v>2</v>
      </c>
      <c r="JB29" s="71">
        <v>1</v>
      </c>
      <c r="JC29" s="71">
        <v>3</v>
      </c>
      <c r="JD29" s="72">
        <v>17</v>
      </c>
      <c r="JE29" s="73">
        <v>30</v>
      </c>
      <c r="JF29" s="70">
        <v>4</v>
      </c>
      <c r="JG29" s="71">
        <v>5</v>
      </c>
      <c r="JH29" s="72">
        <v>9</v>
      </c>
      <c r="JI29" s="276"/>
      <c r="JJ29" s="71">
        <v>14</v>
      </c>
      <c r="JK29" s="71">
        <v>4</v>
      </c>
      <c r="JL29" s="71">
        <v>5</v>
      </c>
      <c r="JM29" s="71">
        <v>5</v>
      </c>
      <c r="JN29" s="71">
        <v>3</v>
      </c>
      <c r="JO29" s="72">
        <v>31</v>
      </c>
      <c r="JP29" s="73">
        <v>40</v>
      </c>
      <c r="JQ29" s="70">
        <v>0</v>
      </c>
      <c r="JR29" s="71">
        <v>0</v>
      </c>
      <c r="JS29" s="72">
        <v>0</v>
      </c>
      <c r="JT29" s="276"/>
      <c r="JU29" s="71">
        <v>0</v>
      </c>
      <c r="JV29" s="71">
        <v>0</v>
      </c>
      <c r="JW29" s="71">
        <v>0</v>
      </c>
      <c r="JX29" s="71">
        <v>0</v>
      </c>
      <c r="JY29" s="71">
        <v>0</v>
      </c>
      <c r="JZ29" s="72">
        <v>0</v>
      </c>
      <c r="KA29" s="73">
        <v>0</v>
      </c>
      <c r="KB29" s="70">
        <v>22</v>
      </c>
      <c r="KC29" s="71">
        <v>14</v>
      </c>
      <c r="KD29" s="72">
        <v>36</v>
      </c>
      <c r="KE29" s="276"/>
      <c r="KF29" s="71">
        <v>33</v>
      </c>
      <c r="KG29" s="71">
        <v>18</v>
      </c>
      <c r="KH29" s="71">
        <v>12</v>
      </c>
      <c r="KI29" s="71">
        <v>8</v>
      </c>
      <c r="KJ29" s="71">
        <v>7</v>
      </c>
      <c r="KK29" s="72">
        <v>78</v>
      </c>
      <c r="KL29" s="73">
        <v>114</v>
      </c>
    </row>
    <row r="30" spans="1:298" ht="19.5" customHeight="1" x14ac:dyDescent="0.2">
      <c r="A30" s="129" t="s">
        <v>27</v>
      </c>
      <c r="B30" s="350">
        <v>15</v>
      </c>
      <c r="C30" s="82">
        <v>17</v>
      </c>
      <c r="D30" s="83">
        <v>32</v>
      </c>
      <c r="E30" s="273"/>
      <c r="F30" s="82">
        <v>15</v>
      </c>
      <c r="G30" s="82">
        <v>6</v>
      </c>
      <c r="H30" s="82">
        <v>10</v>
      </c>
      <c r="I30" s="82">
        <v>5</v>
      </c>
      <c r="J30" s="82">
        <v>2</v>
      </c>
      <c r="K30" s="84">
        <v>38</v>
      </c>
      <c r="L30" s="85">
        <v>70</v>
      </c>
      <c r="M30" s="70">
        <v>1</v>
      </c>
      <c r="N30" s="71">
        <v>0</v>
      </c>
      <c r="O30" s="72">
        <v>1</v>
      </c>
      <c r="P30" s="276"/>
      <c r="Q30" s="71">
        <v>0</v>
      </c>
      <c r="R30" s="71">
        <v>1</v>
      </c>
      <c r="S30" s="71">
        <v>0</v>
      </c>
      <c r="T30" s="71">
        <v>0</v>
      </c>
      <c r="U30" s="71">
        <v>0</v>
      </c>
      <c r="V30" s="72">
        <v>1</v>
      </c>
      <c r="W30" s="73">
        <v>2</v>
      </c>
      <c r="X30" s="70">
        <v>2</v>
      </c>
      <c r="Y30" s="71">
        <v>2</v>
      </c>
      <c r="Z30" s="72">
        <v>4</v>
      </c>
      <c r="AA30" s="276"/>
      <c r="AB30" s="71">
        <v>1</v>
      </c>
      <c r="AC30" s="71">
        <v>0</v>
      </c>
      <c r="AD30" s="71">
        <v>0</v>
      </c>
      <c r="AE30" s="71">
        <v>0</v>
      </c>
      <c r="AF30" s="71">
        <v>0</v>
      </c>
      <c r="AG30" s="72">
        <v>1</v>
      </c>
      <c r="AH30" s="73">
        <v>5</v>
      </c>
      <c r="AI30" s="70">
        <v>2</v>
      </c>
      <c r="AJ30" s="71">
        <v>3</v>
      </c>
      <c r="AK30" s="72">
        <v>5</v>
      </c>
      <c r="AL30" s="276"/>
      <c r="AM30" s="71">
        <v>0</v>
      </c>
      <c r="AN30" s="71">
        <v>1</v>
      </c>
      <c r="AO30" s="71">
        <v>1</v>
      </c>
      <c r="AP30" s="71">
        <v>0</v>
      </c>
      <c r="AQ30" s="71">
        <v>0</v>
      </c>
      <c r="AR30" s="72">
        <v>2</v>
      </c>
      <c r="AS30" s="73">
        <v>7</v>
      </c>
      <c r="AT30" s="70">
        <v>4</v>
      </c>
      <c r="AU30" s="71">
        <v>4</v>
      </c>
      <c r="AV30" s="72">
        <v>8</v>
      </c>
      <c r="AW30" s="276"/>
      <c r="AX30" s="71">
        <v>4</v>
      </c>
      <c r="AY30" s="71">
        <v>2</v>
      </c>
      <c r="AZ30" s="71">
        <v>3</v>
      </c>
      <c r="BA30" s="71">
        <v>0</v>
      </c>
      <c r="BB30" s="71">
        <v>1</v>
      </c>
      <c r="BC30" s="72">
        <v>10</v>
      </c>
      <c r="BD30" s="73">
        <v>18</v>
      </c>
      <c r="BE30" s="70">
        <v>4</v>
      </c>
      <c r="BF30" s="71">
        <v>6</v>
      </c>
      <c r="BG30" s="72">
        <v>10</v>
      </c>
      <c r="BH30" s="276"/>
      <c r="BI30" s="71">
        <v>5</v>
      </c>
      <c r="BJ30" s="71">
        <v>1</v>
      </c>
      <c r="BK30" s="71">
        <v>4</v>
      </c>
      <c r="BL30" s="71">
        <v>2</v>
      </c>
      <c r="BM30" s="71">
        <v>0</v>
      </c>
      <c r="BN30" s="72">
        <v>12</v>
      </c>
      <c r="BO30" s="73">
        <v>22</v>
      </c>
      <c r="BP30" s="70">
        <v>2</v>
      </c>
      <c r="BQ30" s="71">
        <v>2</v>
      </c>
      <c r="BR30" s="72">
        <v>4</v>
      </c>
      <c r="BS30" s="276"/>
      <c r="BT30" s="71">
        <v>5</v>
      </c>
      <c r="BU30" s="71">
        <v>1</v>
      </c>
      <c r="BV30" s="71">
        <v>2</v>
      </c>
      <c r="BW30" s="71">
        <v>3</v>
      </c>
      <c r="BX30" s="71">
        <v>1</v>
      </c>
      <c r="BY30" s="72">
        <v>12</v>
      </c>
      <c r="BZ30" s="73">
        <v>16</v>
      </c>
      <c r="CA30" s="70">
        <v>0</v>
      </c>
      <c r="CB30" s="71">
        <v>0</v>
      </c>
      <c r="CC30" s="72">
        <v>0</v>
      </c>
      <c r="CD30" s="276"/>
      <c r="CE30" s="71">
        <v>0</v>
      </c>
      <c r="CF30" s="71">
        <v>0</v>
      </c>
      <c r="CG30" s="71">
        <v>0</v>
      </c>
      <c r="CH30" s="71">
        <v>0</v>
      </c>
      <c r="CI30" s="71">
        <v>0</v>
      </c>
      <c r="CJ30" s="72">
        <v>0</v>
      </c>
      <c r="CK30" s="73">
        <v>0</v>
      </c>
      <c r="CL30" s="70">
        <v>15</v>
      </c>
      <c r="CM30" s="71">
        <v>17</v>
      </c>
      <c r="CN30" s="72">
        <v>32</v>
      </c>
      <c r="CO30" s="276"/>
      <c r="CP30" s="71">
        <v>15</v>
      </c>
      <c r="CQ30" s="71">
        <v>6</v>
      </c>
      <c r="CR30" s="71">
        <v>10</v>
      </c>
      <c r="CS30" s="71">
        <v>5</v>
      </c>
      <c r="CT30" s="71">
        <v>2</v>
      </c>
      <c r="CU30" s="72">
        <v>38</v>
      </c>
      <c r="CV30" s="73">
        <v>70</v>
      </c>
      <c r="CW30" s="126">
        <v>2</v>
      </c>
      <c r="CX30" s="82">
        <v>4</v>
      </c>
      <c r="CY30" s="83">
        <v>6</v>
      </c>
      <c r="CZ30" s="273"/>
      <c r="DA30" s="82">
        <v>2</v>
      </c>
      <c r="DB30" s="82">
        <v>3</v>
      </c>
      <c r="DC30" s="82">
        <v>7</v>
      </c>
      <c r="DD30" s="82">
        <v>2</v>
      </c>
      <c r="DE30" s="82">
        <v>2</v>
      </c>
      <c r="DF30" s="84">
        <v>16</v>
      </c>
      <c r="DG30" s="85">
        <v>22</v>
      </c>
      <c r="DH30" s="70">
        <v>0</v>
      </c>
      <c r="DI30" s="71">
        <v>0</v>
      </c>
      <c r="DJ30" s="72">
        <v>0</v>
      </c>
      <c r="DK30" s="276"/>
      <c r="DL30" s="71">
        <v>0</v>
      </c>
      <c r="DM30" s="71">
        <v>0</v>
      </c>
      <c r="DN30" s="71">
        <v>0</v>
      </c>
      <c r="DO30" s="71">
        <v>0</v>
      </c>
      <c r="DP30" s="71">
        <v>0</v>
      </c>
      <c r="DQ30" s="72">
        <v>0</v>
      </c>
      <c r="DR30" s="73">
        <v>0</v>
      </c>
      <c r="DS30" s="70">
        <v>1</v>
      </c>
      <c r="DT30" s="71">
        <v>0</v>
      </c>
      <c r="DU30" s="72">
        <v>1</v>
      </c>
      <c r="DV30" s="276"/>
      <c r="DW30" s="71">
        <v>0</v>
      </c>
      <c r="DX30" s="71">
        <v>0</v>
      </c>
      <c r="DY30" s="71">
        <v>0</v>
      </c>
      <c r="DZ30" s="71">
        <v>0</v>
      </c>
      <c r="EA30" s="71">
        <v>0</v>
      </c>
      <c r="EB30" s="72">
        <v>0</v>
      </c>
      <c r="EC30" s="73">
        <v>1</v>
      </c>
      <c r="ED30" s="70">
        <v>0</v>
      </c>
      <c r="EE30" s="71">
        <v>0</v>
      </c>
      <c r="EF30" s="72">
        <v>0</v>
      </c>
      <c r="EG30" s="276"/>
      <c r="EH30" s="71">
        <v>0</v>
      </c>
      <c r="EI30" s="71">
        <v>2</v>
      </c>
      <c r="EJ30" s="71">
        <v>0</v>
      </c>
      <c r="EK30" s="71">
        <v>0</v>
      </c>
      <c r="EL30" s="71">
        <v>0</v>
      </c>
      <c r="EM30" s="72">
        <v>2</v>
      </c>
      <c r="EN30" s="73">
        <v>2</v>
      </c>
      <c r="EO30" s="70">
        <v>0</v>
      </c>
      <c r="EP30" s="71">
        <v>0</v>
      </c>
      <c r="EQ30" s="72">
        <v>0</v>
      </c>
      <c r="ER30" s="276"/>
      <c r="ES30" s="71">
        <v>1</v>
      </c>
      <c r="ET30" s="71">
        <v>1</v>
      </c>
      <c r="EU30" s="71">
        <v>0</v>
      </c>
      <c r="EV30" s="71">
        <v>0</v>
      </c>
      <c r="EW30" s="71">
        <v>0</v>
      </c>
      <c r="EX30" s="72">
        <v>2</v>
      </c>
      <c r="EY30" s="73">
        <v>2</v>
      </c>
      <c r="EZ30" s="70">
        <v>1</v>
      </c>
      <c r="FA30" s="71">
        <v>3</v>
      </c>
      <c r="FB30" s="72">
        <v>4</v>
      </c>
      <c r="FC30" s="276"/>
      <c r="FD30" s="71">
        <v>0</v>
      </c>
      <c r="FE30" s="71">
        <v>0</v>
      </c>
      <c r="FF30" s="71">
        <v>2</v>
      </c>
      <c r="FG30" s="71">
        <v>0</v>
      </c>
      <c r="FH30" s="71">
        <v>1</v>
      </c>
      <c r="FI30" s="72">
        <v>3</v>
      </c>
      <c r="FJ30" s="73">
        <v>7</v>
      </c>
      <c r="FK30" s="70">
        <v>0</v>
      </c>
      <c r="FL30" s="71">
        <v>1</v>
      </c>
      <c r="FM30" s="72">
        <v>1</v>
      </c>
      <c r="FN30" s="276"/>
      <c r="FO30" s="71">
        <v>1</v>
      </c>
      <c r="FP30" s="71">
        <v>0</v>
      </c>
      <c r="FQ30" s="71">
        <v>5</v>
      </c>
      <c r="FR30" s="71">
        <v>2</v>
      </c>
      <c r="FS30" s="71">
        <v>1</v>
      </c>
      <c r="FT30" s="72">
        <v>9</v>
      </c>
      <c r="FU30" s="73">
        <v>10</v>
      </c>
      <c r="FV30" s="70">
        <v>0</v>
      </c>
      <c r="FW30" s="71">
        <v>0</v>
      </c>
      <c r="FX30" s="72">
        <v>0</v>
      </c>
      <c r="FY30" s="276"/>
      <c r="FZ30" s="71">
        <v>0</v>
      </c>
      <c r="GA30" s="71">
        <v>0</v>
      </c>
      <c r="GB30" s="71">
        <v>0</v>
      </c>
      <c r="GC30" s="71">
        <v>0</v>
      </c>
      <c r="GD30" s="71">
        <v>0</v>
      </c>
      <c r="GE30" s="72">
        <v>0</v>
      </c>
      <c r="GF30" s="73">
        <v>0</v>
      </c>
      <c r="GG30" s="70">
        <v>2</v>
      </c>
      <c r="GH30" s="71">
        <v>4</v>
      </c>
      <c r="GI30" s="72">
        <v>6</v>
      </c>
      <c r="GJ30" s="276"/>
      <c r="GK30" s="71">
        <v>2</v>
      </c>
      <c r="GL30" s="71">
        <v>3</v>
      </c>
      <c r="GM30" s="71">
        <v>7</v>
      </c>
      <c r="GN30" s="71">
        <v>2</v>
      </c>
      <c r="GO30" s="71">
        <v>2</v>
      </c>
      <c r="GP30" s="72">
        <v>16</v>
      </c>
      <c r="GQ30" s="73">
        <v>22</v>
      </c>
      <c r="GR30" s="126">
        <v>17</v>
      </c>
      <c r="GS30" s="82">
        <v>21</v>
      </c>
      <c r="GT30" s="83">
        <v>38</v>
      </c>
      <c r="GU30" s="273"/>
      <c r="GV30" s="82">
        <v>17</v>
      </c>
      <c r="GW30" s="82">
        <v>9</v>
      </c>
      <c r="GX30" s="82">
        <v>17</v>
      </c>
      <c r="GY30" s="82">
        <v>7</v>
      </c>
      <c r="GZ30" s="82">
        <v>4</v>
      </c>
      <c r="HA30" s="84">
        <v>54</v>
      </c>
      <c r="HB30" s="85">
        <v>92</v>
      </c>
      <c r="HC30" s="70">
        <v>1</v>
      </c>
      <c r="HD30" s="71">
        <v>0</v>
      </c>
      <c r="HE30" s="72">
        <v>1</v>
      </c>
      <c r="HF30" s="276"/>
      <c r="HG30" s="71">
        <v>0</v>
      </c>
      <c r="HH30" s="71">
        <v>1</v>
      </c>
      <c r="HI30" s="71">
        <v>0</v>
      </c>
      <c r="HJ30" s="71">
        <v>0</v>
      </c>
      <c r="HK30" s="71">
        <v>0</v>
      </c>
      <c r="HL30" s="72">
        <v>1</v>
      </c>
      <c r="HM30" s="73">
        <v>2</v>
      </c>
      <c r="HN30" s="70">
        <v>3</v>
      </c>
      <c r="HO30" s="71">
        <v>2</v>
      </c>
      <c r="HP30" s="72">
        <v>5</v>
      </c>
      <c r="HQ30" s="276"/>
      <c r="HR30" s="71">
        <v>1</v>
      </c>
      <c r="HS30" s="71">
        <v>0</v>
      </c>
      <c r="HT30" s="71">
        <v>0</v>
      </c>
      <c r="HU30" s="71">
        <v>0</v>
      </c>
      <c r="HV30" s="71">
        <v>0</v>
      </c>
      <c r="HW30" s="72">
        <v>1</v>
      </c>
      <c r="HX30" s="73">
        <v>6</v>
      </c>
      <c r="HY30" s="70">
        <v>2</v>
      </c>
      <c r="HZ30" s="71">
        <v>3</v>
      </c>
      <c r="IA30" s="72">
        <v>5</v>
      </c>
      <c r="IB30" s="276"/>
      <c r="IC30" s="71">
        <v>0</v>
      </c>
      <c r="ID30" s="71">
        <v>3</v>
      </c>
      <c r="IE30" s="71">
        <v>1</v>
      </c>
      <c r="IF30" s="71">
        <v>0</v>
      </c>
      <c r="IG30" s="71">
        <v>0</v>
      </c>
      <c r="IH30" s="72">
        <v>4</v>
      </c>
      <c r="II30" s="73">
        <v>9</v>
      </c>
      <c r="IJ30" s="70">
        <v>4</v>
      </c>
      <c r="IK30" s="71">
        <v>4</v>
      </c>
      <c r="IL30" s="72">
        <v>8</v>
      </c>
      <c r="IM30" s="276"/>
      <c r="IN30" s="71">
        <v>5</v>
      </c>
      <c r="IO30" s="71">
        <v>3</v>
      </c>
      <c r="IP30" s="71">
        <v>3</v>
      </c>
      <c r="IQ30" s="71">
        <v>0</v>
      </c>
      <c r="IR30" s="71">
        <v>1</v>
      </c>
      <c r="IS30" s="72">
        <v>12</v>
      </c>
      <c r="IT30" s="73">
        <v>20</v>
      </c>
      <c r="IU30" s="70">
        <v>5</v>
      </c>
      <c r="IV30" s="71">
        <v>9</v>
      </c>
      <c r="IW30" s="72">
        <v>14</v>
      </c>
      <c r="IX30" s="276"/>
      <c r="IY30" s="71">
        <v>5</v>
      </c>
      <c r="IZ30" s="71">
        <v>1</v>
      </c>
      <c r="JA30" s="71">
        <v>6</v>
      </c>
      <c r="JB30" s="71">
        <v>2</v>
      </c>
      <c r="JC30" s="71">
        <v>1</v>
      </c>
      <c r="JD30" s="72">
        <v>15</v>
      </c>
      <c r="JE30" s="73">
        <v>29</v>
      </c>
      <c r="JF30" s="70">
        <v>2</v>
      </c>
      <c r="JG30" s="71">
        <v>3</v>
      </c>
      <c r="JH30" s="72">
        <v>5</v>
      </c>
      <c r="JI30" s="276"/>
      <c r="JJ30" s="71">
        <v>6</v>
      </c>
      <c r="JK30" s="71">
        <v>1</v>
      </c>
      <c r="JL30" s="71">
        <v>7</v>
      </c>
      <c r="JM30" s="71">
        <v>5</v>
      </c>
      <c r="JN30" s="71">
        <v>2</v>
      </c>
      <c r="JO30" s="72">
        <v>21</v>
      </c>
      <c r="JP30" s="73">
        <v>26</v>
      </c>
      <c r="JQ30" s="70">
        <v>0</v>
      </c>
      <c r="JR30" s="71">
        <v>0</v>
      </c>
      <c r="JS30" s="72">
        <v>0</v>
      </c>
      <c r="JT30" s="276"/>
      <c r="JU30" s="71">
        <v>0</v>
      </c>
      <c r="JV30" s="71">
        <v>0</v>
      </c>
      <c r="JW30" s="71">
        <v>0</v>
      </c>
      <c r="JX30" s="71">
        <v>0</v>
      </c>
      <c r="JY30" s="71">
        <v>0</v>
      </c>
      <c r="JZ30" s="72">
        <v>0</v>
      </c>
      <c r="KA30" s="73">
        <v>0</v>
      </c>
      <c r="KB30" s="70">
        <v>17</v>
      </c>
      <c r="KC30" s="71">
        <v>21</v>
      </c>
      <c r="KD30" s="72">
        <v>38</v>
      </c>
      <c r="KE30" s="276"/>
      <c r="KF30" s="71">
        <v>17</v>
      </c>
      <c r="KG30" s="71">
        <v>9</v>
      </c>
      <c r="KH30" s="71">
        <v>17</v>
      </c>
      <c r="KI30" s="71">
        <v>7</v>
      </c>
      <c r="KJ30" s="71">
        <v>4</v>
      </c>
      <c r="KK30" s="72">
        <v>54</v>
      </c>
      <c r="KL30" s="73">
        <v>92</v>
      </c>
    </row>
    <row r="31" spans="1:298" ht="19.5" customHeight="1" x14ac:dyDescent="0.2">
      <c r="A31" s="129" t="s">
        <v>28</v>
      </c>
      <c r="B31" s="350">
        <v>1</v>
      </c>
      <c r="C31" s="82">
        <v>1</v>
      </c>
      <c r="D31" s="83">
        <v>2</v>
      </c>
      <c r="E31" s="273"/>
      <c r="F31" s="82">
        <v>9</v>
      </c>
      <c r="G31" s="82">
        <v>5</v>
      </c>
      <c r="H31" s="82">
        <v>3</v>
      </c>
      <c r="I31" s="82">
        <v>2</v>
      </c>
      <c r="J31" s="82">
        <v>4</v>
      </c>
      <c r="K31" s="84">
        <v>23</v>
      </c>
      <c r="L31" s="85">
        <v>25</v>
      </c>
      <c r="M31" s="70">
        <v>0</v>
      </c>
      <c r="N31" s="71">
        <v>0</v>
      </c>
      <c r="O31" s="72">
        <v>0</v>
      </c>
      <c r="P31" s="276"/>
      <c r="Q31" s="71">
        <v>0</v>
      </c>
      <c r="R31" s="71">
        <v>0</v>
      </c>
      <c r="S31" s="71">
        <v>1</v>
      </c>
      <c r="T31" s="71">
        <v>0</v>
      </c>
      <c r="U31" s="71">
        <v>0</v>
      </c>
      <c r="V31" s="72">
        <v>1</v>
      </c>
      <c r="W31" s="73">
        <v>1</v>
      </c>
      <c r="X31" s="70">
        <v>0</v>
      </c>
      <c r="Y31" s="71">
        <v>1</v>
      </c>
      <c r="Z31" s="72">
        <v>1</v>
      </c>
      <c r="AA31" s="276"/>
      <c r="AB31" s="71">
        <v>1</v>
      </c>
      <c r="AC31" s="71">
        <v>1</v>
      </c>
      <c r="AD31" s="71">
        <v>0</v>
      </c>
      <c r="AE31" s="71">
        <v>0</v>
      </c>
      <c r="AF31" s="71">
        <v>0</v>
      </c>
      <c r="AG31" s="72">
        <v>2</v>
      </c>
      <c r="AH31" s="73">
        <v>3</v>
      </c>
      <c r="AI31" s="70">
        <v>0</v>
      </c>
      <c r="AJ31" s="71">
        <v>0</v>
      </c>
      <c r="AK31" s="72">
        <v>0</v>
      </c>
      <c r="AL31" s="276"/>
      <c r="AM31" s="71">
        <v>1</v>
      </c>
      <c r="AN31" s="71">
        <v>0</v>
      </c>
      <c r="AO31" s="71">
        <v>0</v>
      </c>
      <c r="AP31" s="71">
        <v>0</v>
      </c>
      <c r="AQ31" s="71">
        <v>0</v>
      </c>
      <c r="AR31" s="72">
        <v>1</v>
      </c>
      <c r="AS31" s="73">
        <v>1</v>
      </c>
      <c r="AT31" s="70">
        <v>1</v>
      </c>
      <c r="AU31" s="71">
        <v>0</v>
      </c>
      <c r="AV31" s="72">
        <v>1</v>
      </c>
      <c r="AW31" s="276"/>
      <c r="AX31" s="71">
        <v>2</v>
      </c>
      <c r="AY31" s="71">
        <v>0</v>
      </c>
      <c r="AZ31" s="71">
        <v>0</v>
      </c>
      <c r="BA31" s="71">
        <v>0</v>
      </c>
      <c r="BB31" s="71">
        <v>2</v>
      </c>
      <c r="BC31" s="72">
        <v>4</v>
      </c>
      <c r="BD31" s="73">
        <v>5</v>
      </c>
      <c r="BE31" s="70">
        <v>0</v>
      </c>
      <c r="BF31" s="71">
        <v>0</v>
      </c>
      <c r="BG31" s="72">
        <v>0</v>
      </c>
      <c r="BH31" s="276"/>
      <c r="BI31" s="71">
        <v>2</v>
      </c>
      <c r="BJ31" s="71">
        <v>1</v>
      </c>
      <c r="BK31" s="71">
        <v>0</v>
      </c>
      <c r="BL31" s="71">
        <v>1</v>
      </c>
      <c r="BM31" s="71">
        <v>1</v>
      </c>
      <c r="BN31" s="72">
        <v>5</v>
      </c>
      <c r="BO31" s="73">
        <v>5</v>
      </c>
      <c r="BP31" s="70">
        <v>0</v>
      </c>
      <c r="BQ31" s="71">
        <v>0</v>
      </c>
      <c r="BR31" s="72">
        <v>0</v>
      </c>
      <c r="BS31" s="276"/>
      <c r="BT31" s="71">
        <v>3</v>
      </c>
      <c r="BU31" s="71">
        <v>3</v>
      </c>
      <c r="BV31" s="71">
        <v>2</v>
      </c>
      <c r="BW31" s="71">
        <v>1</v>
      </c>
      <c r="BX31" s="71">
        <v>1</v>
      </c>
      <c r="BY31" s="72">
        <v>10</v>
      </c>
      <c r="BZ31" s="73">
        <v>10</v>
      </c>
      <c r="CA31" s="70">
        <v>0</v>
      </c>
      <c r="CB31" s="71">
        <v>0</v>
      </c>
      <c r="CC31" s="72">
        <v>0</v>
      </c>
      <c r="CD31" s="276"/>
      <c r="CE31" s="71">
        <v>0</v>
      </c>
      <c r="CF31" s="71">
        <v>0</v>
      </c>
      <c r="CG31" s="71">
        <v>0</v>
      </c>
      <c r="CH31" s="71">
        <v>0</v>
      </c>
      <c r="CI31" s="71">
        <v>0</v>
      </c>
      <c r="CJ31" s="72">
        <v>0</v>
      </c>
      <c r="CK31" s="73">
        <v>0</v>
      </c>
      <c r="CL31" s="70">
        <v>1</v>
      </c>
      <c r="CM31" s="71">
        <v>1</v>
      </c>
      <c r="CN31" s="72">
        <v>2</v>
      </c>
      <c r="CO31" s="276"/>
      <c r="CP31" s="71">
        <v>9</v>
      </c>
      <c r="CQ31" s="71">
        <v>5</v>
      </c>
      <c r="CR31" s="71">
        <v>3</v>
      </c>
      <c r="CS31" s="71">
        <v>2</v>
      </c>
      <c r="CT31" s="71">
        <v>4</v>
      </c>
      <c r="CU31" s="72">
        <v>23</v>
      </c>
      <c r="CV31" s="73">
        <v>25</v>
      </c>
      <c r="CW31" s="126">
        <v>0</v>
      </c>
      <c r="CX31" s="82">
        <v>1</v>
      </c>
      <c r="CY31" s="83">
        <v>1</v>
      </c>
      <c r="CZ31" s="273"/>
      <c r="DA31" s="82">
        <v>1</v>
      </c>
      <c r="DB31" s="82">
        <v>2</v>
      </c>
      <c r="DC31" s="82">
        <v>1</v>
      </c>
      <c r="DD31" s="82">
        <v>2</v>
      </c>
      <c r="DE31" s="82">
        <v>0</v>
      </c>
      <c r="DF31" s="84">
        <v>6</v>
      </c>
      <c r="DG31" s="85">
        <v>7</v>
      </c>
      <c r="DH31" s="70">
        <v>0</v>
      </c>
      <c r="DI31" s="71">
        <v>0</v>
      </c>
      <c r="DJ31" s="72">
        <v>0</v>
      </c>
      <c r="DK31" s="276"/>
      <c r="DL31" s="71">
        <v>0</v>
      </c>
      <c r="DM31" s="71">
        <v>0</v>
      </c>
      <c r="DN31" s="71">
        <v>0</v>
      </c>
      <c r="DO31" s="71">
        <v>0</v>
      </c>
      <c r="DP31" s="71">
        <v>0</v>
      </c>
      <c r="DQ31" s="72">
        <v>0</v>
      </c>
      <c r="DR31" s="73">
        <v>0</v>
      </c>
      <c r="DS31" s="70">
        <v>0</v>
      </c>
      <c r="DT31" s="71">
        <v>0</v>
      </c>
      <c r="DU31" s="72">
        <v>0</v>
      </c>
      <c r="DV31" s="276"/>
      <c r="DW31" s="71">
        <v>0</v>
      </c>
      <c r="DX31" s="71">
        <v>0</v>
      </c>
      <c r="DY31" s="71">
        <v>1</v>
      </c>
      <c r="DZ31" s="71">
        <v>0</v>
      </c>
      <c r="EA31" s="71">
        <v>0</v>
      </c>
      <c r="EB31" s="72">
        <v>1</v>
      </c>
      <c r="EC31" s="73">
        <v>1</v>
      </c>
      <c r="ED31" s="70">
        <v>0</v>
      </c>
      <c r="EE31" s="71">
        <v>0</v>
      </c>
      <c r="EF31" s="72">
        <v>0</v>
      </c>
      <c r="EG31" s="276"/>
      <c r="EH31" s="71">
        <v>0</v>
      </c>
      <c r="EI31" s="71">
        <v>0</v>
      </c>
      <c r="EJ31" s="71">
        <v>0</v>
      </c>
      <c r="EK31" s="71">
        <v>0</v>
      </c>
      <c r="EL31" s="71">
        <v>0</v>
      </c>
      <c r="EM31" s="72">
        <v>0</v>
      </c>
      <c r="EN31" s="73">
        <v>0</v>
      </c>
      <c r="EO31" s="70">
        <v>0</v>
      </c>
      <c r="EP31" s="71">
        <v>0</v>
      </c>
      <c r="EQ31" s="72">
        <v>0</v>
      </c>
      <c r="ER31" s="276"/>
      <c r="ES31" s="71">
        <v>0</v>
      </c>
      <c r="ET31" s="71">
        <v>1</v>
      </c>
      <c r="EU31" s="71">
        <v>0</v>
      </c>
      <c r="EV31" s="71">
        <v>1</v>
      </c>
      <c r="EW31" s="71">
        <v>0</v>
      </c>
      <c r="EX31" s="72">
        <v>2</v>
      </c>
      <c r="EY31" s="73">
        <v>2</v>
      </c>
      <c r="EZ31" s="70">
        <v>0</v>
      </c>
      <c r="FA31" s="71">
        <v>0</v>
      </c>
      <c r="FB31" s="72">
        <v>0</v>
      </c>
      <c r="FC31" s="276"/>
      <c r="FD31" s="71">
        <v>1</v>
      </c>
      <c r="FE31" s="71">
        <v>0</v>
      </c>
      <c r="FF31" s="71">
        <v>0</v>
      </c>
      <c r="FG31" s="71">
        <v>0</v>
      </c>
      <c r="FH31" s="71">
        <v>0</v>
      </c>
      <c r="FI31" s="72">
        <v>1</v>
      </c>
      <c r="FJ31" s="73">
        <v>1</v>
      </c>
      <c r="FK31" s="70">
        <v>0</v>
      </c>
      <c r="FL31" s="71">
        <v>1</v>
      </c>
      <c r="FM31" s="72">
        <v>1</v>
      </c>
      <c r="FN31" s="276"/>
      <c r="FO31" s="71">
        <v>0</v>
      </c>
      <c r="FP31" s="71">
        <v>1</v>
      </c>
      <c r="FQ31" s="71">
        <v>0</v>
      </c>
      <c r="FR31" s="71">
        <v>1</v>
      </c>
      <c r="FS31" s="71">
        <v>0</v>
      </c>
      <c r="FT31" s="72">
        <v>2</v>
      </c>
      <c r="FU31" s="73">
        <v>3</v>
      </c>
      <c r="FV31" s="70">
        <v>0</v>
      </c>
      <c r="FW31" s="71">
        <v>0</v>
      </c>
      <c r="FX31" s="72">
        <v>0</v>
      </c>
      <c r="FY31" s="276"/>
      <c r="FZ31" s="71">
        <v>0</v>
      </c>
      <c r="GA31" s="71">
        <v>0</v>
      </c>
      <c r="GB31" s="71">
        <v>0</v>
      </c>
      <c r="GC31" s="71">
        <v>0</v>
      </c>
      <c r="GD31" s="71">
        <v>0</v>
      </c>
      <c r="GE31" s="72">
        <v>0</v>
      </c>
      <c r="GF31" s="73">
        <v>0</v>
      </c>
      <c r="GG31" s="70">
        <v>0</v>
      </c>
      <c r="GH31" s="71">
        <v>1</v>
      </c>
      <c r="GI31" s="72">
        <v>1</v>
      </c>
      <c r="GJ31" s="276"/>
      <c r="GK31" s="71">
        <v>1</v>
      </c>
      <c r="GL31" s="71">
        <v>2</v>
      </c>
      <c r="GM31" s="71">
        <v>1</v>
      </c>
      <c r="GN31" s="71">
        <v>2</v>
      </c>
      <c r="GO31" s="71">
        <v>0</v>
      </c>
      <c r="GP31" s="72">
        <v>6</v>
      </c>
      <c r="GQ31" s="73">
        <v>7</v>
      </c>
      <c r="GR31" s="126">
        <v>1</v>
      </c>
      <c r="GS31" s="82">
        <v>2</v>
      </c>
      <c r="GT31" s="83">
        <v>3</v>
      </c>
      <c r="GU31" s="273"/>
      <c r="GV31" s="82">
        <v>10</v>
      </c>
      <c r="GW31" s="82">
        <v>7</v>
      </c>
      <c r="GX31" s="82">
        <v>4</v>
      </c>
      <c r="GY31" s="82">
        <v>4</v>
      </c>
      <c r="GZ31" s="82">
        <v>4</v>
      </c>
      <c r="HA31" s="84">
        <v>29</v>
      </c>
      <c r="HB31" s="85">
        <v>32</v>
      </c>
      <c r="HC31" s="70">
        <v>0</v>
      </c>
      <c r="HD31" s="71">
        <v>0</v>
      </c>
      <c r="HE31" s="72">
        <v>0</v>
      </c>
      <c r="HF31" s="276"/>
      <c r="HG31" s="71">
        <v>0</v>
      </c>
      <c r="HH31" s="71">
        <v>0</v>
      </c>
      <c r="HI31" s="71">
        <v>1</v>
      </c>
      <c r="HJ31" s="71">
        <v>0</v>
      </c>
      <c r="HK31" s="71">
        <v>0</v>
      </c>
      <c r="HL31" s="72">
        <v>1</v>
      </c>
      <c r="HM31" s="73">
        <v>1</v>
      </c>
      <c r="HN31" s="70">
        <v>0</v>
      </c>
      <c r="HO31" s="71">
        <v>1</v>
      </c>
      <c r="HP31" s="72">
        <v>1</v>
      </c>
      <c r="HQ31" s="276"/>
      <c r="HR31" s="71">
        <v>1</v>
      </c>
      <c r="HS31" s="71">
        <v>1</v>
      </c>
      <c r="HT31" s="71">
        <v>1</v>
      </c>
      <c r="HU31" s="71">
        <v>0</v>
      </c>
      <c r="HV31" s="71">
        <v>0</v>
      </c>
      <c r="HW31" s="72">
        <v>3</v>
      </c>
      <c r="HX31" s="73">
        <v>4</v>
      </c>
      <c r="HY31" s="70">
        <v>0</v>
      </c>
      <c r="HZ31" s="71">
        <v>0</v>
      </c>
      <c r="IA31" s="72">
        <v>0</v>
      </c>
      <c r="IB31" s="276"/>
      <c r="IC31" s="71">
        <v>1</v>
      </c>
      <c r="ID31" s="71">
        <v>0</v>
      </c>
      <c r="IE31" s="71">
        <v>0</v>
      </c>
      <c r="IF31" s="71">
        <v>0</v>
      </c>
      <c r="IG31" s="71">
        <v>0</v>
      </c>
      <c r="IH31" s="72">
        <v>1</v>
      </c>
      <c r="II31" s="73">
        <v>1</v>
      </c>
      <c r="IJ31" s="70">
        <v>1</v>
      </c>
      <c r="IK31" s="71">
        <v>0</v>
      </c>
      <c r="IL31" s="72">
        <v>1</v>
      </c>
      <c r="IM31" s="276"/>
      <c r="IN31" s="71">
        <v>2</v>
      </c>
      <c r="IO31" s="71">
        <v>1</v>
      </c>
      <c r="IP31" s="71">
        <v>0</v>
      </c>
      <c r="IQ31" s="71">
        <v>1</v>
      </c>
      <c r="IR31" s="71">
        <v>2</v>
      </c>
      <c r="IS31" s="72">
        <v>6</v>
      </c>
      <c r="IT31" s="73">
        <v>7</v>
      </c>
      <c r="IU31" s="70">
        <v>0</v>
      </c>
      <c r="IV31" s="71">
        <v>0</v>
      </c>
      <c r="IW31" s="72">
        <v>0</v>
      </c>
      <c r="IX31" s="276"/>
      <c r="IY31" s="71">
        <v>3</v>
      </c>
      <c r="IZ31" s="71">
        <v>1</v>
      </c>
      <c r="JA31" s="71">
        <v>0</v>
      </c>
      <c r="JB31" s="71">
        <v>1</v>
      </c>
      <c r="JC31" s="71">
        <v>1</v>
      </c>
      <c r="JD31" s="72">
        <v>6</v>
      </c>
      <c r="JE31" s="73">
        <v>6</v>
      </c>
      <c r="JF31" s="70">
        <v>0</v>
      </c>
      <c r="JG31" s="71">
        <v>1</v>
      </c>
      <c r="JH31" s="72">
        <v>1</v>
      </c>
      <c r="JI31" s="276"/>
      <c r="JJ31" s="71">
        <v>3</v>
      </c>
      <c r="JK31" s="71">
        <v>4</v>
      </c>
      <c r="JL31" s="71">
        <v>2</v>
      </c>
      <c r="JM31" s="71">
        <v>2</v>
      </c>
      <c r="JN31" s="71">
        <v>1</v>
      </c>
      <c r="JO31" s="72">
        <v>12</v>
      </c>
      <c r="JP31" s="73">
        <v>13</v>
      </c>
      <c r="JQ31" s="70">
        <v>0</v>
      </c>
      <c r="JR31" s="71">
        <v>0</v>
      </c>
      <c r="JS31" s="72">
        <v>0</v>
      </c>
      <c r="JT31" s="276"/>
      <c r="JU31" s="71">
        <v>0</v>
      </c>
      <c r="JV31" s="71">
        <v>0</v>
      </c>
      <c r="JW31" s="71">
        <v>0</v>
      </c>
      <c r="JX31" s="71">
        <v>0</v>
      </c>
      <c r="JY31" s="71">
        <v>0</v>
      </c>
      <c r="JZ31" s="72">
        <v>0</v>
      </c>
      <c r="KA31" s="73">
        <v>0</v>
      </c>
      <c r="KB31" s="70">
        <v>1</v>
      </c>
      <c r="KC31" s="71">
        <v>2</v>
      </c>
      <c r="KD31" s="72">
        <v>3</v>
      </c>
      <c r="KE31" s="276"/>
      <c r="KF31" s="71">
        <v>10</v>
      </c>
      <c r="KG31" s="71">
        <v>7</v>
      </c>
      <c r="KH31" s="71">
        <v>4</v>
      </c>
      <c r="KI31" s="71">
        <v>4</v>
      </c>
      <c r="KJ31" s="71">
        <v>4</v>
      </c>
      <c r="KK31" s="72">
        <v>29</v>
      </c>
      <c r="KL31" s="73">
        <v>32</v>
      </c>
    </row>
    <row r="32" spans="1:298" ht="19.5" customHeight="1" x14ac:dyDescent="0.2">
      <c r="A32" s="129" t="s">
        <v>29</v>
      </c>
      <c r="B32" s="350">
        <v>4</v>
      </c>
      <c r="C32" s="82">
        <v>2</v>
      </c>
      <c r="D32" s="83">
        <v>6</v>
      </c>
      <c r="E32" s="273"/>
      <c r="F32" s="82">
        <v>2</v>
      </c>
      <c r="G32" s="82">
        <v>4</v>
      </c>
      <c r="H32" s="82">
        <v>10</v>
      </c>
      <c r="I32" s="82">
        <v>2</v>
      </c>
      <c r="J32" s="82">
        <v>2</v>
      </c>
      <c r="K32" s="84">
        <v>20</v>
      </c>
      <c r="L32" s="85">
        <v>26</v>
      </c>
      <c r="M32" s="70">
        <v>0</v>
      </c>
      <c r="N32" s="71">
        <v>0</v>
      </c>
      <c r="O32" s="72">
        <v>0</v>
      </c>
      <c r="P32" s="276"/>
      <c r="Q32" s="71">
        <v>0</v>
      </c>
      <c r="R32" s="71">
        <v>0</v>
      </c>
      <c r="S32" s="71">
        <v>1</v>
      </c>
      <c r="T32" s="71">
        <v>0</v>
      </c>
      <c r="U32" s="71">
        <v>0</v>
      </c>
      <c r="V32" s="72">
        <v>1</v>
      </c>
      <c r="W32" s="73">
        <v>1</v>
      </c>
      <c r="X32" s="70">
        <v>0</v>
      </c>
      <c r="Y32" s="71">
        <v>1</v>
      </c>
      <c r="Z32" s="72">
        <v>1</v>
      </c>
      <c r="AA32" s="276"/>
      <c r="AB32" s="71">
        <v>0</v>
      </c>
      <c r="AC32" s="71">
        <v>1</v>
      </c>
      <c r="AD32" s="71">
        <v>0</v>
      </c>
      <c r="AE32" s="71">
        <v>1</v>
      </c>
      <c r="AF32" s="71">
        <v>1</v>
      </c>
      <c r="AG32" s="72">
        <v>3</v>
      </c>
      <c r="AH32" s="73">
        <v>4</v>
      </c>
      <c r="AI32" s="70">
        <v>1</v>
      </c>
      <c r="AJ32" s="71">
        <v>1</v>
      </c>
      <c r="AK32" s="72">
        <v>2</v>
      </c>
      <c r="AL32" s="276"/>
      <c r="AM32" s="71">
        <v>0</v>
      </c>
      <c r="AN32" s="71">
        <v>1</v>
      </c>
      <c r="AO32" s="71">
        <v>1</v>
      </c>
      <c r="AP32" s="71">
        <v>0</v>
      </c>
      <c r="AQ32" s="71">
        <v>1</v>
      </c>
      <c r="AR32" s="72">
        <v>3</v>
      </c>
      <c r="AS32" s="73">
        <v>5</v>
      </c>
      <c r="AT32" s="70">
        <v>1</v>
      </c>
      <c r="AU32" s="71">
        <v>0</v>
      </c>
      <c r="AV32" s="72">
        <v>1</v>
      </c>
      <c r="AW32" s="276"/>
      <c r="AX32" s="71">
        <v>1</v>
      </c>
      <c r="AY32" s="71">
        <v>0</v>
      </c>
      <c r="AZ32" s="71">
        <v>5</v>
      </c>
      <c r="BA32" s="71">
        <v>0</v>
      </c>
      <c r="BB32" s="71">
        <v>0</v>
      </c>
      <c r="BC32" s="72">
        <v>6</v>
      </c>
      <c r="BD32" s="73">
        <v>7</v>
      </c>
      <c r="BE32" s="70">
        <v>2</v>
      </c>
      <c r="BF32" s="71">
        <v>0</v>
      </c>
      <c r="BG32" s="72">
        <v>2</v>
      </c>
      <c r="BH32" s="276"/>
      <c r="BI32" s="71">
        <v>0</v>
      </c>
      <c r="BJ32" s="71">
        <v>0</v>
      </c>
      <c r="BK32" s="71">
        <v>2</v>
      </c>
      <c r="BL32" s="71">
        <v>1</v>
      </c>
      <c r="BM32" s="71">
        <v>0</v>
      </c>
      <c r="BN32" s="72">
        <v>3</v>
      </c>
      <c r="BO32" s="73">
        <v>5</v>
      </c>
      <c r="BP32" s="70">
        <v>0</v>
      </c>
      <c r="BQ32" s="71">
        <v>0</v>
      </c>
      <c r="BR32" s="72">
        <v>0</v>
      </c>
      <c r="BS32" s="276"/>
      <c r="BT32" s="71">
        <v>1</v>
      </c>
      <c r="BU32" s="71">
        <v>2</v>
      </c>
      <c r="BV32" s="71">
        <v>1</v>
      </c>
      <c r="BW32" s="71">
        <v>0</v>
      </c>
      <c r="BX32" s="71">
        <v>0</v>
      </c>
      <c r="BY32" s="72">
        <v>4</v>
      </c>
      <c r="BZ32" s="73">
        <v>4</v>
      </c>
      <c r="CA32" s="70">
        <v>0</v>
      </c>
      <c r="CB32" s="71">
        <v>0</v>
      </c>
      <c r="CC32" s="72">
        <v>0</v>
      </c>
      <c r="CD32" s="276"/>
      <c r="CE32" s="71">
        <v>0</v>
      </c>
      <c r="CF32" s="71">
        <v>0</v>
      </c>
      <c r="CG32" s="71">
        <v>0</v>
      </c>
      <c r="CH32" s="71">
        <v>0</v>
      </c>
      <c r="CI32" s="71">
        <v>0</v>
      </c>
      <c r="CJ32" s="72">
        <v>0</v>
      </c>
      <c r="CK32" s="73">
        <v>0</v>
      </c>
      <c r="CL32" s="70">
        <v>4</v>
      </c>
      <c r="CM32" s="71">
        <v>2</v>
      </c>
      <c r="CN32" s="72">
        <v>6</v>
      </c>
      <c r="CO32" s="276"/>
      <c r="CP32" s="71">
        <v>2</v>
      </c>
      <c r="CQ32" s="71">
        <v>4</v>
      </c>
      <c r="CR32" s="71">
        <v>10</v>
      </c>
      <c r="CS32" s="71">
        <v>2</v>
      </c>
      <c r="CT32" s="71">
        <v>2</v>
      </c>
      <c r="CU32" s="72">
        <v>20</v>
      </c>
      <c r="CV32" s="73">
        <v>26</v>
      </c>
      <c r="CW32" s="126">
        <v>2</v>
      </c>
      <c r="CX32" s="82">
        <v>5</v>
      </c>
      <c r="CY32" s="83">
        <v>7</v>
      </c>
      <c r="CZ32" s="273"/>
      <c r="DA32" s="82">
        <v>4</v>
      </c>
      <c r="DB32" s="82">
        <v>1</v>
      </c>
      <c r="DC32" s="82">
        <v>0</v>
      </c>
      <c r="DD32" s="82">
        <v>1</v>
      </c>
      <c r="DE32" s="82">
        <v>0</v>
      </c>
      <c r="DF32" s="84">
        <v>6</v>
      </c>
      <c r="DG32" s="85">
        <v>13</v>
      </c>
      <c r="DH32" s="70">
        <v>0</v>
      </c>
      <c r="DI32" s="71">
        <v>0</v>
      </c>
      <c r="DJ32" s="72">
        <v>0</v>
      </c>
      <c r="DK32" s="276"/>
      <c r="DL32" s="71">
        <v>0</v>
      </c>
      <c r="DM32" s="71">
        <v>0</v>
      </c>
      <c r="DN32" s="71">
        <v>0</v>
      </c>
      <c r="DO32" s="71">
        <v>0</v>
      </c>
      <c r="DP32" s="71">
        <v>0</v>
      </c>
      <c r="DQ32" s="72">
        <v>0</v>
      </c>
      <c r="DR32" s="73">
        <v>0</v>
      </c>
      <c r="DS32" s="70">
        <v>0</v>
      </c>
      <c r="DT32" s="71">
        <v>0</v>
      </c>
      <c r="DU32" s="72">
        <v>0</v>
      </c>
      <c r="DV32" s="276"/>
      <c r="DW32" s="71">
        <v>0</v>
      </c>
      <c r="DX32" s="71">
        <v>0</v>
      </c>
      <c r="DY32" s="71">
        <v>0</v>
      </c>
      <c r="DZ32" s="71">
        <v>0</v>
      </c>
      <c r="EA32" s="71">
        <v>0</v>
      </c>
      <c r="EB32" s="72">
        <v>0</v>
      </c>
      <c r="EC32" s="73">
        <v>0</v>
      </c>
      <c r="ED32" s="70">
        <v>1</v>
      </c>
      <c r="EE32" s="71">
        <v>0</v>
      </c>
      <c r="EF32" s="72">
        <v>1</v>
      </c>
      <c r="EG32" s="276"/>
      <c r="EH32" s="71">
        <v>0</v>
      </c>
      <c r="EI32" s="71">
        <v>0</v>
      </c>
      <c r="EJ32" s="71">
        <v>0</v>
      </c>
      <c r="EK32" s="71">
        <v>1</v>
      </c>
      <c r="EL32" s="71">
        <v>0</v>
      </c>
      <c r="EM32" s="72">
        <v>1</v>
      </c>
      <c r="EN32" s="73">
        <v>2</v>
      </c>
      <c r="EO32" s="70">
        <v>1</v>
      </c>
      <c r="EP32" s="71">
        <v>2</v>
      </c>
      <c r="EQ32" s="72">
        <v>3</v>
      </c>
      <c r="ER32" s="276"/>
      <c r="ES32" s="71">
        <v>2</v>
      </c>
      <c r="ET32" s="71">
        <v>0</v>
      </c>
      <c r="EU32" s="71">
        <v>0</v>
      </c>
      <c r="EV32" s="71">
        <v>0</v>
      </c>
      <c r="EW32" s="71">
        <v>0</v>
      </c>
      <c r="EX32" s="72">
        <v>2</v>
      </c>
      <c r="EY32" s="73">
        <v>5</v>
      </c>
      <c r="EZ32" s="70">
        <v>0</v>
      </c>
      <c r="FA32" s="71">
        <v>2</v>
      </c>
      <c r="FB32" s="72">
        <v>2</v>
      </c>
      <c r="FC32" s="276"/>
      <c r="FD32" s="71">
        <v>1</v>
      </c>
      <c r="FE32" s="71">
        <v>0</v>
      </c>
      <c r="FF32" s="71">
        <v>0</v>
      </c>
      <c r="FG32" s="71">
        <v>0</v>
      </c>
      <c r="FH32" s="71">
        <v>0</v>
      </c>
      <c r="FI32" s="72">
        <v>1</v>
      </c>
      <c r="FJ32" s="73">
        <v>3</v>
      </c>
      <c r="FK32" s="70">
        <v>0</v>
      </c>
      <c r="FL32" s="71">
        <v>1</v>
      </c>
      <c r="FM32" s="72">
        <v>1</v>
      </c>
      <c r="FN32" s="276"/>
      <c r="FO32" s="71">
        <v>1</v>
      </c>
      <c r="FP32" s="71">
        <v>1</v>
      </c>
      <c r="FQ32" s="71">
        <v>0</v>
      </c>
      <c r="FR32" s="71">
        <v>0</v>
      </c>
      <c r="FS32" s="71">
        <v>0</v>
      </c>
      <c r="FT32" s="72">
        <v>2</v>
      </c>
      <c r="FU32" s="73">
        <v>3</v>
      </c>
      <c r="FV32" s="70">
        <v>0</v>
      </c>
      <c r="FW32" s="71">
        <v>0</v>
      </c>
      <c r="FX32" s="72">
        <v>0</v>
      </c>
      <c r="FY32" s="276"/>
      <c r="FZ32" s="71">
        <v>0</v>
      </c>
      <c r="GA32" s="71">
        <v>0</v>
      </c>
      <c r="GB32" s="71">
        <v>0</v>
      </c>
      <c r="GC32" s="71">
        <v>0</v>
      </c>
      <c r="GD32" s="71">
        <v>0</v>
      </c>
      <c r="GE32" s="72">
        <v>0</v>
      </c>
      <c r="GF32" s="73">
        <v>0</v>
      </c>
      <c r="GG32" s="70">
        <v>2</v>
      </c>
      <c r="GH32" s="71">
        <v>5</v>
      </c>
      <c r="GI32" s="72">
        <v>7</v>
      </c>
      <c r="GJ32" s="276"/>
      <c r="GK32" s="71">
        <v>4</v>
      </c>
      <c r="GL32" s="71">
        <v>1</v>
      </c>
      <c r="GM32" s="71">
        <v>0</v>
      </c>
      <c r="GN32" s="71">
        <v>1</v>
      </c>
      <c r="GO32" s="71">
        <v>0</v>
      </c>
      <c r="GP32" s="72">
        <v>6</v>
      </c>
      <c r="GQ32" s="73">
        <v>13</v>
      </c>
      <c r="GR32" s="126">
        <v>6</v>
      </c>
      <c r="GS32" s="82">
        <v>7</v>
      </c>
      <c r="GT32" s="83">
        <v>13</v>
      </c>
      <c r="GU32" s="273"/>
      <c r="GV32" s="82">
        <v>6</v>
      </c>
      <c r="GW32" s="82">
        <v>5</v>
      </c>
      <c r="GX32" s="82">
        <v>10</v>
      </c>
      <c r="GY32" s="82">
        <v>3</v>
      </c>
      <c r="GZ32" s="82">
        <v>2</v>
      </c>
      <c r="HA32" s="84">
        <v>26</v>
      </c>
      <c r="HB32" s="85">
        <v>39</v>
      </c>
      <c r="HC32" s="70">
        <v>0</v>
      </c>
      <c r="HD32" s="71">
        <v>0</v>
      </c>
      <c r="HE32" s="72">
        <v>0</v>
      </c>
      <c r="HF32" s="276"/>
      <c r="HG32" s="71">
        <v>0</v>
      </c>
      <c r="HH32" s="71">
        <v>0</v>
      </c>
      <c r="HI32" s="71">
        <v>1</v>
      </c>
      <c r="HJ32" s="71">
        <v>0</v>
      </c>
      <c r="HK32" s="71">
        <v>0</v>
      </c>
      <c r="HL32" s="72">
        <v>1</v>
      </c>
      <c r="HM32" s="73">
        <v>1</v>
      </c>
      <c r="HN32" s="70">
        <v>0</v>
      </c>
      <c r="HO32" s="71">
        <v>1</v>
      </c>
      <c r="HP32" s="72">
        <v>1</v>
      </c>
      <c r="HQ32" s="276"/>
      <c r="HR32" s="71">
        <v>0</v>
      </c>
      <c r="HS32" s="71">
        <v>1</v>
      </c>
      <c r="HT32" s="71">
        <v>0</v>
      </c>
      <c r="HU32" s="71">
        <v>1</v>
      </c>
      <c r="HV32" s="71">
        <v>1</v>
      </c>
      <c r="HW32" s="72">
        <v>3</v>
      </c>
      <c r="HX32" s="73">
        <v>4</v>
      </c>
      <c r="HY32" s="70">
        <v>2</v>
      </c>
      <c r="HZ32" s="71">
        <v>1</v>
      </c>
      <c r="IA32" s="72">
        <v>3</v>
      </c>
      <c r="IB32" s="276"/>
      <c r="IC32" s="71">
        <v>0</v>
      </c>
      <c r="ID32" s="71">
        <v>1</v>
      </c>
      <c r="IE32" s="71">
        <v>1</v>
      </c>
      <c r="IF32" s="71">
        <v>1</v>
      </c>
      <c r="IG32" s="71">
        <v>1</v>
      </c>
      <c r="IH32" s="72">
        <v>4</v>
      </c>
      <c r="II32" s="73">
        <v>7</v>
      </c>
      <c r="IJ32" s="70">
        <v>2</v>
      </c>
      <c r="IK32" s="71">
        <v>2</v>
      </c>
      <c r="IL32" s="72">
        <v>4</v>
      </c>
      <c r="IM32" s="276"/>
      <c r="IN32" s="71">
        <v>3</v>
      </c>
      <c r="IO32" s="71">
        <v>0</v>
      </c>
      <c r="IP32" s="71">
        <v>5</v>
      </c>
      <c r="IQ32" s="71">
        <v>0</v>
      </c>
      <c r="IR32" s="71">
        <v>0</v>
      </c>
      <c r="IS32" s="72">
        <v>8</v>
      </c>
      <c r="IT32" s="73">
        <v>12</v>
      </c>
      <c r="IU32" s="70">
        <v>2</v>
      </c>
      <c r="IV32" s="71">
        <v>2</v>
      </c>
      <c r="IW32" s="72">
        <v>4</v>
      </c>
      <c r="IX32" s="276"/>
      <c r="IY32" s="71">
        <v>1</v>
      </c>
      <c r="IZ32" s="71">
        <v>0</v>
      </c>
      <c r="JA32" s="71">
        <v>2</v>
      </c>
      <c r="JB32" s="71">
        <v>1</v>
      </c>
      <c r="JC32" s="71">
        <v>0</v>
      </c>
      <c r="JD32" s="72">
        <v>4</v>
      </c>
      <c r="JE32" s="73">
        <v>8</v>
      </c>
      <c r="JF32" s="70">
        <v>0</v>
      </c>
      <c r="JG32" s="71">
        <v>1</v>
      </c>
      <c r="JH32" s="72">
        <v>1</v>
      </c>
      <c r="JI32" s="276"/>
      <c r="JJ32" s="71">
        <v>2</v>
      </c>
      <c r="JK32" s="71">
        <v>3</v>
      </c>
      <c r="JL32" s="71">
        <v>1</v>
      </c>
      <c r="JM32" s="71">
        <v>0</v>
      </c>
      <c r="JN32" s="71">
        <v>0</v>
      </c>
      <c r="JO32" s="72">
        <v>6</v>
      </c>
      <c r="JP32" s="73">
        <v>7</v>
      </c>
      <c r="JQ32" s="70">
        <v>0</v>
      </c>
      <c r="JR32" s="71">
        <v>0</v>
      </c>
      <c r="JS32" s="72">
        <v>0</v>
      </c>
      <c r="JT32" s="276"/>
      <c r="JU32" s="71">
        <v>0</v>
      </c>
      <c r="JV32" s="71">
        <v>0</v>
      </c>
      <c r="JW32" s="71">
        <v>0</v>
      </c>
      <c r="JX32" s="71">
        <v>0</v>
      </c>
      <c r="JY32" s="71">
        <v>0</v>
      </c>
      <c r="JZ32" s="72">
        <v>0</v>
      </c>
      <c r="KA32" s="73">
        <v>0</v>
      </c>
      <c r="KB32" s="70">
        <v>6</v>
      </c>
      <c r="KC32" s="71">
        <v>7</v>
      </c>
      <c r="KD32" s="72">
        <v>13</v>
      </c>
      <c r="KE32" s="276"/>
      <c r="KF32" s="71">
        <v>6</v>
      </c>
      <c r="KG32" s="71">
        <v>5</v>
      </c>
      <c r="KH32" s="71">
        <v>10</v>
      </c>
      <c r="KI32" s="71">
        <v>3</v>
      </c>
      <c r="KJ32" s="71">
        <v>2</v>
      </c>
      <c r="KK32" s="72">
        <v>26</v>
      </c>
      <c r="KL32" s="73">
        <v>39</v>
      </c>
    </row>
    <row r="33" spans="1:298" ht="19.5" customHeight="1" x14ac:dyDescent="0.2">
      <c r="A33" s="129" t="s">
        <v>30</v>
      </c>
      <c r="B33" s="350">
        <v>1</v>
      </c>
      <c r="C33" s="82">
        <v>2</v>
      </c>
      <c r="D33" s="83">
        <v>3</v>
      </c>
      <c r="E33" s="273"/>
      <c r="F33" s="82">
        <v>4</v>
      </c>
      <c r="G33" s="82">
        <v>6</v>
      </c>
      <c r="H33" s="82">
        <v>5</v>
      </c>
      <c r="I33" s="82">
        <v>4</v>
      </c>
      <c r="J33" s="82">
        <v>1</v>
      </c>
      <c r="K33" s="84">
        <v>20</v>
      </c>
      <c r="L33" s="85">
        <v>23</v>
      </c>
      <c r="M33" s="70">
        <v>0</v>
      </c>
      <c r="N33" s="71">
        <v>0</v>
      </c>
      <c r="O33" s="72">
        <v>0</v>
      </c>
      <c r="P33" s="276"/>
      <c r="Q33" s="71">
        <v>0</v>
      </c>
      <c r="R33" s="71">
        <v>0</v>
      </c>
      <c r="S33" s="71">
        <v>0</v>
      </c>
      <c r="T33" s="71">
        <v>0</v>
      </c>
      <c r="U33" s="71">
        <v>0</v>
      </c>
      <c r="V33" s="72">
        <v>0</v>
      </c>
      <c r="W33" s="73">
        <v>0</v>
      </c>
      <c r="X33" s="70">
        <v>1</v>
      </c>
      <c r="Y33" s="71">
        <v>0</v>
      </c>
      <c r="Z33" s="72">
        <v>1</v>
      </c>
      <c r="AA33" s="276"/>
      <c r="AB33" s="71">
        <v>1</v>
      </c>
      <c r="AC33" s="71">
        <v>0</v>
      </c>
      <c r="AD33" s="71">
        <v>0</v>
      </c>
      <c r="AE33" s="71">
        <v>1</v>
      </c>
      <c r="AF33" s="71">
        <v>0</v>
      </c>
      <c r="AG33" s="72">
        <v>2</v>
      </c>
      <c r="AH33" s="73">
        <v>3</v>
      </c>
      <c r="AI33" s="70">
        <v>0</v>
      </c>
      <c r="AJ33" s="71">
        <v>0</v>
      </c>
      <c r="AK33" s="72">
        <v>0</v>
      </c>
      <c r="AL33" s="276"/>
      <c r="AM33" s="71">
        <v>0</v>
      </c>
      <c r="AN33" s="71">
        <v>1</v>
      </c>
      <c r="AO33" s="71">
        <v>0</v>
      </c>
      <c r="AP33" s="71">
        <v>0</v>
      </c>
      <c r="AQ33" s="71">
        <v>0</v>
      </c>
      <c r="AR33" s="72">
        <v>1</v>
      </c>
      <c r="AS33" s="73">
        <v>1</v>
      </c>
      <c r="AT33" s="70">
        <v>0</v>
      </c>
      <c r="AU33" s="71">
        <v>1</v>
      </c>
      <c r="AV33" s="72">
        <v>1</v>
      </c>
      <c r="AW33" s="276"/>
      <c r="AX33" s="71">
        <v>1</v>
      </c>
      <c r="AY33" s="71">
        <v>2</v>
      </c>
      <c r="AZ33" s="71">
        <v>1</v>
      </c>
      <c r="BA33" s="71">
        <v>0</v>
      </c>
      <c r="BB33" s="71">
        <v>0</v>
      </c>
      <c r="BC33" s="72">
        <v>4</v>
      </c>
      <c r="BD33" s="73">
        <v>5</v>
      </c>
      <c r="BE33" s="70">
        <v>0</v>
      </c>
      <c r="BF33" s="71">
        <v>1</v>
      </c>
      <c r="BG33" s="72">
        <v>1</v>
      </c>
      <c r="BH33" s="276"/>
      <c r="BI33" s="71">
        <v>1</v>
      </c>
      <c r="BJ33" s="71">
        <v>3</v>
      </c>
      <c r="BK33" s="71">
        <v>1</v>
      </c>
      <c r="BL33" s="71">
        <v>3</v>
      </c>
      <c r="BM33" s="71">
        <v>1</v>
      </c>
      <c r="BN33" s="72">
        <v>9</v>
      </c>
      <c r="BO33" s="73">
        <v>10</v>
      </c>
      <c r="BP33" s="70">
        <v>0</v>
      </c>
      <c r="BQ33" s="71">
        <v>0</v>
      </c>
      <c r="BR33" s="72">
        <v>0</v>
      </c>
      <c r="BS33" s="276"/>
      <c r="BT33" s="71">
        <v>1</v>
      </c>
      <c r="BU33" s="71">
        <v>0</v>
      </c>
      <c r="BV33" s="71">
        <v>3</v>
      </c>
      <c r="BW33" s="71">
        <v>0</v>
      </c>
      <c r="BX33" s="71">
        <v>0</v>
      </c>
      <c r="BY33" s="72">
        <v>4</v>
      </c>
      <c r="BZ33" s="73">
        <v>4</v>
      </c>
      <c r="CA33" s="70">
        <v>0</v>
      </c>
      <c r="CB33" s="71">
        <v>0</v>
      </c>
      <c r="CC33" s="72">
        <v>0</v>
      </c>
      <c r="CD33" s="276"/>
      <c r="CE33" s="71">
        <v>0</v>
      </c>
      <c r="CF33" s="71">
        <v>0</v>
      </c>
      <c r="CG33" s="71">
        <v>0</v>
      </c>
      <c r="CH33" s="71">
        <v>0</v>
      </c>
      <c r="CI33" s="71">
        <v>0</v>
      </c>
      <c r="CJ33" s="72">
        <v>0</v>
      </c>
      <c r="CK33" s="73">
        <v>0</v>
      </c>
      <c r="CL33" s="70">
        <v>1</v>
      </c>
      <c r="CM33" s="71">
        <v>2</v>
      </c>
      <c r="CN33" s="72">
        <v>3</v>
      </c>
      <c r="CO33" s="276"/>
      <c r="CP33" s="71">
        <v>4</v>
      </c>
      <c r="CQ33" s="71">
        <v>6</v>
      </c>
      <c r="CR33" s="71">
        <v>5</v>
      </c>
      <c r="CS33" s="71">
        <v>4</v>
      </c>
      <c r="CT33" s="71">
        <v>1</v>
      </c>
      <c r="CU33" s="72">
        <v>20</v>
      </c>
      <c r="CV33" s="73">
        <v>23</v>
      </c>
      <c r="CW33" s="126">
        <v>1</v>
      </c>
      <c r="CX33" s="82">
        <v>2</v>
      </c>
      <c r="CY33" s="83">
        <v>3</v>
      </c>
      <c r="CZ33" s="273"/>
      <c r="DA33" s="82">
        <v>2</v>
      </c>
      <c r="DB33" s="82">
        <v>1</v>
      </c>
      <c r="DC33" s="82">
        <v>0</v>
      </c>
      <c r="DD33" s="82">
        <v>0</v>
      </c>
      <c r="DE33" s="82">
        <v>0</v>
      </c>
      <c r="DF33" s="84">
        <v>3</v>
      </c>
      <c r="DG33" s="85">
        <v>6</v>
      </c>
      <c r="DH33" s="70">
        <v>0</v>
      </c>
      <c r="DI33" s="71">
        <v>0</v>
      </c>
      <c r="DJ33" s="72">
        <v>0</v>
      </c>
      <c r="DK33" s="276"/>
      <c r="DL33" s="71">
        <v>0</v>
      </c>
      <c r="DM33" s="71">
        <v>0</v>
      </c>
      <c r="DN33" s="71">
        <v>0</v>
      </c>
      <c r="DO33" s="71">
        <v>0</v>
      </c>
      <c r="DP33" s="71">
        <v>0</v>
      </c>
      <c r="DQ33" s="72">
        <v>0</v>
      </c>
      <c r="DR33" s="73">
        <v>0</v>
      </c>
      <c r="DS33" s="70">
        <v>0</v>
      </c>
      <c r="DT33" s="71">
        <v>0</v>
      </c>
      <c r="DU33" s="72">
        <v>0</v>
      </c>
      <c r="DV33" s="276"/>
      <c r="DW33" s="71">
        <v>0</v>
      </c>
      <c r="DX33" s="71">
        <v>0</v>
      </c>
      <c r="DY33" s="71">
        <v>0</v>
      </c>
      <c r="DZ33" s="71">
        <v>0</v>
      </c>
      <c r="EA33" s="71">
        <v>0</v>
      </c>
      <c r="EB33" s="72">
        <v>0</v>
      </c>
      <c r="EC33" s="73">
        <v>0</v>
      </c>
      <c r="ED33" s="70">
        <v>0</v>
      </c>
      <c r="EE33" s="71">
        <v>0</v>
      </c>
      <c r="EF33" s="72">
        <v>0</v>
      </c>
      <c r="EG33" s="276"/>
      <c r="EH33" s="71">
        <v>0</v>
      </c>
      <c r="EI33" s="71">
        <v>0</v>
      </c>
      <c r="EJ33" s="71">
        <v>0</v>
      </c>
      <c r="EK33" s="71">
        <v>0</v>
      </c>
      <c r="EL33" s="71">
        <v>0</v>
      </c>
      <c r="EM33" s="72">
        <v>0</v>
      </c>
      <c r="EN33" s="73">
        <v>0</v>
      </c>
      <c r="EO33" s="70">
        <v>1</v>
      </c>
      <c r="EP33" s="71">
        <v>1</v>
      </c>
      <c r="EQ33" s="72">
        <v>2</v>
      </c>
      <c r="ER33" s="276"/>
      <c r="ES33" s="71">
        <v>0</v>
      </c>
      <c r="ET33" s="71">
        <v>0</v>
      </c>
      <c r="EU33" s="71">
        <v>0</v>
      </c>
      <c r="EV33" s="71">
        <v>0</v>
      </c>
      <c r="EW33" s="71">
        <v>0</v>
      </c>
      <c r="EX33" s="72">
        <v>0</v>
      </c>
      <c r="EY33" s="73">
        <v>2</v>
      </c>
      <c r="EZ33" s="70">
        <v>0</v>
      </c>
      <c r="FA33" s="71">
        <v>0</v>
      </c>
      <c r="FB33" s="72">
        <v>0</v>
      </c>
      <c r="FC33" s="276"/>
      <c r="FD33" s="71">
        <v>1</v>
      </c>
      <c r="FE33" s="71">
        <v>0</v>
      </c>
      <c r="FF33" s="71">
        <v>0</v>
      </c>
      <c r="FG33" s="71">
        <v>0</v>
      </c>
      <c r="FH33" s="71">
        <v>0</v>
      </c>
      <c r="FI33" s="72">
        <v>1</v>
      </c>
      <c r="FJ33" s="73">
        <v>1</v>
      </c>
      <c r="FK33" s="70">
        <v>0</v>
      </c>
      <c r="FL33" s="71">
        <v>1</v>
      </c>
      <c r="FM33" s="72">
        <v>1</v>
      </c>
      <c r="FN33" s="276"/>
      <c r="FO33" s="71">
        <v>1</v>
      </c>
      <c r="FP33" s="71">
        <v>1</v>
      </c>
      <c r="FQ33" s="71">
        <v>0</v>
      </c>
      <c r="FR33" s="71">
        <v>0</v>
      </c>
      <c r="FS33" s="71">
        <v>0</v>
      </c>
      <c r="FT33" s="72">
        <v>2</v>
      </c>
      <c r="FU33" s="73">
        <v>3</v>
      </c>
      <c r="FV33" s="70">
        <v>0</v>
      </c>
      <c r="FW33" s="71">
        <v>0</v>
      </c>
      <c r="FX33" s="72">
        <v>0</v>
      </c>
      <c r="FY33" s="276"/>
      <c r="FZ33" s="71">
        <v>0</v>
      </c>
      <c r="GA33" s="71">
        <v>0</v>
      </c>
      <c r="GB33" s="71">
        <v>0</v>
      </c>
      <c r="GC33" s="71">
        <v>0</v>
      </c>
      <c r="GD33" s="71">
        <v>0</v>
      </c>
      <c r="GE33" s="72">
        <v>0</v>
      </c>
      <c r="GF33" s="73">
        <v>0</v>
      </c>
      <c r="GG33" s="70">
        <v>1</v>
      </c>
      <c r="GH33" s="71">
        <v>2</v>
      </c>
      <c r="GI33" s="72">
        <v>3</v>
      </c>
      <c r="GJ33" s="276"/>
      <c r="GK33" s="71">
        <v>2</v>
      </c>
      <c r="GL33" s="71">
        <v>1</v>
      </c>
      <c r="GM33" s="71">
        <v>0</v>
      </c>
      <c r="GN33" s="71">
        <v>0</v>
      </c>
      <c r="GO33" s="71">
        <v>0</v>
      </c>
      <c r="GP33" s="72">
        <v>3</v>
      </c>
      <c r="GQ33" s="73">
        <v>6</v>
      </c>
      <c r="GR33" s="126">
        <v>2</v>
      </c>
      <c r="GS33" s="82">
        <v>4</v>
      </c>
      <c r="GT33" s="83">
        <v>6</v>
      </c>
      <c r="GU33" s="273"/>
      <c r="GV33" s="82">
        <v>6</v>
      </c>
      <c r="GW33" s="82">
        <v>7</v>
      </c>
      <c r="GX33" s="82">
        <v>5</v>
      </c>
      <c r="GY33" s="82">
        <v>4</v>
      </c>
      <c r="GZ33" s="82">
        <v>1</v>
      </c>
      <c r="HA33" s="84">
        <v>23</v>
      </c>
      <c r="HB33" s="85">
        <v>29</v>
      </c>
      <c r="HC33" s="70">
        <v>0</v>
      </c>
      <c r="HD33" s="71">
        <v>0</v>
      </c>
      <c r="HE33" s="72">
        <v>0</v>
      </c>
      <c r="HF33" s="276"/>
      <c r="HG33" s="71">
        <v>0</v>
      </c>
      <c r="HH33" s="71">
        <v>0</v>
      </c>
      <c r="HI33" s="71">
        <v>0</v>
      </c>
      <c r="HJ33" s="71">
        <v>0</v>
      </c>
      <c r="HK33" s="71">
        <v>0</v>
      </c>
      <c r="HL33" s="72">
        <v>0</v>
      </c>
      <c r="HM33" s="73">
        <v>0</v>
      </c>
      <c r="HN33" s="70">
        <v>1</v>
      </c>
      <c r="HO33" s="71">
        <v>0</v>
      </c>
      <c r="HP33" s="72">
        <v>1</v>
      </c>
      <c r="HQ33" s="276"/>
      <c r="HR33" s="71">
        <v>1</v>
      </c>
      <c r="HS33" s="71">
        <v>0</v>
      </c>
      <c r="HT33" s="71">
        <v>0</v>
      </c>
      <c r="HU33" s="71">
        <v>1</v>
      </c>
      <c r="HV33" s="71">
        <v>0</v>
      </c>
      <c r="HW33" s="72">
        <v>2</v>
      </c>
      <c r="HX33" s="73">
        <v>3</v>
      </c>
      <c r="HY33" s="70">
        <v>0</v>
      </c>
      <c r="HZ33" s="71">
        <v>0</v>
      </c>
      <c r="IA33" s="72">
        <v>0</v>
      </c>
      <c r="IB33" s="276"/>
      <c r="IC33" s="71">
        <v>0</v>
      </c>
      <c r="ID33" s="71">
        <v>1</v>
      </c>
      <c r="IE33" s="71">
        <v>0</v>
      </c>
      <c r="IF33" s="71">
        <v>0</v>
      </c>
      <c r="IG33" s="71">
        <v>0</v>
      </c>
      <c r="IH33" s="72">
        <v>1</v>
      </c>
      <c r="II33" s="73">
        <v>1</v>
      </c>
      <c r="IJ33" s="70">
        <v>1</v>
      </c>
      <c r="IK33" s="71">
        <v>2</v>
      </c>
      <c r="IL33" s="72">
        <v>3</v>
      </c>
      <c r="IM33" s="276"/>
      <c r="IN33" s="71">
        <v>1</v>
      </c>
      <c r="IO33" s="71">
        <v>2</v>
      </c>
      <c r="IP33" s="71">
        <v>1</v>
      </c>
      <c r="IQ33" s="71">
        <v>0</v>
      </c>
      <c r="IR33" s="71">
        <v>0</v>
      </c>
      <c r="IS33" s="72">
        <v>4</v>
      </c>
      <c r="IT33" s="73">
        <v>7</v>
      </c>
      <c r="IU33" s="70">
        <v>0</v>
      </c>
      <c r="IV33" s="71">
        <v>1</v>
      </c>
      <c r="IW33" s="72">
        <v>1</v>
      </c>
      <c r="IX33" s="276"/>
      <c r="IY33" s="71">
        <v>2</v>
      </c>
      <c r="IZ33" s="71">
        <v>3</v>
      </c>
      <c r="JA33" s="71">
        <v>1</v>
      </c>
      <c r="JB33" s="71">
        <v>3</v>
      </c>
      <c r="JC33" s="71">
        <v>1</v>
      </c>
      <c r="JD33" s="72">
        <v>10</v>
      </c>
      <c r="JE33" s="73">
        <v>11</v>
      </c>
      <c r="JF33" s="70">
        <v>0</v>
      </c>
      <c r="JG33" s="71">
        <v>1</v>
      </c>
      <c r="JH33" s="72">
        <v>1</v>
      </c>
      <c r="JI33" s="276"/>
      <c r="JJ33" s="71">
        <v>2</v>
      </c>
      <c r="JK33" s="71">
        <v>1</v>
      </c>
      <c r="JL33" s="71">
        <v>3</v>
      </c>
      <c r="JM33" s="71">
        <v>0</v>
      </c>
      <c r="JN33" s="71">
        <v>0</v>
      </c>
      <c r="JO33" s="72">
        <v>6</v>
      </c>
      <c r="JP33" s="73">
        <v>7</v>
      </c>
      <c r="JQ33" s="70">
        <v>0</v>
      </c>
      <c r="JR33" s="71">
        <v>0</v>
      </c>
      <c r="JS33" s="72">
        <v>0</v>
      </c>
      <c r="JT33" s="276"/>
      <c r="JU33" s="71">
        <v>0</v>
      </c>
      <c r="JV33" s="71">
        <v>0</v>
      </c>
      <c r="JW33" s="71">
        <v>0</v>
      </c>
      <c r="JX33" s="71">
        <v>0</v>
      </c>
      <c r="JY33" s="71">
        <v>0</v>
      </c>
      <c r="JZ33" s="72">
        <v>0</v>
      </c>
      <c r="KA33" s="73">
        <v>0</v>
      </c>
      <c r="KB33" s="70">
        <v>2</v>
      </c>
      <c r="KC33" s="71">
        <v>4</v>
      </c>
      <c r="KD33" s="72">
        <v>6</v>
      </c>
      <c r="KE33" s="276"/>
      <c r="KF33" s="71">
        <v>6</v>
      </c>
      <c r="KG33" s="71">
        <v>7</v>
      </c>
      <c r="KH33" s="71">
        <v>5</v>
      </c>
      <c r="KI33" s="71">
        <v>4</v>
      </c>
      <c r="KJ33" s="71">
        <v>1</v>
      </c>
      <c r="KK33" s="72">
        <v>23</v>
      </c>
      <c r="KL33" s="73">
        <v>29</v>
      </c>
    </row>
    <row r="34" spans="1:298" ht="19.5" customHeight="1" x14ac:dyDescent="0.2">
      <c r="A34" s="129" t="s">
        <v>31</v>
      </c>
      <c r="B34" s="350">
        <v>4</v>
      </c>
      <c r="C34" s="82">
        <v>1</v>
      </c>
      <c r="D34" s="83">
        <v>5</v>
      </c>
      <c r="E34" s="273"/>
      <c r="F34" s="82">
        <v>6</v>
      </c>
      <c r="G34" s="82">
        <v>6</v>
      </c>
      <c r="H34" s="82">
        <v>4</v>
      </c>
      <c r="I34" s="82">
        <v>1</v>
      </c>
      <c r="J34" s="82">
        <v>2</v>
      </c>
      <c r="K34" s="84">
        <v>19</v>
      </c>
      <c r="L34" s="85">
        <v>24</v>
      </c>
      <c r="M34" s="70">
        <v>0</v>
      </c>
      <c r="N34" s="71">
        <v>0</v>
      </c>
      <c r="O34" s="72">
        <v>0</v>
      </c>
      <c r="P34" s="276"/>
      <c r="Q34" s="71">
        <v>0</v>
      </c>
      <c r="R34" s="71">
        <v>1</v>
      </c>
      <c r="S34" s="71">
        <v>1</v>
      </c>
      <c r="T34" s="71">
        <v>0</v>
      </c>
      <c r="U34" s="71">
        <v>0</v>
      </c>
      <c r="V34" s="72">
        <v>2</v>
      </c>
      <c r="W34" s="73">
        <v>2</v>
      </c>
      <c r="X34" s="70">
        <v>1</v>
      </c>
      <c r="Y34" s="71">
        <v>0</v>
      </c>
      <c r="Z34" s="72">
        <v>1</v>
      </c>
      <c r="AA34" s="276"/>
      <c r="AB34" s="71">
        <v>1</v>
      </c>
      <c r="AC34" s="71">
        <v>0</v>
      </c>
      <c r="AD34" s="71">
        <v>1</v>
      </c>
      <c r="AE34" s="71">
        <v>0</v>
      </c>
      <c r="AF34" s="71">
        <v>1</v>
      </c>
      <c r="AG34" s="72">
        <v>3</v>
      </c>
      <c r="AH34" s="73">
        <v>4</v>
      </c>
      <c r="AI34" s="70">
        <v>0</v>
      </c>
      <c r="AJ34" s="71">
        <v>0</v>
      </c>
      <c r="AK34" s="72">
        <v>0</v>
      </c>
      <c r="AL34" s="276"/>
      <c r="AM34" s="71">
        <v>1</v>
      </c>
      <c r="AN34" s="71">
        <v>0</v>
      </c>
      <c r="AO34" s="71">
        <v>0</v>
      </c>
      <c r="AP34" s="71">
        <v>0</v>
      </c>
      <c r="AQ34" s="71">
        <v>0</v>
      </c>
      <c r="AR34" s="72">
        <v>1</v>
      </c>
      <c r="AS34" s="73">
        <v>1</v>
      </c>
      <c r="AT34" s="70">
        <v>0</v>
      </c>
      <c r="AU34" s="71">
        <v>1</v>
      </c>
      <c r="AV34" s="72">
        <v>1</v>
      </c>
      <c r="AW34" s="276"/>
      <c r="AX34" s="71">
        <v>1</v>
      </c>
      <c r="AY34" s="71">
        <v>1</v>
      </c>
      <c r="AZ34" s="71">
        <v>0</v>
      </c>
      <c r="BA34" s="71">
        <v>0</v>
      </c>
      <c r="BB34" s="71">
        <v>1</v>
      </c>
      <c r="BC34" s="72">
        <v>3</v>
      </c>
      <c r="BD34" s="73">
        <v>4</v>
      </c>
      <c r="BE34" s="70">
        <v>3</v>
      </c>
      <c r="BF34" s="71">
        <v>0</v>
      </c>
      <c r="BG34" s="72">
        <v>3</v>
      </c>
      <c r="BH34" s="276"/>
      <c r="BI34" s="71">
        <v>0</v>
      </c>
      <c r="BJ34" s="71">
        <v>1</v>
      </c>
      <c r="BK34" s="71">
        <v>1</v>
      </c>
      <c r="BL34" s="71">
        <v>0</v>
      </c>
      <c r="BM34" s="71">
        <v>0</v>
      </c>
      <c r="BN34" s="72">
        <v>2</v>
      </c>
      <c r="BO34" s="73">
        <v>5</v>
      </c>
      <c r="BP34" s="70">
        <v>0</v>
      </c>
      <c r="BQ34" s="71">
        <v>0</v>
      </c>
      <c r="BR34" s="72">
        <v>0</v>
      </c>
      <c r="BS34" s="276"/>
      <c r="BT34" s="71">
        <v>3</v>
      </c>
      <c r="BU34" s="71">
        <v>3</v>
      </c>
      <c r="BV34" s="71">
        <v>1</v>
      </c>
      <c r="BW34" s="71">
        <v>1</v>
      </c>
      <c r="BX34" s="71">
        <v>0</v>
      </c>
      <c r="BY34" s="72">
        <v>8</v>
      </c>
      <c r="BZ34" s="73">
        <v>8</v>
      </c>
      <c r="CA34" s="70">
        <v>0</v>
      </c>
      <c r="CB34" s="71">
        <v>0</v>
      </c>
      <c r="CC34" s="72">
        <v>0</v>
      </c>
      <c r="CD34" s="276"/>
      <c r="CE34" s="71">
        <v>0</v>
      </c>
      <c r="CF34" s="71">
        <v>0</v>
      </c>
      <c r="CG34" s="71">
        <v>0</v>
      </c>
      <c r="CH34" s="71">
        <v>0</v>
      </c>
      <c r="CI34" s="71">
        <v>0</v>
      </c>
      <c r="CJ34" s="72">
        <v>0</v>
      </c>
      <c r="CK34" s="73">
        <v>0</v>
      </c>
      <c r="CL34" s="70">
        <v>4</v>
      </c>
      <c r="CM34" s="71">
        <v>1</v>
      </c>
      <c r="CN34" s="72">
        <v>5</v>
      </c>
      <c r="CO34" s="276"/>
      <c r="CP34" s="71">
        <v>6</v>
      </c>
      <c r="CQ34" s="71">
        <v>6</v>
      </c>
      <c r="CR34" s="71">
        <v>4</v>
      </c>
      <c r="CS34" s="71">
        <v>1</v>
      </c>
      <c r="CT34" s="71">
        <v>2</v>
      </c>
      <c r="CU34" s="72">
        <v>19</v>
      </c>
      <c r="CV34" s="73">
        <v>24</v>
      </c>
      <c r="CW34" s="126">
        <v>1</v>
      </c>
      <c r="CX34" s="82">
        <v>1</v>
      </c>
      <c r="CY34" s="83">
        <v>2</v>
      </c>
      <c r="CZ34" s="273"/>
      <c r="DA34" s="82">
        <v>0</v>
      </c>
      <c r="DB34" s="82">
        <v>1</v>
      </c>
      <c r="DC34" s="82">
        <v>2</v>
      </c>
      <c r="DD34" s="82">
        <v>1</v>
      </c>
      <c r="DE34" s="82">
        <v>2</v>
      </c>
      <c r="DF34" s="84">
        <v>6</v>
      </c>
      <c r="DG34" s="85">
        <v>8</v>
      </c>
      <c r="DH34" s="70">
        <v>0</v>
      </c>
      <c r="DI34" s="71">
        <v>0</v>
      </c>
      <c r="DJ34" s="72">
        <v>0</v>
      </c>
      <c r="DK34" s="276"/>
      <c r="DL34" s="71">
        <v>0</v>
      </c>
      <c r="DM34" s="71">
        <v>0</v>
      </c>
      <c r="DN34" s="71">
        <v>0</v>
      </c>
      <c r="DO34" s="71">
        <v>0</v>
      </c>
      <c r="DP34" s="71">
        <v>0</v>
      </c>
      <c r="DQ34" s="72">
        <v>0</v>
      </c>
      <c r="DR34" s="73">
        <v>0</v>
      </c>
      <c r="DS34" s="70">
        <v>0</v>
      </c>
      <c r="DT34" s="71">
        <v>1</v>
      </c>
      <c r="DU34" s="72">
        <v>1</v>
      </c>
      <c r="DV34" s="276"/>
      <c r="DW34" s="71">
        <v>0</v>
      </c>
      <c r="DX34" s="71">
        <v>0</v>
      </c>
      <c r="DY34" s="71">
        <v>1</v>
      </c>
      <c r="DZ34" s="71">
        <v>0</v>
      </c>
      <c r="EA34" s="71">
        <v>0</v>
      </c>
      <c r="EB34" s="72">
        <v>1</v>
      </c>
      <c r="EC34" s="73">
        <v>2</v>
      </c>
      <c r="ED34" s="70">
        <v>0</v>
      </c>
      <c r="EE34" s="71">
        <v>0</v>
      </c>
      <c r="EF34" s="72">
        <v>0</v>
      </c>
      <c r="EG34" s="276"/>
      <c r="EH34" s="71">
        <v>0</v>
      </c>
      <c r="EI34" s="71">
        <v>0</v>
      </c>
      <c r="EJ34" s="71">
        <v>0</v>
      </c>
      <c r="EK34" s="71">
        <v>0</v>
      </c>
      <c r="EL34" s="71">
        <v>0</v>
      </c>
      <c r="EM34" s="72">
        <v>0</v>
      </c>
      <c r="EN34" s="73">
        <v>0</v>
      </c>
      <c r="EO34" s="70">
        <v>0</v>
      </c>
      <c r="EP34" s="71">
        <v>0</v>
      </c>
      <c r="EQ34" s="72">
        <v>0</v>
      </c>
      <c r="ER34" s="276"/>
      <c r="ES34" s="71">
        <v>0</v>
      </c>
      <c r="ET34" s="71">
        <v>1</v>
      </c>
      <c r="EU34" s="71">
        <v>0</v>
      </c>
      <c r="EV34" s="71">
        <v>1</v>
      </c>
      <c r="EW34" s="71">
        <v>0</v>
      </c>
      <c r="EX34" s="72">
        <v>2</v>
      </c>
      <c r="EY34" s="73">
        <v>2</v>
      </c>
      <c r="EZ34" s="70">
        <v>0</v>
      </c>
      <c r="FA34" s="71">
        <v>0</v>
      </c>
      <c r="FB34" s="72">
        <v>0</v>
      </c>
      <c r="FC34" s="276"/>
      <c r="FD34" s="71">
        <v>0</v>
      </c>
      <c r="FE34" s="71">
        <v>0</v>
      </c>
      <c r="FF34" s="71">
        <v>0</v>
      </c>
      <c r="FG34" s="71">
        <v>0</v>
      </c>
      <c r="FH34" s="71">
        <v>0</v>
      </c>
      <c r="FI34" s="72">
        <v>0</v>
      </c>
      <c r="FJ34" s="73">
        <v>0</v>
      </c>
      <c r="FK34" s="70">
        <v>1</v>
      </c>
      <c r="FL34" s="71">
        <v>0</v>
      </c>
      <c r="FM34" s="72">
        <v>1</v>
      </c>
      <c r="FN34" s="276"/>
      <c r="FO34" s="71">
        <v>0</v>
      </c>
      <c r="FP34" s="71">
        <v>0</v>
      </c>
      <c r="FQ34" s="71">
        <v>1</v>
      </c>
      <c r="FR34" s="71">
        <v>0</v>
      </c>
      <c r="FS34" s="71">
        <v>2</v>
      </c>
      <c r="FT34" s="72">
        <v>3</v>
      </c>
      <c r="FU34" s="73">
        <v>4</v>
      </c>
      <c r="FV34" s="70">
        <v>0</v>
      </c>
      <c r="FW34" s="71">
        <v>0</v>
      </c>
      <c r="FX34" s="72">
        <v>0</v>
      </c>
      <c r="FY34" s="276"/>
      <c r="FZ34" s="71">
        <v>0</v>
      </c>
      <c r="GA34" s="71">
        <v>0</v>
      </c>
      <c r="GB34" s="71">
        <v>0</v>
      </c>
      <c r="GC34" s="71">
        <v>0</v>
      </c>
      <c r="GD34" s="71">
        <v>0</v>
      </c>
      <c r="GE34" s="72">
        <v>0</v>
      </c>
      <c r="GF34" s="73">
        <v>0</v>
      </c>
      <c r="GG34" s="70">
        <v>1</v>
      </c>
      <c r="GH34" s="71">
        <v>1</v>
      </c>
      <c r="GI34" s="72">
        <v>2</v>
      </c>
      <c r="GJ34" s="276"/>
      <c r="GK34" s="71">
        <v>0</v>
      </c>
      <c r="GL34" s="71">
        <v>1</v>
      </c>
      <c r="GM34" s="71">
        <v>2</v>
      </c>
      <c r="GN34" s="71">
        <v>1</v>
      </c>
      <c r="GO34" s="71">
        <v>2</v>
      </c>
      <c r="GP34" s="72">
        <v>6</v>
      </c>
      <c r="GQ34" s="73">
        <v>8</v>
      </c>
      <c r="GR34" s="126">
        <v>5</v>
      </c>
      <c r="GS34" s="82">
        <v>2</v>
      </c>
      <c r="GT34" s="83">
        <v>7</v>
      </c>
      <c r="GU34" s="273"/>
      <c r="GV34" s="82">
        <v>6</v>
      </c>
      <c r="GW34" s="82">
        <v>7</v>
      </c>
      <c r="GX34" s="82">
        <v>6</v>
      </c>
      <c r="GY34" s="82">
        <v>2</v>
      </c>
      <c r="GZ34" s="82">
        <v>4</v>
      </c>
      <c r="HA34" s="84">
        <v>25</v>
      </c>
      <c r="HB34" s="85">
        <v>32</v>
      </c>
      <c r="HC34" s="70">
        <v>0</v>
      </c>
      <c r="HD34" s="71">
        <v>0</v>
      </c>
      <c r="HE34" s="72">
        <v>0</v>
      </c>
      <c r="HF34" s="276"/>
      <c r="HG34" s="71">
        <v>0</v>
      </c>
      <c r="HH34" s="71">
        <v>1</v>
      </c>
      <c r="HI34" s="71">
        <v>1</v>
      </c>
      <c r="HJ34" s="71">
        <v>0</v>
      </c>
      <c r="HK34" s="71">
        <v>0</v>
      </c>
      <c r="HL34" s="72">
        <v>2</v>
      </c>
      <c r="HM34" s="73">
        <v>2</v>
      </c>
      <c r="HN34" s="70">
        <v>1</v>
      </c>
      <c r="HO34" s="71">
        <v>1</v>
      </c>
      <c r="HP34" s="72">
        <v>2</v>
      </c>
      <c r="HQ34" s="276"/>
      <c r="HR34" s="71">
        <v>1</v>
      </c>
      <c r="HS34" s="71">
        <v>0</v>
      </c>
      <c r="HT34" s="71">
        <v>2</v>
      </c>
      <c r="HU34" s="71">
        <v>0</v>
      </c>
      <c r="HV34" s="71">
        <v>1</v>
      </c>
      <c r="HW34" s="72">
        <v>4</v>
      </c>
      <c r="HX34" s="73">
        <v>6</v>
      </c>
      <c r="HY34" s="70">
        <v>0</v>
      </c>
      <c r="HZ34" s="71">
        <v>0</v>
      </c>
      <c r="IA34" s="72">
        <v>0</v>
      </c>
      <c r="IB34" s="276"/>
      <c r="IC34" s="71">
        <v>1</v>
      </c>
      <c r="ID34" s="71">
        <v>0</v>
      </c>
      <c r="IE34" s="71">
        <v>0</v>
      </c>
      <c r="IF34" s="71">
        <v>0</v>
      </c>
      <c r="IG34" s="71">
        <v>0</v>
      </c>
      <c r="IH34" s="72">
        <v>1</v>
      </c>
      <c r="II34" s="73">
        <v>1</v>
      </c>
      <c r="IJ34" s="70">
        <v>0</v>
      </c>
      <c r="IK34" s="71">
        <v>1</v>
      </c>
      <c r="IL34" s="72">
        <v>1</v>
      </c>
      <c r="IM34" s="276"/>
      <c r="IN34" s="71">
        <v>1</v>
      </c>
      <c r="IO34" s="71">
        <v>2</v>
      </c>
      <c r="IP34" s="71">
        <v>0</v>
      </c>
      <c r="IQ34" s="71">
        <v>1</v>
      </c>
      <c r="IR34" s="71">
        <v>1</v>
      </c>
      <c r="IS34" s="72">
        <v>5</v>
      </c>
      <c r="IT34" s="73">
        <v>6</v>
      </c>
      <c r="IU34" s="70">
        <v>3</v>
      </c>
      <c r="IV34" s="71">
        <v>0</v>
      </c>
      <c r="IW34" s="72">
        <v>3</v>
      </c>
      <c r="IX34" s="276"/>
      <c r="IY34" s="71">
        <v>0</v>
      </c>
      <c r="IZ34" s="71">
        <v>1</v>
      </c>
      <c r="JA34" s="71">
        <v>1</v>
      </c>
      <c r="JB34" s="71">
        <v>0</v>
      </c>
      <c r="JC34" s="71">
        <v>0</v>
      </c>
      <c r="JD34" s="72">
        <v>2</v>
      </c>
      <c r="JE34" s="73">
        <v>5</v>
      </c>
      <c r="JF34" s="70">
        <v>1</v>
      </c>
      <c r="JG34" s="71">
        <v>0</v>
      </c>
      <c r="JH34" s="72">
        <v>1</v>
      </c>
      <c r="JI34" s="276"/>
      <c r="JJ34" s="71">
        <v>3</v>
      </c>
      <c r="JK34" s="71">
        <v>3</v>
      </c>
      <c r="JL34" s="71">
        <v>2</v>
      </c>
      <c r="JM34" s="71">
        <v>1</v>
      </c>
      <c r="JN34" s="71">
        <v>2</v>
      </c>
      <c r="JO34" s="72">
        <v>11</v>
      </c>
      <c r="JP34" s="73">
        <v>12</v>
      </c>
      <c r="JQ34" s="70">
        <v>0</v>
      </c>
      <c r="JR34" s="71">
        <v>0</v>
      </c>
      <c r="JS34" s="72">
        <v>0</v>
      </c>
      <c r="JT34" s="276"/>
      <c r="JU34" s="71">
        <v>0</v>
      </c>
      <c r="JV34" s="71">
        <v>0</v>
      </c>
      <c r="JW34" s="71">
        <v>0</v>
      </c>
      <c r="JX34" s="71">
        <v>0</v>
      </c>
      <c r="JY34" s="71">
        <v>0</v>
      </c>
      <c r="JZ34" s="72">
        <v>0</v>
      </c>
      <c r="KA34" s="73">
        <v>0</v>
      </c>
      <c r="KB34" s="70">
        <v>5</v>
      </c>
      <c r="KC34" s="71">
        <v>2</v>
      </c>
      <c r="KD34" s="72">
        <v>7</v>
      </c>
      <c r="KE34" s="276"/>
      <c r="KF34" s="71">
        <v>6</v>
      </c>
      <c r="KG34" s="71">
        <v>7</v>
      </c>
      <c r="KH34" s="71">
        <v>6</v>
      </c>
      <c r="KI34" s="71">
        <v>2</v>
      </c>
      <c r="KJ34" s="71">
        <v>4</v>
      </c>
      <c r="KK34" s="72">
        <v>25</v>
      </c>
      <c r="KL34" s="73">
        <v>32</v>
      </c>
    </row>
    <row r="35" spans="1:298" ht="19.5" customHeight="1" x14ac:dyDescent="0.2">
      <c r="A35" s="129" t="s">
        <v>32</v>
      </c>
      <c r="B35" s="350">
        <v>3</v>
      </c>
      <c r="C35" s="82">
        <v>1</v>
      </c>
      <c r="D35" s="83">
        <v>4</v>
      </c>
      <c r="E35" s="273"/>
      <c r="F35" s="82">
        <v>8</v>
      </c>
      <c r="G35" s="82">
        <v>6</v>
      </c>
      <c r="H35" s="82">
        <v>3</v>
      </c>
      <c r="I35" s="82">
        <v>3</v>
      </c>
      <c r="J35" s="82">
        <v>3</v>
      </c>
      <c r="K35" s="84">
        <v>23</v>
      </c>
      <c r="L35" s="85">
        <v>27</v>
      </c>
      <c r="M35" s="70">
        <v>0</v>
      </c>
      <c r="N35" s="71">
        <v>0</v>
      </c>
      <c r="O35" s="72">
        <v>0</v>
      </c>
      <c r="P35" s="276"/>
      <c r="Q35" s="71">
        <v>0</v>
      </c>
      <c r="R35" s="71">
        <v>0</v>
      </c>
      <c r="S35" s="71">
        <v>1</v>
      </c>
      <c r="T35" s="71">
        <v>0</v>
      </c>
      <c r="U35" s="71">
        <v>0</v>
      </c>
      <c r="V35" s="72">
        <v>1</v>
      </c>
      <c r="W35" s="73">
        <v>1</v>
      </c>
      <c r="X35" s="70">
        <v>1</v>
      </c>
      <c r="Y35" s="71">
        <v>0</v>
      </c>
      <c r="Z35" s="72">
        <v>1</v>
      </c>
      <c r="AA35" s="276"/>
      <c r="AB35" s="71">
        <v>1</v>
      </c>
      <c r="AC35" s="71">
        <v>0</v>
      </c>
      <c r="AD35" s="71">
        <v>1</v>
      </c>
      <c r="AE35" s="71">
        <v>0</v>
      </c>
      <c r="AF35" s="71">
        <v>0</v>
      </c>
      <c r="AG35" s="72">
        <v>2</v>
      </c>
      <c r="AH35" s="73">
        <v>3</v>
      </c>
      <c r="AI35" s="70">
        <v>2</v>
      </c>
      <c r="AJ35" s="71">
        <v>0</v>
      </c>
      <c r="AK35" s="72">
        <v>2</v>
      </c>
      <c r="AL35" s="276"/>
      <c r="AM35" s="71">
        <v>1</v>
      </c>
      <c r="AN35" s="71">
        <v>1</v>
      </c>
      <c r="AO35" s="71">
        <v>0</v>
      </c>
      <c r="AP35" s="71">
        <v>0</v>
      </c>
      <c r="AQ35" s="71">
        <v>2</v>
      </c>
      <c r="AR35" s="72">
        <v>4</v>
      </c>
      <c r="AS35" s="73">
        <v>6</v>
      </c>
      <c r="AT35" s="70">
        <v>0</v>
      </c>
      <c r="AU35" s="71">
        <v>0</v>
      </c>
      <c r="AV35" s="72">
        <v>0</v>
      </c>
      <c r="AW35" s="276"/>
      <c r="AX35" s="71">
        <v>1</v>
      </c>
      <c r="AY35" s="71">
        <v>0</v>
      </c>
      <c r="AZ35" s="71">
        <v>0</v>
      </c>
      <c r="BA35" s="71">
        <v>1</v>
      </c>
      <c r="BB35" s="71">
        <v>0</v>
      </c>
      <c r="BC35" s="72">
        <v>2</v>
      </c>
      <c r="BD35" s="73">
        <v>2</v>
      </c>
      <c r="BE35" s="70">
        <v>0</v>
      </c>
      <c r="BF35" s="71">
        <v>0</v>
      </c>
      <c r="BG35" s="72">
        <v>0</v>
      </c>
      <c r="BH35" s="276"/>
      <c r="BI35" s="71">
        <v>3</v>
      </c>
      <c r="BJ35" s="71">
        <v>4</v>
      </c>
      <c r="BK35" s="71">
        <v>0</v>
      </c>
      <c r="BL35" s="71">
        <v>1</v>
      </c>
      <c r="BM35" s="71">
        <v>0</v>
      </c>
      <c r="BN35" s="72">
        <v>8</v>
      </c>
      <c r="BO35" s="73">
        <v>8</v>
      </c>
      <c r="BP35" s="70">
        <v>0</v>
      </c>
      <c r="BQ35" s="71">
        <v>1</v>
      </c>
      <c r="BR35" s="72">
        <v>1</v>
      </c>
      <c r="BS35" s="276"/>
      <c r="BT35" s="71">
        <v>2</v>
      </c>
      <c r="BU35" s="71">
        <v>1</v>
      </c>
      <c r="BV35" s="71">
        <v>1</v>
      </c>
      <c r="BW35" s="71">
        <v>1</v>
      </c>
      <c r="BX35" s="71">
        <v>1</v>
      </c>
      <c r="BY35" s="72">
        <v>6</v>
      </c>
      <c r="BZ35" s="73">
        <v>7</v>
      </c>
      <c r="CA35" s="70">
        <v>0</v>
      </c>
      <c r="CB35" s="71">
        <v>0</v>
      </c>
      <c r="CC35" s="72">
        <v>0</v>
      </c>
      <c r="CD35" s="276"/>
      <c r="CE35" s="71">
        <v>0</v>
      </c>
      <c r="CF35" s="71">
        <v>0</v>
      </c>
      <c r="CG35" s="71">
        <v>0</v>
      </c>
      <c r="CH35" s="71">
        <v>0</v>
      </c>
      <c r="CI35" s="71">
        <v>0</v>
      </c>
      <c r="CJ35" s="72">
        <v>0</v>
      </c>
      <c r="CK35" s="73">
        <v>0</v>
      </c>
      <c r="CL35" s="70">
        <v>3</v>
      </c>
      <c r="CM35" s="71">
        <v>1</v>
      </c>
      <c r="CN35" s="72">
        <v>4</v>
      </c>
      <c r="CO35" s="276"/>
      <c r="CP35" s="71">
        <v>8</v>
      </c>
      <c r="CQ35" s="71">
        <v>6</v>
      </c>
      <c r="CR35" s="71">
        <v>3</v>
      </c>
      <c r="CS35" s="71">
        <v>3</v>
      </c>
      <c r="CT35" s="71">
        <v>3</v>
      </c>
      <c r="CU35" s="72">
        <v>23</v>
      </c>
      <c r="CV35" s="73">
        <v>27</v>
      </c>
      <c r="CW35" s="126">
        <v>0</v>
      </c>
      <c r="CX35" s="82">
        <v>2</v>
      </c>
      <c r="CY35" s="83">
        <v>2</v>
      </c>
      <c r="CZ35" s="273"/>
      <c r="DA35" s="82">
        <v>3</v>
      </c>
      <c r="DB35" s="82">
        <v>3</v>
      </c>
      <c r="DC35" s="82">
        <v>1</v>
      </c>
      <c r="DD35" s="82">
        <v>1</v>
      </c>
      <c r="DE35" s="82">
        <v>0</v>
      </c>
      <c r="DF35" s="84">
        <v>8</v>
      </c>
      <c r="DG35" s="85">
        <v>10</v>
      </c>
      <c r="DH35" s="70">
        <v>0</v>
      </c>
      <c r="DI35" s="71">
        <v>0</v>
      </c>
      <c r="DJ35" s="72">
        <v>0</v>
      </c>
      <c r="DK35" s="276"/>
      <c r="DL35" s="71">
        <v>1</v>
      </c>
      <c r="DM35" s="71">
        <v>0</v>
      </c>
      <c r="DN35" s="71">
        <v>0</v>
      </c>
      <c r="DO35" s="71">
        <v>0</v>
      </c>
      <c r="DP35" s="71">
        <v>0</v>
      </c>
      <c r="DQ35" s="72">
        <v>1</v>
      </c>
      <c r="DR35" s="73">
        <v>1</v>
      </c>
      <c r="DS35" s="70">
        <v>0</v>
      </c>
      <c r="DT35" s="71">
        <v>0</v>
      </c>
      <c r="DU35" s="72">
        <v>0</v>
      </c>
      <c r="DV35" s="276"/>
      <c r="DW35" s="71">
        <v>0</v>
      </c>
      <c r="DX35" s="71">
        <v>0</v>
      </c>
      <c r="DY35" s="71">
        <v>0</v>
      </c>
      <c r="DZ35" s="71">
        <v>0</v>
      </c>
      <c r="EA35" s="71">
        <v>0</v>
      </c>
      <c r="EB35" s="72">
        <v>0</v>
      </c>
      <c r="EC35" s="73">
        <v>0</v>
      </c>
      <c r="ED35" s="70">
        <v>0</v>
      </c>
      <c r="EE35" s="71">
        <v>1</v>
      </c>
      <c r="EF35" s="72">
        <v>1</v>
      </c>
      <c r="EG35" s="276"/>
      <c r="EH35" s="71">
        <v>0</v>
      </c>
      <c r="EI35" s="71">
        <v>1</v>
      </c>
      <c r="EJ35" s="71">
        <v>0</v>
      </c>
      <c r="EK35" s="71">
        <v>0</v>
      </c>
      <c r="EL35" s="71">
        <v>0</v>
      </c>
      <c r="EM35" s="72">
        <v>1</v>
      </c>
      <c r="EN35" s="73">
        <v>2</v>
      </c>
      <c r="EO35" s="70">
        <v>0</v>
      </c>
      <c r="EP35" s="71">
        <v>0</v>
      </c>
      <c r="EQ35" s="72">
        <v>0</v>
      </c>
      <c r="ER35" s="276"/>
      <c r="ES35" s="71">
        <v>1</v>
      </c>
      <c r="ET35" s="71">
        <v>0</v>
      </c>
      <c r="EU35" s="71">
        <v>0</v>
      </c>
      <c r="EV35" s="71">
        <v>0</v>
      </c>
      <c r="EW35" s="71">
        <v>0</v>
      </c>
      <c r="EX35" s="72">
        <v>1</v>
      </c>
      <c r="EY35" s="73">
        <v>1</v>
      </c>
      <c r="EZ35" s="70">
        <v>0</v>
      </c>
      <c r="FA35" s="71">
        <v>0</v>
      </c>
      <c r="FB35" s="72">
        <v>0</v>
      </c>
      <c r="FC35" s="276"/>
      <c r="FD35" s="71">
        <v>1</v>
      </c>
      <c r="FE35" s="71">
        <v>2</v>
      </c>
      <c r="FF35" s="71">
        <v>0</v>
      </c>
      <c r="FG35" s="71">
        <v>0</v>
      </c>
      <c r="FH35" s="71">
        <v>0</v>
      </c>
      <c r="FI35" s="72">
        <v>3</v>
      </c>
      <c r="FJ35" s="73">
        <v>3</v>
      </c>
      <c r="FK35" s="70">
        <v>0</v>
      </c>
      <c r="FL35" s="71">
        <v>1</v>
      </c>
      <c r="FM35" s="72">
        <v>1</v>
      </c>
      <c r="FN35" s="276"/>
      <c r="FO35" s="71">
        <v>0</v>
      </c>
      <c r="FP35" s="71">
        <v>0</v>
      </c>
      <c r="FQ35" s="71">
        <v>1</v>
      </c>
      <c r="FR35" s="71">
        <v>1</v>
      </c>
      <c r="FS35" s="71">
        <v>0</v>
      </c>
      <c r="FT35" s="72">
        <v>2</v>
      </c>
      <c r="FU35" s="73">
        <v>3</v>
      </c>
      <c r="FV35" s="70">
        <v>0</v>
      </c>
      <c r="FW35" s="71">
        <v>0</v>
      </c>
      <c r="FX35" s="72">
        <v>0</v>
      </c>
      <c r="FY35" s="276"/>
      <c r="FZ35" s="71">
        <v>0</v>
      </c>
      <c r="GA35" s="71">
        <v>0</v>
      </c>
      <c r="GB35" s="71">
        <v>0</v>
      </c>
      <c r="GC35" s="71">
        <v>0</v>
      </c>
      <c r="GD35" s="71">
        <v>0</v>
      </c>
      <c r="GE35" s="72">
        <v>0</v>
      </c>
      <c r="GF35" s="73">
        <v>0</v>
      </c>
      <c r="GG35" s="70">
        <v>0</v>
      </c>
      <c r="GH35" s="71">
        <v>2</v>
      </c>
      <c r="GI35" s="72">
        <v>2</v>
      </c>
      <c r="GJ35" s="276"/>
      <c r="GK35" s="71">
        <v>3</v>
      </c>
      <c r="GL35" s="71">
        <v>3</v>
      </c>
      <c r="GM35" s="71">
        <v>1</v>
      </c>
      <c r="GN35" s="71">
        <v>1</v>
      </c>
      <c r="GO35" s="71">
        <v>0</v>
      </c>
      <c r="GP35" s="72">
        <v>8</v>
      </c>
      <c r="GQ35" s="73">
        <v>10</v>
      </c>
      <c r="GR35" s="126">
        <v>3</v>
      </c>
      <c r="GS35" s="82">
        <v>3</v>
      </c>
      <c r="GT35" s="83">
        <v>6</v>
      </c>
      <c r="GU35" s="273"/>
      <c r="GV35" s="82">
        <v>11</v>
      </c>
      <c r="GW35" s="82">
        <v>9</v>
      </c>
      <c r="GX35" s="82">
        <v>4</v>
      </c>
      <c r="GY35" s="82">
        <v>4</v>
      </c>
      <c r="GZ35" s="82">
        <v>3</v>
      </c>
      <c r="HA35" s="84">
        <v>31</v>
      </c>
      <c r="HB35" s="85">
        <v>37</v>
      </c>
      <c r="HC35" s="70">
        <v>0</v>
      </c>
      <c r="HD35" s="71">
        <v>0</v>
      </c>
      <c r="HE35" s="72">
        <v>0</v>
      </c>
      <c r="HF35" s="276"/>
      <c r="HG35" s="71">
        <v>1</v>
      </c>
      <c r="HH35" s="71">
        <v>0</v>
      </c>
      <c r="HI35" s="71">
        <v>1</v>
      </c>
      <c r="HJ35" s="71">
        <v>0</v>
      </c>
      <c r="HK35" s="71">
        <v>0</v>
      </c>
      <c r="HL35" s="72">
        <v>2</v>
      </c>
      <c r="HM35" s="73">
        <v>2</v>
      </c>
      <c r="HN35" s="70">
        <v>1</v>
      </c>
      <c r="HO35" s="71">
        <v>0</v>
      </c>
      <c r="HP35" s="72">
        <v>1</v>
      </c>
      <c r="HQ35" s="276"/>
      <c r="HR35" s="71">
        <v>1</v>
      </c>
      <c r="HS35" s="71">
        <v>0</v>
      </c>
      <c r="HT35" s="71">
        <v>1</v>
      </c>
      <c r="HU35" s="71">
        <v>0</v>
      </c>
      <c r="HV35" s="71">
        <v>0</v>
      </c>
      <c r="HW35" s="72">
        <v>2</v>
      </c>
      <c r="HX35" s="73">
        <v>3</v>
      </c>
      <c r="HY35" s="70">
        <v>2</v>
      </c>
      <c r="HZ35" s="71">
        <v>1</v>
      </c>
      <c r="IA35" s="72">
        <v>3</v>
      </c>
      <c r="IB35" s="276"/>
      <c r="IC35" s="71">
        <v>1</v>
      </c>
      <c r="ID35" s="71">
        <v>2</v>
      </c>
      <c r="IE35" s="71">
        <v>0</v>
      </c>
      <c r="IF35" s="71">
        <v>0</v>
      </c>
      <c r="IG35" s="71">
        <v>2</v>
      </c>
      <c r="IH35" s="72">
        <v>5</v>
      </c>
      <c r="II35" s="73">
        <v>8</v>
      </c>
      <c r="IJ35" s="70">
        <v>0</v>
      </c>
      <c r="IK35" s="71">
        <v>0</v>
      </c>
      <c r="IL35" s="72">
        <v>0</v>
      </c>
      <c r="IM35" s="276"/>
      <c r="IN35" s="71">
        <v>2</v>
      </c>
      <c r="IO35" s="71">
        <v>0</v>
      </c>
      <c r="IP35" s="71">
        <v>0</v>
      </c>
      <c r="IQ35" s="71">
        <v>1</v>
      </c>
      <c r="IR35" s="71">
        <v>0</v>
      </c>
      <c r="IS35" s="72">
        <v>3</v>
      </c>
      <c r="IT35" s="73">
        <v>3</v>
      </c>
      <c r="IU35" s="70">
        <v>0</v>
      </c>
      <c r="IV35" s="71">
        <v>0</v>
      </c>
      <c r="IW35" s="72">
        <v>0</v>
      </c>
      <c r="IX35" s="276"/>
      <c r="IY35" s="71">
        <v>4</v>
      </c>
      <c r="IZ35" s="71">
        <v>6</v>
      </c>
      <c r="JA35" s="71">
        <v>0</v>
      </c>
      <c r="JB35" s="71">
        <v>1</v>
      </c>
      <c r="JC35" s="71">
        <v>0</v>
      </c>
      <c r="JD35" s="72">
        <v>11</v>
      </c>
      <c r="JE35" s="73">
        <v>11</v>
      </c>
      <c r="JF35" s="70">
        <v>0</v>
      </c>
      <c r="JG35" s="71">
        <v>2</v>
      </c>
      <c r="JH35" s="72">
        <v>2</v>
      </c>
      <c r="JI35" s="276"/>
      <c r="JJ35" s="71">
        <v>2</v>
      </c>
      <c r="JK35" s="71">
        <v>1</v>
      </c>
      <c r="JL35" s="71">
        <v>2</v>
      </c>
      <c r="JM35" s="71">
        <v>2</v>
      </c>
      <c r="JN35" s="71">
        <v>1</v>
      </c>
      <c r="JO35" s="72">
        <v>8</v>
      </c>
      <c r="JP35" s="73">
        <v>10</v>
      </c>
      <c r="JQ35" s="70">
        <v>0</v>
      </c>
      <c r="JR35" s="71">
        <v>0</v>
      </c>
      <c r="JS35" s="72">
        <v>0</v>
      </c>
      <c r="JT35" s="276"/>
      <c r="JU35" s="71">
        <v>0</v>
      </c>
      <c r="JV35" s="71">
        <v>0</v>
      </c>
      <c r="JW35" s="71">
        <v>0</v>
      </c>
      <c r="JX35" s="71">
        <v>0</v>
      </c>
      <c r="JY35" s="71">
        <v>0</v>
      </c>
      <c r="JZ35" s="72">
        <v>0</v>
      </c>
      <c r="KA35" s="73">
        <v>0</v>
      </c>
      <c r="KB35" s="70">
        <v>3</v>
      </c>
      <c r="KC35" s="71">
        <v>3</v>
      </c>
      <c r="KD35" s="72">
        <v>6</v>
      </c>
      <c r="KE35" s="276"/>
      <c r="KF35" s="71">
        <v>11</v>
      </c>
      <c r="KG35" s="71">
        <v>9</v>
      </c>
      <c r="KH35" s="71">
        <v>4</v>
      </c>
      <c r="KI35" s="71">
        <v>4</v>
      </c>
      <c r="KJ35" s="71">
        <v>3</v>
      </c>
      <c r="KK35" s="72">
        <v>31</v>
      </c>
      <c r="KL35" s="73">
        <v>37</v>
      </c>
    </row>
    <row r="36" spans="1:298" ht="19.5" customHeight="1" x14ac:dyDescent="0.2">
      <c r="A36" s="129" t="s">
        <v>33</v>
      </c>
      <c r="B36" s="350">
        <v>5</v>
      </c>
      <c r="C36" s="82">
        <v>0</v>
      </c>
      <c r="D36" s="83">
        <v>5</v>
      </c>
      <c r="E36" s="273"/>
      <c r="F36" s="82">
        <v>7</v>
      </c>
      <c r="G36" s="82">
        <v>4</v>
      </c>
      <c r="H36" s="82">
        <v>3</v>
      </c>
      <c r="I36" s="82">
        <v>2</v>
      </c>
      <c r="J36" s="82">
        <v>1</v>
      </c>
      <c r="K36" s="84">
        <v>17</v>
      </c>
      <c r="L36" s="85">
        <v>22</v>
      </c>
      <c r="M36" s="70">
        <v>0</v>
      </c>
      <c r="N36" s="71">
        <v>0</v>
      </c>
      <c r="O36" s="72">
        <v>0</v>
      </c>
      <c r="P36" s="276"/>
      <c r="Q36" s="71">
        <v>1</v>
      </c>
      <c r="R36" s="71">
        <v>2</v>
      </c>
      <c r="S36" s="71">
        <v>0</v>
      </c>
      <c r="T36" s="71">
        <v>0</v>
      </c>
      <c r="U36" s="71">
        <v>0</v>
      </c>
      <c r="V36" s="72">
        <v>3</v>
      </c>
      <c r="W36" s="73">
        <v>3</v>
      </c>
      <c r="X36" s="70">
        <v>0</v>
      </c>
      <c r="Y36" s="71">
        <v>0</v>
      </c>
      <c r="Z36" s="72">
        <v>0</v>
      </c>
      <c r="AA36" s="276"/>
      <c r="AB36" s="71">
        <v>0</v>
      </c>
      <c r="AC36" s="71">
        <v>0</v>
      </c>
      <c r="AD36" s="71">
        <v>1</v>
      </c>
      <c r="AE36" s="71">
        <v>1</v>
      </c>
      <c r="AF36" s="71">
        <v>0</v>
      </c>
      <c r="AG36" s="72">
        <v>2</v>
      </c>
      <c r="AH36" s="73">
        <v>2</v>
      </c>
      <c r="AI36" s="70">
        <v>1</v>
      </c>
      <c r="AJ36" s="71">
        <v>0</v>
      </c>
      <c r="AK36" s="72">
        <v>1</v>
      </c>
      <c r="AL36" s="276"/>
      <c r="AM36" s="71">
        <v>1</v>
      </c>
      <c r="AN36" s="71">
        <v>0</v>
      </c>
      <c r="AO36" s="71">
        <v>0</v>
      </c>
      <c r="AP36" s="71">
        <v>1</v>
      </c>
      <c r="AQ36" s="71">
        <v>1</v>
      </c>
      <c r="AR36" s="72">
        <v>3</v>
      </c>
      <c r="AS36" s="73">
        <v>4</v>
      </c>
      <c r="AT36" s="70">
        <v>1</v>
      </c>
      <c r="AU36" s="71">
        <v>0</v>
      </c>
      <c r="AV36" s="72">
        <v>1</v>
      </c>
      <c r="AW36" s="276"/>
      <c r="AX36" s="71">
        <v>0</v>
      </c>
      <c r="AY36" s="71">
        <v>1</v>
      </c>
      <c r="AZ36" s="71">
        <v>0</v>
      </c>
      <c r="BA36" s="71">
        <v>0</v>
      </c>
      <c r="BB36" s="71">
        <v>0</v>
      </c>
      <c r="BC36" s="72">
        <v>1</v>
      </c>
      <c r="BD36" s="73">
        <v>2</v>
      </c>
      <c r="BE36" s="70">
        <v>2</v>
      </c>
      <c r="BF36" s="71">
        <v>0</v>
      </c>
      <c r="BG36" s="72">
        <v>2</v>
      </c>
      <c r="BH36" s="276"/>
      <c r="BI36" s="71">
        <v>3</v>
      </c>
      <c r="BJ36" s="71">
        <v>1</v>
      </c>
      <c r="BK36" s="71">
        <v>2</v>
      </c>
      <c r="BL36" s="71">
        <v>0</v>
      </c>
      <c r="BM36" s="71">
        <v>0</v>
      </c>
      <c r="BN36" s="72">
        <v>6</v>
      </c>
      <c r="BO36" s="73">
        <v>8</v>
      </c>
      <c r="BP36" s="70">
        <v>1</v>
      </c>
      <c r="BQ36" s="71">
        <v>0</v>
      </c>
      <c r="BR36" s="72">
        <v>1</v>
      </c>
      <c r="BS36" s="276"/>
      <c r="BT36" s="71">
        <v>2</v>
      </c>
      <c r="BU36" s="71">
        <v>0</v>
      </c>
      <c r="BV36" s="71">
        <v>0</v>
      </c>
      <c r="BW36" s="71">
        <v>0</v>
      </c>
      <c r="BX36" s="71">
        <v>0</v>
      </c>
      <c r="BY36" s="72">
        <v>2</v>
      </c>
      <c r="BZ36" s="73">
        <v>3</v>
      </c>
      <c r="CA36" s="70">
        <v>0</v>
      </c>
      <c r="CB36" s="71">
        <v>0</v>
      </c>
      <c r="CC36" s="72">
        <v>0</v>
      </c>
      <c r="CD36" s="276"/>
      <c r="CE36" s="71">
        <v>0</v>
      </c>
      <c r="CF36" s="71">
        <v>0</v>
      </c>
      <c r="CG36" s="71">
        <v>0</v>
      </c>
      <c r="CH36" s="71">
        <v>0</v>
      </c>
      <c r="CI36" s="71">
        <v>0</v>
      </c>
      <c r="CJ36" s="72">
        <v>0</v>
      </c>
      <c r="CK36" s="73">
        <v>0</v>
      </c>
      <c r="CL36" s="70">
        <v>5</v>
      </c>
      <c r="CM36" s="71">
        <v>0</v>
      </c>
      <c r="CN36" s="72">
        <v>5</v>
      </c>
      <c r="CO36" s="276"/>
      <c r="CP36" s="71">
        <v>7</v>
      </c>
      <c r="CQ36" s="71">
        <v>4</v>
      </c>
      <c r="CR36" s="71">
        <v>3</v>
      </c>
      <c r="CS36" s="71">
        <v>2</v>
      </c>
      <c r="CT36" s="71">
        <v>1</v>
      </c>
      <c r="CU36" s="72">
        <v>17</v>
      </c>
      <c r="CV36" s="73">
        <v>22</v>
      </c>
      <c r="CW36" s="126">
        <v>2</v>
      </c>
      <c r="CX36" s="82">
        <v>3</v>
      </c>
      <c r="CY36" s="83">
        <v>5</v>
      </c>
      <c r="CZ36" s="273"/>
      <c r="DA36" s="82">
        <v>2</v>
      </c>
      <c r="DB36" s="82">
        <v>4</v>
      </c>
      <c r="DC36" s="82">
        <v>3</v>
      </c>
      <c r="DD36" s="82">
        <v>3</v>
      </c>
      <c r="DE36" s="82">
        <v>2</v>
      </c>
      <c r="DF36" s="84">
        <v>14</v>
      </c>
      <c r="DG36" s="85">
        <v>19</v>
      </c>
      <c r="DH36" s="70">
        <v>0</v>
      </c>
      <c r="DI36" s="71">
        <v>0</v>
      </c>
      <c r="DJ36" s="72">
        <v>0</v>
      </c>
      <c r="DK36" s="276"/>
      <c r="DL36" s="71">
        <v>0</v>
      </c>
      <c r="DM36" s="71">
        <v>0</v>
      </c>
      <c r="DN36" s="71">
        <v>0</v>
      </c>
      <c r="DO36" s="71">
        <v>0</v>
      </c>
      <c r="DP36" s="71">
        <v>0</v>
      </c>
      <c r="DQ36" s="72">
        <v>0</v>
      </c>
      <c r="DR36" s="73">
        <v>0</v>
      </c>
      <c r="DS36" s="70">
        <v>0</v>
      </c>
      <c r="DT36" s="71">
        <v>0</v>
      </c>
      <c r="DU36" s="72">
        <v>0</v>
      </c>
      <c r="DV36" s="276"/>
      <c r="DW36" s="71">
        <v>0</v>
      </c>
      <c r="DX36" s="71">
        <v>0</v>
      </c>
      <c r="DY36" s="71">
        <v>0</v>
      </c>
      <c r="DZ36" s="71">
        <v>0</v>
      </c>
      <c r="EA36" s="71">
        <v>0</v>
      </c>
      <c r="EB36" s="72">
        <v>0</v>
      </c>
      <c r="EC36" s="73">
        <v>0</v>
      </c>
      <c r="ED36" s="70">
        <v>0</v>
      </c>
      <c r="EE36" s="71">
        <v>1</v>
      </c>
      <c r="EF36" s="72">
        <v>1</v>
      </c>
      <c r="EG36" s="276"/>
      <c r="EH36" s="71">
        <v>1</v>
      </c>
      <c r="EI36" s="71">
        <v>0</v>
      </c>
      <c r="EJ36" s="71">
        <v>0</v>
      </c>
      <c r="EK36" s="71">
        <v>1</v>
      </c>
      <c r="EL36" s="71">
        <v>0</v>
      </c>
      <c r="EM36" s="72">
        <v>2</v>
      </c>
      <c r="EN36" s="73">
        <v>3</v>
      </c>
      <c r="EO36" s="70">
        <v>1</v>
      </c>
      <c r="EP36" s="71">
        <v>0</v>
      </c>
      <c r="EQ36" s="72">
        <v>1</v>
      </c>
      <c r="ER36" s="276"/>
      <c r="ES36" s="71">
        <v>1</v>
      </c>
      <c r="ET36" s="71">
        <v>0</v>
      </c>
      <c r="EU36" s="71">
        <v>0</v>
      </c>
      <c r="EV36" s="71">
        <v>0</v>
      </c>
      <c r="EW36" s="71">
        <v>0</v>
      </c>
      <c r="EX36" s="72">
        <v>1</v>
      </c>
      <c r="EY36" s="73">
        <v>2</v>
      </c>
      <c r="EZ36" s="70">
        <v>0</v>
      </c>
      <c r="FA36" s="71">
        <v>2</v>
      </c>
      <c r="FB36" s="72">
        <v>2</v>
      </c>
      <c r="FC36" s="276"/>
      <c r="FD36" s="71">
        <v>0</v>
      </c>
      <c r="FE36" s="71">
        <v>1</v>
      </c>
      <c r="FF36" s="71">
        <v>0</v>
      </c>
      <c r="FG36" s="71">
        <v>0</v>
      </c>
      <c r="FH36" s="71">
        <v>2</v>
      </c>
      <c r="FI36" s="72">
        <v>3</v>
      </c>
      <c r="FJ36" s="73">
        <v>5</v>
      </c>
      <c r="FK36" s="70">
        <v>1</v>
      </c>
      <c r="FL36" s="71">
        <v>0</v>
      </c>
      <c r="FM36" s="72">
        <v>1</v>
      </c>
      <c r="FN36" s="276"/>
      <c r="FO36" s="71">
        <v>0</v>
      </c>
      <c r="FP36" s="71">
        <v>3</v>
      </c>
      <c r="FQ36" s="71">
        <v>3</v>
      </c>
      <c r="FR36" s="71">
        <v>2</v>
      </c>
      <c r="FS36" s="71">
        <v>0</v>
      </c>
      <c r="FT36" s="72">
        <v>8</v>
      </c>
      <c r="FU36" s="73">
        <v>9</v>
      </c>
      <c r="FV36" s="70">
        <v>0</v>
      </c>
      <c r="FW36" s="71">
        <v>0</v>
      </c>
      <c r="FX36" s="72">
        <v>0</v>
      </c>
      <c r="FY36" s="276"/>
      <c r="FZ36" s="71">
        <v>0</v>
      </c>
      <c r="GA36" s="71">
        <v>0</v>
      </c>
      <c r="GB36" s="71">
        <v>0</v>
      </c>
      <c r="GC36" s="71">
        <v>0</v>
      </c>
      <c r="GD36" s="71">
        <v>0</v>
      </c>
      <c r="GE36" s="72">
        <v>0</v>
      </c>
      <c r="GF36" s="73">
        <v>0</v>
      </c>
      <c r="GG36" s="70">
        <v>2</v>
      </c>
      <c r="GH36" s="71">
        <v>3</v>
      </c>
      <c r="GI36" s="72">
        <v>5</v>
      </c>
      <c r="GJ36" s="276"/>
      <c r="GK36" s="71">
        <v>2</v>
      </c>
      <c r="GL36" s="71">
        <v>4</v>
      </c>
      <c r="GM36" s="71">
        <v>3</v>
      </c>
      <c r="GN36" s="71">
        <v>3</v>
      </c>
      <c r="GO36" s="71">
        <v>2</v>
      </c>
      <c r="GP36" s="72">
        <v>14</v>
      </c>
      <c r="GQ36" s="73">
        <v>19</v>
      </c>
      <c r="GR36" s="126">
        <v>7</v>
      </c>
      <c r="GS36" s="82">
        <v>3</v>
      </c>
      <c r="GT36" s="83">
        <v>10</v>
      </c>
      <c r="GU36" s="273"/>
      <c r="GV36" s="82">
        <v>9</v>
      </c>
      <c r="GW36" s="82">
        <v>8</v>
      </c>
      <c r="GX36" s="82">
        <v>6</v>
      </c>
      <c r="GY36" s="82">
        <v>5</v>
      </c>
      <c r="GZ36" s="82">
        <v>3</v>
      </c>
      <c r="HA36" s="84">
        <v>31</v>
      </c>
      <c r="HB36" s="85">
        <v>41</v>
      </c>
      <c r="HC36" s="70">
        <v>0</v>
      </c>
      <c r="HD36" s="71">
        <v>0</v>
      </c>
      <c r="HE36" s="72">
        <v>0</v>
      </c>
      <c r="HF36" s="276"/>
      <c r="HG36" s="71">
        <v>1</v>
      </c>
      <c r="HH36" s="71">
        <v>2</v>
      </c>
      <c r="HI36" s="71">
        <v>0</v>
      </c>
      <c r="HJ36" s="71">
        <v>0</v>
      </c>
      <c r="HK36" s="71">
        <v>0</v>
      </c>
      <c r="HL36" s="72">
        <v>3</v>
      </c>
      <c r="HM36" s="73">
        <v>3</v>
      </c>
      <c r="HN36" s="70">
        <v>0</v>
      </c>
      <c r="HO36" s="71">
        <v>0</v>
      </c>
      <c r="HP36" s="72">
        <v>0</v>
      </c>
      <c r="HQ36" s="276"/>
      <c r="HR36" s="71">
        <v>0</v>
      </c>
      <c r="HS36" s="71">
        <v>0</v>
      </c>
      <c r="HT36" s="71">
        <v>1</v>
      </c>
      <c r="HU36" s="71">
        <v>1</v>
      </c>
      <c r="HV36" s="71">
        <v>0</v>
      </c>
      <c r="HW36" s="72">
        <v>2</v>
      </c>
      <c r="HX36" s="73">
        <v>2</v>
      </c>
      <c r="HY36" s="70">
        <v>1</v>
      </c>
      <c r="HZ36" s="71">
        <v>1</v>
      </c>
      <c r="IA36" s="72">
        <v>2</v>
      </c>
      <c r="IB36" s="276"/>
      <c r="IC36" s="71">
        <v>2</v>
      </c>
      <c r="ID36" s="71">
        <v>0</v>
      </c>
      <c r="IE36" s="71">
        <v>0</v>
      </c>
      <c r="IF36" s="71">
        <v>2</v>
      </c>
      <c r="IG36" s="71">
        <v>1</v>
      </c>
      <c r="IH36" s="72">
        <v>5</v>
      </c>
      <c r="II36" s="73">
        <v>7</v>
      </c>
      <c r="IJ36" s="70">
        <v>2</v>
      </c>
      <c r="IK36" s="71">
        <v>0</v>
      </c>
      <c r="IL36" s="72">
        <v>2</v>
      </c>
      <c r="IM36" s="276"/>
      <c r="IN36" s="71">
        <v>1</v>
      </c>
      <c r="IO36" s="71">
        <v>1</v>
      </c>
      <c r="IP36" s="71">
        <v>0</v>
      </c>
      <c r="IQ36" s="71">
        <v>0</v>
      </c>
      <c r="IR36" s="71">
        <v>0</v>
      </c>
      <c r="IS36" s="72">
        <v>2</v>
      </c>
      <c r="IT36" s="73">
        <v>4</v>
      </c>
      <c r="IU36" s="70">
        <v>2</v>
      </c>
      <c r="IV36" s="71">
        <v>2</v>
      </c>
      <c r="IW36" s="72">
        <v>4</v>
      </c>
      <c r="IX36" s="276"/>
      <c r="IY36" s="71">
        <v>3</v>
      </c>
      <c r="IZ36" s="71">
        <v>2</v>
      </c>
      <c r="JA36" s="71">
        <v>2</v>
      </c>
      <c r="JB36" s="71">
        <v>0</v>
      </c>
      <c r="JC36" s="71">
        <v>2</v>
      </c>
      <c r="JD36" s="72">
        <v>9</v>
      </c>
      <c r="JE36" s="73">
        <v>13</v>
      </c>
      <c r="JF36" s="70">
        <v>2</v>
      </c>
      <c r="JG36" s="71">
        <v>0</v>
      </c>
      <c r="JH36" s="72">
        <v>2</v>
      </c>
      <c r="JI36" s="276"/>
      <c r="JJ36" s="71">
        <v>2</v>
      </c>
      <c r="JK36" s="71">
        <v>3</v>
      </c>
      <c r="JL36" s="71">
        <v>3</v>
      </c>
      <c r="JM36" s="71">
        <v>2</v>
      </c>
      <c r="JN36" s="71">
        <v>0</v>
      </c>
      <c r="JO36" s="72">
        <v>10</v>
      </c>
      <c r="JP36" s="73">
        <v>12</v>
      </c>
      <c r="JQ36" s="70">
        <v>0</v>
      </c>
      <c r="JR36" s="71">
        <v>0</v>
      </c>
      <c r="JS36" s="72">
        <v>0</v>
      </c>
      <c r="JT36" s="276"/>
      <c r="JU36" s="71">
        <v>0</v>
      </c>
      <c r="JV36" s="71">
        <v>0</v>
      </c>
      <c r="JW36" s="71">
        <v>0</v>
      </c>
      <c r="JX36" s="71">
        <v>0</v>
      </c>
      <c r="JY36" s="71">
        <v>0</v>
      </c>
      <c r="JZ36" s="72">
        <v>0</v>
      </c>
      <c r="KA36" s="73">
        <v>0</v>
      </c>
      <c r="KB36" s="70">
        <v>7</v>
      </c>
      <c r="KC36" s="71">
        <v>3</v>
      </c>
      <c r="KD36" s="72">
        <v>10</v>
      </c>
      <c r="KE36" s="276"/>
      <c r="KF36" s="71">
        <v>9</v>
      </c>
      <c r="KG36" s="71">
        <v>8</v>
      </c>
      <c r="KH36" s="71">
        <v>6</v>
      </c>
      <c r="KI36" s="71">
        <v>5</v>
      </c>
      <c r="KJ36" s="71">
        <v>3</v>
      </c>
      <c r="KK36" s="72">
        <v>31</v>
      </c>
      <c r="KL36" s="73">
        <v>41</v>
      </c>
    </row>
    <row r="37" spans="1:298" ht="19.5" customHeight="1" x14ac:dyDescent="0.2">
      <c r="A37" s="129" t="s">
        <v>34</v>
      </c>
      <c r="B37" s="350">
        <v>0</v>
      </c>
      <c r="C37" s="82">
        <v>1</v>
      </c>
      <c r="D37" s="83">
        <v>1</v>
      </c>
      <c r="E37" s="273"/>
      <c r="F37" s="82">
        <v>3</v>
      </c>
      <c r="G37" s="82">
        <v>3</v>
      </c>
      <c r="H37" s="82">
        <v>1</v>
      </c>
      <c r="I37" s="82">
        <v>2</v>
      </c>
      <c r="J37" s="82">
        <v>0</v>
      </c>
      <c r="K37" s="84">
        <v>9</v>
      </c>
      <c r="L37" s="85">
        <v>10</v>
      </c>
      <c r="M37" s="70">
        <v>0</v>
      </c>
      <c r="N37" s="71">
        <v>0</v>
      </c>
      <c r="O37" s="72">
        <v>0</v>
      </c>
      <c r="P37" s="276"/>
      <c r="Q37" s="71">
        <v>0</v>
      </c>
      <c r="R37" s="71">
        <v>0</v>
      </c>
      <c r="S37" s="71">
        <v>0</v>
      </c>
      <c r="T37" s="71">
        <v>0</v>
      </c>
      <c r="U37" s="71">
        <v>0</v>
      </c>
      <c r="V37" s="72">
        <v>0</v>
      </c>
      <c r="W37" s="73">
        <v>0</v>
      </c>
      <c r="X37" s="70">
        <v>0</v>
      </c>
      <c r="Y37" s="71">
        <v>0</v>
      </c>
      <c r="Z37" s="72">
        <v>0</v>
      </c>
      <c r="AA37" s="276"/>
      <c r="AB37" s="71">
        <v>0</v>
      </c>
      <c r="AC37" s="71">
        <v>0</v>
      </c>
      <c r="AD37" s="71">
        <v>0</v>
      </c>
      <c r="AE37" s="71">
        <v>0</v>
      </c>
      <c r="AF37" s="71">
        <v>0</v>
      </c>
      <c r="AG37" s="72">
        <v>0</v>
      </c>
      <c r="AH37" s="73">
        <v>0</v>
      </c>
      <c r="AI37" s="70">
        <v>0</v>
      </c>
      <c r="AJ37" s="71">
        <v>1</v>
      </c>
      <c r="AK37" s="72">
        <v>1</v>
      </c>
      <c r="AL37" s="276"/>
      <c r="AM37" s="71">
        <v>0</v>
      </c>
      <c r="AN37" s="71">
        <v>0</v>
      </c>
      <c r="AO37" s="71">
        <v>1</v>
      </c>
      <c r="AP37" s="71">
        <v>1</v>
      </c>
      <c r="AQ37" s="71">
        <v>0</v>
      </c>
      <c r="AR37" s="72">
        <v>2</v>
      </c>
      <c r="AS37" s="73">
        <v>3</v>
      </c>
      <c r="AT37" s="70">
        <v>0</v>
      </c>
      <c r="AU37" s="71">
        <v>0</v>
      </c>
      <c r="AV37" s="72">
        <v>0</v>
      </c>
      <c r="AW37" s="276"/>
      <c r="AX37" s="71">
        <v>1</v>
      </c>
      <c r="AY37" s="71">
        <v>0</v>
      </c>
      <c r="AZ37" s="71">
        <v>0</v>
      </c>
      <c r="BA37" s="71">
        <v>0</v>
      </c>
      <c r="BB37" s="71">
        <v>0</v>
      </c>
      <c r="BC37" s="72">
        <v>1</v>
      </c>
      <c r="BD37" s="73">
        <v>1</v>
      </c>
      <c r="BE37" s="70">
        <v>0</v>
      </c>
      <c r="BF37" s="71">
        <v>0</v>
      </c>
      <c r="BG37" s="72">
        <v>0</v>
      </c>
      <c r="BH37" s="276"/>
      <c r="BI37" s="71">
        <v>1</v>
      </c>
      <c r="BJ37" s="71">
        <v>1</v>
      </c>
      <c r="BK37" s="71">
        <v>0</v>
      </c>
      <c r="BL37" s="71">
        <v>0</v>
      </c>
      <c r="BM37" s="71">
        <v>0</v>
      </c>
      <c r="BN37" s="72">
        <v>2</v>
      </c>
      <c r="BO37" s="73">
        <v>2</v>
      </c>
      <c r="BP37" s="70">
        <v>0</v>
      </c>
      <c r="BQ37" s="71">
        <v>0</v>
      </c>
      <c r="BR37" s="72">
        <v>0</v>
      </c>
      <c r="BS37" s="276"/>
      <c r="BT37" s="71">
        <v>1</v>
      </c>
      <c r="BU37" s="71">
        <v>2</v>
      </c>
      <c r="BV37" s="71">
        <v>0</v>
      </c>
      <c r="BW37" s="71">
        <v>1</v>
      </c>
      <c r="BX37" s="71">
        <v>0</v>
      </c>
      <c r="BY37" s="72">
        <v>4</v>
      </c>
      <c r="BZ37" s="73">
        <v>4</v>
      </c>
      <c r="CA37" s="70">
        <v>0</v>
      </c>
      <c r="CB37" s="71">
        <v>0</v>
      </c>
      <c r="CC37" s="72">
        <v>0</v>
      </c>
      <c r="CD37" s="276"/>
      <c r="CE37" s="71">
        <v>0</v>
      </c>
      <c r="CF37" s="71">
        <v>0</v>
      </c>
      <c r="CG37" s="71">
        <v>0</v>
      </c>
      <c r="CH37" s="71">
        <v>0</v>
      </c>
      <c r="CI37" s="71">
        <v>0</v>
      </c>
      <c r="CJ37" s="72">
        <v>0</v>
      </c>
      <c r="CK37" s="73">
        <v>0</v>
      </c>
      <c r="CL37" s="70">
        <v>0</v>
      </c>
      <c r="CM37" s="71">
        <v>1</v>
      </c>
      <c r="CN37" s="72">
        <v>1</v>
      </c>
      <c r="CO37" s="276"/>
      <c r="CP37" s="71">
        <v>3</v>
      </c>
      <c r="CQ37" s="71">
        <v>3</v>
      </c>
      <c r="CR37" s="71">
        <v>1</v>
      </c>
      <c r="CS37" s="71">
        <v>2</v>
      </c>
      <c r="CT37" s="71">
        <v>0</v>
      </c>
      <c r="CU37" s="72">
        <v>9</v>
      </c>
      <c r="CV37" s="73">
        <v>10</v>
      </c>
      <c r="CW37" s="126">
        <v>1</v>
      </c>
      <c r="CX37" s="82">
        <v>1</v>
      </c>
      <c r="CY37" s="83">
        <v>2</v>
      </c>
      <c r="CZ37" s="273"/>
      <c r="DA37" s="82">
        <v>1</v>
      </c>
      <c r="DB37" s="82">
        <v>0</v>
      </c>
      <c r="DC37" s="82">
        <v>2</v>
      </c>
      <c r="DD37" s="82">
        <v>0</v>
      </c>
      <c r="DE37" s="82">
        <v>0</v>
      </c>
      <c r="DF37" s="84">
        <v>3</v>
      </c>
      <c r="DG37" s="85">
        <v>5</v>
      </c>
      <c r="DH37" s="70">
        <v>0</v>
      </c>
      <c r="DI37" s="71">
        <v>0</v>
      </c>
      <c r="DJ37" s="72">
        <v>0</v>
      </c>
      <c r="DK37" s="276"/>
      <c r="DL37" s="71">
        <v>0</v>
      </c>
      <c r="DM37" s="71">
        <v>0</v>
      </c>
      <c r="DN37" s="71">
        <v>1</v>
      </c>
      <c r="DO37" s="71">
        <v>0</v>
      </c>
      <c r="DP37" s="71">
        <v>0</v>
      </c>
      <c r="DQ37" s="72">
        <v>1</v>
      </c>
      <c r="DR37" s="73">
        <v>1</v>
      </c>
      <c r="DS37" s="70">
        <v>0</v>
      </c>
      <c r="DT37" s="71">
        <v>0</v>
      </c>
      <c r="DU37" s="72">
        <v>0</v>
      </c>
      <c r="DV37" s="276"/>
      <c r="DW37" s="71">
        <v>0</v>
      </c>
      <c r="DX37" s="71">
        <v>0</v>
      </c>
      <c r="DY37" s="71">
        <v>0</v>
      </c>
      <c r="DZ37" s="71">
        <v>0</v>
      </c>
      <c r="EA37" s="71">
        <v>0</v>
      </c>
      <c r="EB37" s="72">
        <v>0</v>
      </c>
      <c r="EC37" s="73">
        <v>0</v>
      </c>
      <c r="ED37" s="70">
        <v>0</v>
      </c>
      <c r="EE37" s="71">
        <v>0</v>
      </c>
      <c r="EF37" s="72">
        <v>0</v>
      </c>
      <c r="EG37" s="276"/>
      <c r="EH37" s="71">
        <v>0</v>
      </c>
      <c r="EI37" s="71">
        <v>0</v>
      </c>
      <c r="EJ37" s="71">
        <v>1</v>
      </c>
      <c r="EK37" s="71">
        <v>0</v>
      </c>
      <c r="EL37" s="71">
        <v>0</v>
      </c>
      <c r="EM37" s="72">
        <v>1</v>
      </c>
      <c r="EN37" s="73">
        <v>1</v>
      </c>
      <c r="EO37" s="70">
        <v>1</v>
      </c>
      <c r="EP37" s="71">
        <v>0</v>
      </c>
      <c r="EQ37" s="72">
        <v>1</v>
      </c>
      <c r="ER37" s="276"/>
      <c r="ES37" s="71">
        <v>0</v>
      </c>
      <c r="ET37" s="71">
        <v>0</v>
      </c>
      <c r="EU37" s="71">
        <v>0</v>
      </c>
      <c r="EV37" s="71">
        <v>0</v>
      </c>
      <c r="EW37" s="71">
        <v>0</v>
      </c>
      <c r="EX37" s="72">
        <v>0</v>
      </c>
      <c r="EY37" s="73">
        <v>1</v>
      </c>
      <c r="EZ37" s="70">
        <v>0</v>
      </c>
      <c r="FA37" s="71">
        <v>0</v>
      </c>
      <c r="FB37" s="72">
        <v>0</v>
      </c>
      <c r="FC37" s="276"/>
      <c r="FD37" s="71">
        <v>1</v>
      </c>
      <c r="FE37" s="71">
        <v>0</v>
      </c>
      <c r="FF37" s="71">
        <v>0</v>
      </c>
      <c r="FG37" s="71">
        <v>0</v>
      </c>
      <c r="FH37" s="71">
        <v>0</v>
      </c>
      <c r="FI37" s="72">
        <v>1</v>
      </c>
      <c r="FJ37" s="73">
        <v>1</v>
      </c>
      <c r="FK37" s="70">
        <v>0</v>
      </c>
      <c r="FL37" s="71">
        <v>1</v>
      </c>
      <c r="FM37" s="72">
        <v>1</v>
      </c>
      <c r="FN37" s="276"/>
      <c r="FO37" s="71">
        <v>0</v>
      </c>
      <c r="FP37" s="71">
        <v>0</v>
      </c>
      <c r="FQ37" s="71">
        <v>0</v>
      </c>
      <c r="FR37" s="71">
        <v>0</v>
      </c>
      <c r="FS37" s="71">
        <v>0</v>
      </c>
      <c r="FT37" s="72">
        <v>0</v>
      </c>
      <c r="FU37" s="73">
        <v>1</v>
      </c>
      <c r="FV37" s="70">
        <v>0</v>
      </c>
      <c r="FW37" s="71">
        <v>0</v>
      </c>
      <c r="FX37" s="72">
        <v>0</v>
      </c>
      <c r="FY37" s="276"/>
      <c r="FZ37" s="71">
        <v>0</v>
      </c>
      <c r="GA37" s="71">
        <v>0</v>
      </c>
      <c r="GB37" s="71">
        <v>0</v>
      </c>
      <c r="GC37" s="71">
        <v>0</v>
      </c>
      <c r="GD37" s="71">
        <v>0</v>
      </c>
      <c r="GE37" s="72">
        <v>0</v>
      </c>
      <c r="GF37" s="73">
        <v>0</v>
      </c>
      <c r="GG37" s="70">
        <v>1</v>
      </c>
      <c r="GH37" s="71">
        <v>1</v>
      </c>
      <c r="GI37" s="72">
        <v>2</v>
      </c>
      <c r="GJ37" s="276"/>
      <c r="GK37" s="71">
        <v>1</v>
      </c>
      <c r="GL37" s="71">
        <v>0</v>
      </c>
      <c r="GM37" s="71">
        <v>2</v>
      </c>
      <c r="GN37" s="71">
        <v>0</v>
      </c>
      <c r="GO37" s="71">
        <v>0</v>
      </c>
      <c r="GP37" s="72">
        <v>3</v>
      </c>
      <c r="GQ37" s="73">
        <v>5</v>
      </c>
      <c r="GR37" s="126">
        <v>1</v>
      </c>
      <c r="GS37" s="82">
        <v>2</v>
      </c>
      <c r="GT37" s="83">
        <v>3</v>
      </c>
      <c r="GU37" s="273"/>
      <c r="GV37" s="82">
        <v>4</v>
      </c>
      <c r="GW37" s="82">
        <v>3</v>
      </c>
      <c r="GX37" s="82">
        <v>3</v>
      </c>
      <c r="GY37" s="82">
        <v>2</v>
      </c>
      <c r="GZ37" s="82">
        <v>0</v>
      </c>
      <c r="HA37" s="84">
        <v>12</v>
      </c>
      <c r="HB37" s="85">
        <v>15</v>
      </c>
      <c r="HC37" s="70">
        <v>0</v>
      </c>
      <c r="HD37" s="71">
        <v>0</v>
      </c>
      <c r="HE37" s="72">
        <v>0</v>
      </c>
      <c r="HF37" s="276"/>
      <c r="HG37" s="71">
        <v>0</v>
      </c>
      <c r="HH37" s="71">
        <v>0</v>
      </c>
      <c r="HI37" s="71">
        <v>1</v>
      </c>
      <c r="HJ37" s="71">
        <v>0</v>
      </c>
      <c r="HK37" s="71">
        <v>0</v>
      </c>
      <c r="HL37" s="72">
        <v>1</v>
      </c>
      <c r="HM37" s="73">
        <v>1</v>
      </c>
      <c r="HN37" s="70">
        <v>0</v>
      </c>
      <c r="HO37" s="71">
        <v>0</v>
      </c>
      <c r="HP37" s="72">
        <v>0</v>
      </c>
      <c r="HQ37" s="276"/>
      <c r="HR37" s="71">
        <v>0</v>
      </c>
      <c r="HS37" s="71">
        <v>0</v>
      </c>
      <c r="HT37" s="71">
        <v>0</v>
      </c>
      <c r="HU37" s="71">
        <v>0</v>
      </c>
      <c r="HV37" s="71">
        <v>0</v>
      </c>
      <c r="HW37" s="72">
        <v>0</v>
      </c>
      <c r="HX37" s="73">
        <v>0</v>
      </c>
      <c r="HY37" s="70">
        <v>0</v>
      </c>
      <c r="HZ37" s="71">
        <v>1</v>
      </c>
      <c r="IA37" s="72">
        <v>1</v>
      </c>
      <c r="IB37" s="276"/>
      <c r="IC37" s="71">
        <v>0</v>
      </c>
      <c r="ID37" s="71">
        <v>0</v>
      </c>
      <c r="IE37" s="71">
        <v>2</v>
      </c>
      <c r="IF37" s="71">
        <v>1</v>
      </c>
      <c r="IG37" s="71">
        <v>0</v>
      </c>
      <c r="IH37" s="72">
        <v>3</v>
      </c>
      <c r="II37" s="73">
        <v>4</v>
      </c>
      <c r="IJ37" s="70">
        <v>1</v>
      </c>
      <c r="IK37" s="71">
        <v>0</v>
      </c>
      <c r="IL37" s="72">
        <v>1</v>
      </c>
      <c r="IM37" s="276"/>
      <c r="IN37" s="71">
        <v>1</v>
      </c>
      <c r="IO37" s="71">
        <v>0</v>
      </c>
      <c r="IP37" s="71">
        <v>0</v>
      </c>
      <c r="IQ37" s="71">
        <v>0</v>
      </c>
      <c r="IR37" s="71">
        <v>0</v>
      </c>
      <c r="IS37" s="72">
        <v>1</v>
      </c>
      <c r="IT37" s="73">
        <v>2</v>
      </c>
      <c r="IU37" s="70">
        <v>0</v>
      </c>
      <c r="IV37" s="71">
        <v>0</v>
      </c>
      <c r="IW37" s="72">
        <v>0</v>
      </c>
      <c r="IX37" s="276"/>
      <c r="IY37" s="71">
        <v>2</v>
      </c>
      <c r="IZ37" s="71">
        <v>1</v>
      </c>
      <c r="JA37" s="71">
        <v>0</v>
      </c>
      <c r="JB37" s="71">
        <v>0</v>
      </c>
      <c r="JC37" s="71">
        <v>0</v>
      </c>
      <c r="JD37" s="72">
        <v>3</v>
      </c>
      <c r="JE37" s="73">
        <v>3</v>
      </c>
      <c r="JF37" s="70">
        <v>0</v>
      </c>
      <c r="JG37" s="71">
        <v>1</v>
      </c>
      <c r="JH37" s="72">
        <v>1</v>
      </c>
      <c r="JI37" s="276"/>
      <c r="JJ37" s="71">
        <v>1</v>
      </c>
      <c r="JK37" s="71">
        <v>2</v>
      </c>
      <c r="JL37" s="71">
        <v>0</v>
      </c>
      <c r="JM37" s="71">
        <v>1</v>
      </c>
      <c r="JN37" s="71">
        <v>0</v>
      </c>
      <c r="JO37" s="72">
        <v>4</v>
      </c>
      <c r="JP37" s="73">
        <v>5</v>
      </c>
      <c r="JQ37" s="70">
        <v>0</v>
      </c>
      <c r="JR37" s="71">
        <v>0</v>
      </c>
      <c r="JS37" s="72">
        <v>0</v>
      </c>
      <c r="JT37" s="276"/>
      <c r="JU37" s="71">
        <v>0</v>
      </c>
      <c r="JV37" s="71">
        <v>0</v>
      </c>
      <c r="JW37" s="71">
        <v>0</v>
      </c>
      <c r="JX37" s="71">
        <v>0</v>
      </c>
      <c r="JY37" s="71">
        <v>0</v>
      </c>
      <c r="JZ37" s="72">
        <v>0</v>
      </c>
      <c r="KA37" s="73">
        <v>0</v>
      </c>
      <c r="KB37" s="70">
        <v>1</v>
      </c>
      <c r="KC37" s="71">
        <v>2</v>
      </c>
      <c r="KD37" s="72">
        <v>3</v>
      </c>
      <c r="KE37" s="276"/>
      <c r="KF37" s="71">
        <v>4</v>
      </c>
      <c r="KG37" s="71">
        <v>3</v>
      </c>
      <c r="KH37" s="71">
        <v>3</v>
      </c>
      <c r="KI37" s="71">
        <v>2</v>
      </c>
      <c r="KJ37" s="71">
        <v>0</v>
      </c>
      <c r="KK37" s="72">
        <v>12</v>
      </c>
      <c r="KL37" s="73">
        <v>15</v>
      </c>
    </row>
    <row r="38" spans="1:298" ht="19.5" customHeight="1" x14ac:dyDescent="0.2">
      <c r="A38" s="129" t="s">
        <v>35</v>
      </c>
      <c r="B38" s="350">
        <v>8</v>
      </c>
      <c r="C38" s="82">
        <v>6</v>
      </c>
      <c r="D38" s="83">
        <v>14</v>
      </c>
      <c r="E38" s="273"/>
      <c r="F38" s="82">
        <v>15</v>
      </c>
      <c r="G38" s="82">
        <v>8</v>
      </c>
      <c r="H38" s="82">
        <v>1</v>
      </c>
      <c r="I38" s="82">
        <v>5</v>
      </c>
      <c r="J38" s="82">
        <v>0</v>
      </c>
      <c r="K38" s="84">
        <v>29</v>
      </c>
      <c r="L38" s="85">
        <v>43</v>
      </c>
      <c r="M38" s="70">
        <v>0</v>
      </c>
      <c r="N38" s="71">
        <v>0</v>
      </c>
      <c r="O38" s="72">
        <v>0</v>
      </c>
      <c r="P38" s="276"/>
      <c r="Q38" s="71">
        <v>0</v>
      </c>
      <c r="R38" s="71">
        <v>0</v>
      </c>
      <c r="S38" s="71">
        <v>0</v>
      </c>
      <c r="T38" s="71">
        <v>0</v>
      </c>
      <c r="U38" s="71">
        <v>0</v>
      </c>
      <c r="V38" s="72">
        <v>0</v>
      </c>
      <c r="W38" s="73">
        <v>0</v>
      </c>
      <c r="X38" s="70">
        <v>0</v>
      </c>
      <c r="Y38" s="71">
        <v>0</v>
      </c>
      <c r="Z38" s="72">
        <v>0</v>
      </c>
      <c r="AA38" s="276"/>
      <c r="AB38" s="71">
        <v>1</v>
      </c>
      <c r="AC38" s="71">
        <v>1</v>
      </c>
      <c r="AD38" s="71">
        <v>0</v>
      </c>
      <c r="AE38" s="71">
        <v>0</v>
      </c>
      <c r="AF38" s="71">
        <v>0</v>
      </c>
      <c r="AG38" s="72">
        <v>2</v>
      </c>
      <c r="AH38" s="73">
        <v>2</v>
      </c>
      <c r="AI38" s="70">
        <v>2</v>
      </c>
      <c r="AJ38" s="71">
        <v>1</v>
      </c>
      <c r="AK38" s="72">
        <v>3</v>
      </c>
      <c r="AL38" s="276"/>
      <c r="AM38" s="71">
        <v>2</v>
      </c>
      <c r="AN38" s="71">
        <v>1</v>
      </c>
      <c r="AO38" s="71">
        <v>1</v>
      </c>
      <c r="AP38" s="71">
        <v>2</v>
      </c>
      <c r="AQ38" s="71">
        <v>0</v>
      </c>
      <c r="AR38" s="72">
        <v>6</v>
      </c>
      <c r="AS38" s="73">
        <v>9</v>
      </c>
      <c r="AT38" s="70">
        <v>3</v>
      </c>
      <c r="AU38" s="71">
        <v>2</v>
      </c>
      <c r="AV38" s="72">
        <v>5</v>
      </c>
      <c r="AW38" s="276"/>
      <c r="AX38" s="71">
        <v>2</v>
      </c>
      <c r="AY38" s="71">
        <v>3</v>
      </c>
      <c r="AZ38" s="71">
        <v>0</v>
      </c>
      <c r="BA38" s="71">
        <v>1</v>
      </c>
      <c r="BB38" s="71">
        <v>0</v>
      </c>
      <c r="BC38" s="72">
        <v>6</v>
      </c>
      <c r="BD38" s="73">
        <v>11</v>
      </c>
      <c r="BE38" s="70">
        <v>0</v>
      </c>
      <c r="BF38" s="71">
        <v>3</v>
      </c>
      <c r="BG38" s="72">
        <v>3</v>
      </c>
      <c r="BH38" s="276"/>
      <c r="BI38" s="71">
        <v>6</v>
      </c>
      <c r="BJ38" s="71">
        <v>1</v>
      </c>
      <c r="BK38" s="71">
        <v>0</v>
      </c>
      <c r="BL38" s="71">
        <v>0</v>
      </c>
      <c r="BM38" s="71">
        <v>0</v>
      </c>
      <c r="BN38" s="72">
        <v>7</v>
      </c>
      <c r="BO38" s="73">
        <v>10</v>
      </c>
      <c r="BP38" s="70">
        <v>3</v>
      </c>
      <c r="BQ38" s="71">
        <v>0</v>
      </c>
      <c r="BR38" s="72">
        <v>3</v>
      </c>
      <c r="BS38" s="276"/>
      <c r="BT38" s="71">
        <v>4</v>
      </c>
      <c r="BU38" s="71">
        <v>2</v>
      </c>
      <c r="BV38" s="71">
        <v>0</v>
      </c>
      <c r="BW38" s="71">
        <v>2</v>
      </c>
      <c r="BX38" s="71">
        <v>0</v>
      </c>
      <c r="BY38" s="72">
        <v>8</v>
      </c>
      <c r="BZ38" s="73">
        <v>11</v>
      </c>
      <c r="CA38" s="70">
        <v>0</v>
      </c>
      <c r="CB38" s="71">
        <v>0</v>
      </c>
      <c r="CC38" s="72">
        <v>0</v>
      </c>
      <c r="CD38" s="276"/>
      <c r="CE38" s="71">
        <v>0</v>
      </c>
      <c r="CF38" s="71">
        <v>0</v>
      </c>
      <c r="CG38" s="71">
        <v>0</v>
      </c>
      <c r="CH38" s="71">
        <v>0</v>
      </c>
      <c r="CI38" s="71">
        <v>0</v>
      </c>
      <c r="CJ38" s="72">
        <v>0</v>
      </c>
      <c r="CK38" s="73">
        <v>0</v>
      </c>
      <c r="CL38" s="70">
        <v>8</v>
      </c>
      <c r="CM38" s="71">
        <v>6</v>
      </c>
      <c r="CN38" s="72">
        <v>14</v>
      </c>
      <c r="CO38" s="276"/>
      <c r="CP38" s="71">
        <v>15</v>
      </c>
      <c r="CQ38" s="71">
        <v>8</v>
      </c>
      <c r="CR38" s="71">
        <v>1</v>
      </c>
      <c r="CS38" s="71">
        <v>5</v>
      </c>
      <c r="CT38" s="71">
        <v>0</v>
      </c>
      <c r="CU38" s="72">
        <v>29</v>
      </c>
      <c r="CV38" s="73">
        <v>43</v>
      </c>
      <c r="CW38" s="126">
        <v>0</v>
      </c>
      <c r="CX38" s="82">
        <v>3</v>
      </c>
      <c r="CY38" s="83">
        <v>3</v>
      </c>
      <c r="CZ38" s="273"/>
      <c r="DA38" s="82">
        <v>6</v>
      </c>
      <c r="DB38" s="82">
        <v>2</v>
      </c>
      <c r="DC38" s="82">
        <v>6</v>
      </c>
      <c r="DD38" s="82">
        <v>4</v>
      </c>
      <c r="DE38" s="82">
        <v>1</v>
      </c>
      <c r="DF38" s="84">
        <v>19</v>
      </c>
      <c r="DG38" s="85">
        <v>22</v>
      </c>
      <c r="DH38" s="70">
        <v>0</v>
      </c>
      <c r="DI38" s="71">
        <v>0</v>
      </c>
      <c r="DJ38" s="72">
        <v>0</v>
      </c>
      <c r="DK38" s="276"/>
      <c r="DL38" s="71">
        <v>0</v>
      </c>
      <c r="DM38" s="71">
        <v>0</v>
      </c>
      <c r="DN38" s="71">
        <v>0</v>
      </c>
      <c r="DO38" s="71">
        <v>0</v>
      </c>
      <c r="DP38" s="71">
        <v>0</v>
      </c>
      <c r="DQ38" s="72">
        <v>0</v>
      </c>
      <c r="DR38" s="73">
        <v>0</v>
      </c>
      <c r="DS38" s="70">
        <v>0</v>
      </c>
      <c r="DT38" s="71">
        <v>0</v>
      </c>
      <c r="DU38" s="72">
        <v>0</v>
      </c>
      <c r="DV38" s="276"/>
      <c r="DW38" s="71">
        <v>1</v>
      </c>
      <c r="DX38" s="71">
        <v>0</v>
      </c>
      <c r="DY38" s="71">
        <v>1</v>
      </c>
      <c r="DZ38" s="71">
        <v>0</v>
      </c>
      <c r="EA38" s="71">
        <v>0</v>
      </c>
      <c r="EB38" s="72">
        <v>2</v>
      </c>
      <c r="EC38" s="73">
        <v>2</v>
      </c>
      <c r="ED38" s="70">
        <v>0</v>
      </c>
      <c r="EE38" s="71">
        <v>0</v>
      </c>
      <c r="EF38" s="72">
        <v>0</v>
      </c>
      <c r="EG38" s="276"/>
      <c r="EH38" s="71">
        <v>0</v>
      </c>
      <c r="EI38" s="71">
        <v>0</v>
      </c>
      <c r="EJ38" s="71">
        <v>0</v>
      </c>
      <c r="EK38" s="71">
        <v>0</v>
      </c>
      <c r="EL38" s="71">
        <v>0</v>
      </c>
      <c r="EM38" s="72">
        <v>0</v>
      </c>
      <c r="EN38" s="73">
        <v>0</v>
      </c>
      <c r="EO38" s="70">
        <v>0</v>
      </c>
      <c r="EP38" s="71">
        <v>1</v>
      </c>
      <c r="EQ38" s="72">
        <v>1</v>
      </c>
      <c r="ER38" s="276"/>
      <c r="ES38" s="71">
        <v>1</v>
      </c>
      <c r="ET38" s="71">
        <v>1</v>
      </c>
      <c r="EU38" s="71">
        <v>1</v>
      </c>
      <c r="EV38" s="71">
        <v>1</v>
      </c>
      <c r="EW38" s="71">
        <v>0</v>
      </c>
      <c r="EX38" s="72">
        <v>4</v>
      </c>
      <c r="EY38" s="73">
        <v>5</v>
      </c>
      <c r="EZ38" s="70">
        <v>0</v>
      </c>
      <c r="FA38" s="71">
        <v>1</v>
      </c>
      <c r="FB38" s="72">
        <v>1</v>
      </c>
      <c r="FC38" s="276"/>
      <c r="FD38" s="71">
        <v>4</v>
      </c>
      <c r="FE38" s="71">
        <v>1</v>
      </c>
      <c r="FF38" s="71">
        <v>0</v>
      </c>
      <c r="FG38" s="71">
        <v>0</v>
      </c>
      <c r="FH38" s="71">
        <v>0</v>
      </c>
      <c r="FI38" s="72">
        <v>5</v>
      </c>
      <c r="FJ38" s="73">
        <v>6</v>
      </c>
      <c r="FK38" s="70">
        <v>0</v>
      </c>
      <c r="FL38" s="71">
        <v>1</v>
      </c>
      <c r="FM38" s="72">
        <v>1</v>
      </c>
      <c r="FN38" s="276"/>
      <c r="FO38" s="71">
        <v>0</v>
      </c>
      <c r="FP38" s="71">
        <v>0</v>
      </c>
      <c r="FQ38" s="71">
        <v>4</v>
      </c>
      <c r="FR38" s="71">
        <v>3</v>
      </c>
      <c r="FS38" s="71">
        <v>1</v>
      </c>
      <c r="FT38" s="72">
        <v>8</v>
      </c>
      <c r="FU38" s="73">
        <v>9</v>
      </c>
      <c r="FV38" s="70">
        <v>0</v>
      </c>
      <c r="FW38" s="71">
        <v>0</v>
      </c>
      <c r="FX38" s="72">
        <v>0</v>
      </c>
      <c r="FY38" s="276"/>
      <c r="FZ38" s="71">
        <v>0</v>
      </c>
      <c r="GA38" s="71">
        <v>0</v>
      </c>
      <c r="GB38" s="71">
        <v>0</v>
      </c>
      <c r="GC38" s="71">
        <v>0</v>
      </c>
      <c r="GD38" s="71">
        <v>0</v>
      </c>
      <c r="GE38" s="72">
        <v>0</v>
      </c>
      <c r="GF38" s="73">
        <v>0</v>
      </c>
      <c r="GG38" s="70">
        <v>0</v>
      </c>
      <c r="GH38" s="71">
        <v>3</v>
      </c>
      <c r="GI38" s="72">
        <v>3</v>
      </c>
      <c r="GJ38" s="276"/>
      <c r="GK38" s="71">
        <v>6</v>
      </c>
      <c r="GL38" s="71">
        <v>2</v>
      </c>
      <c r="GM38" s="71">
        <v>6</v>
      </c>
      <c r="GN38" s="71">
        <v>4</v>
      </c>
      <c r="GO38" s="71">
        <v>1</v>
      </c>
      <c r="GP38" s="72">
        <v>19</v>
      </c>
      <c r="GQ38" s="73">
        <v>22</v>
      </c>
      <c r="GR38" s="126">
        <v>8</v>
      </c>
      <c r="GS38" s="82">
        <v>9</v>
      </c>
      <c r="GT38" s="83">
        <v>17</v>
      </c>
      <c r="GU38" s="273"/>
      <c r="GV38" s="82">
        <v>21</v>
      </c>
      <c r="GW38" s="82">
        <v>10</v>
      </c>
      <c r="GX38" s="82">
        <v>7</v>
      </c>
      <c r="GY38" s="82">
        <v>9</v>
      </c>
      <c r="GZ38" s="82">
        <v>1</v>
      </c>
      <c r="HA38" s="84">
        <v>48</v>
      </c>
      <c r="HB38" s="85">
        <v>65</v>
      </c>
      <c r="HC38" s="70">
        <v>0</v>
      </c>
      <c r="HD38" s="71">
        <v>0</v>
      </c>
      <c r="HE38" s="72">
        <v>0</v>
      </c>
      <c r="HF38" s="276"/>
      <c r="HG38" s="71">
        <v>0</v>
      </c>
      <c r="HH38" s="71">
        <v>0</v>
      </c>
      <c r="HI38" s="71">
        <v>0</v>
      </c>
      <c r="HJ38" s="71">
        <v>0</v>
      </c>
      <c r="HK38" s="71">
        <v>0</v>
      </c>
      <c r="HL38" s="72">
        <v>0</v>
      </c>
      <c r="HM38" s="73">
        <v>0</v>
      </c>
      <c r="HN38" s="70">
        <v>0</v>
      </c>
      <c r="HO38" s="71">
        <v>0</v>
      </c>
      <c r="HP38" s="72">
        <v>0</v>
      </c>
      <c r="HQ38" s="276"/>
      <c r="HR38" s="71">
        <v>2</v>
      </c>
      <c r="HS38" s="71">
        <v>1</v>
      </c>
      <c r="HT38" s="71">
        <v>1</v>
      </c>
      <c r="HU38" s="71">
        <v>0</v>
      </c>
      <c r="HV38" s="71">
        <v>0</v>
      </c>
      <c r="HW38" s="72">
        <v>4</v>
      </c>
      <c r="HX38" s="73">
        <v>4</v>
      </c>
      <c r="HY38" s="70">
        <v>2</v>
      </c>
      <c r="HZ38" s="71">
        <v>1</v>
      </c>
      <c r="IA38" s="72">
        <v>3</v>
      </c>
      <c r="IB38" s="276"/>
      <c r="IC38" s="71">
        <v>2</v>
      </c>
      <c r="ID38" s="71">
        <v>1</v>
      </c>
      <c r="IE38" s="71">
        <v>1</v>
      </c>
      <c r="IF38" s="71">
        <v>2</v>
      </c>
      <c r="IG38" s="71">
        <v>0</v>
      </c>
      <c r="IH38" s="72">
        <v>6</v>
      </c>
      <c r="II38" s="73">
        <v>9</v>
      </c>
      <c r="IJ38" s="70">
        <v>3</v>
      </c>
      <c r="IK38" s="71">
        <v>3</v>
      </c>
      <c r="IL38" s="72">
        <v>6</v>
      </c>
      <c r="IM38" s="276"/>
      <c r="IN38" s="71">
        <v>3</v>
      </c>
      <c r="IO38" s="71">
        <v>4</v>
      </c>
      <c r="IP38" s="71">
        <v>1</v>
      </c>
      <c r="IQ38" s="71">
        <v>2</v>
      </c>
      <c r="IR38" s="71">
        <v>0</v>
      </c>
      <c r="IS38" s="72">
        <v>10</v>
      </c>
      <c r="IT38" s="73">
        <v>16</v>
      </c>
      <c r="IU38" s="70">
        <v>0</v>
      </c>
      <c r="IV38" s="71">
        <v>4</v>
      </c>
      <c r="IW38" s="72">
        <v>4</v>
      </c>
      <c r="IX38" s="276"/>
      <c r="IY38" s="71">
        <v>10</v>
      </c>
      <c r="IZ38" s="71">
        <v>2</v>
      </c>
      <c r="JA38" s="71">
        <v>0</v>
      </c>
      <c r="JB38" s="71">
        <v>0</v>
      </c>
      <c r="JC38" s="71">
        <v>0</v>
      </c>
      <c r="JD38" s="72">
        <v>12</v>
      </c>
      <c r="JE38" s="73">
        <v>16</v>
      </c>
      <c r="JF38" s="70">
        <v>3</v>
      </c>
      <c r="JG38" s="71">
        <v>1</v>
      </c>
      <c r="JH38" s="72">
        <v>4</v>
      </c>
      <c r="JI38" s="276"/>
      <c r="JJ38" s="71">
        <v>4</v>
      </c>
      <c r="JK38" s="71">
        <v>2</v>
      </c>
      <c r="JL38" s="71">
        <v>4</v>
      </c>
      <c r="JM38" s="71">
        <v>5</v>
      </c>
      <c r="JN38" s="71">
        <v>1</v>
      </c>
      <c r="JO38" s="72">
        <v>16</v>
      </c>
      <c r="JP38" s="73">
        <v>20</v>
      </c>
      <c r="JQ38" s="70">
        <v>0</v>
      </c>
      <c r="JR38" s="71">
        <v>0</v>
      </c>
      <c r="JS38" s="72">
        <v>0</v>
      </c>
      <c r="JT38" s="276"/>
      <c r="JU38" s="71">
        <v>0</v>
      </c>
      <c r="JV38" s="71">
        <v>0</v>
      </c>
      <c r="JW38" s="71">
        <v>0</v>
      </c>
      <c r="JX38" s="71">
        <v>0</v>
      </c>
      <c r="JY38" s="71">
        <v>0</v>
      </c>
      <c r="JZ38" s="72">
        <v>0</v>
      </c>
      <c r="KA38" s="73">
        <v>0</v>
      </c>
      <c r="KB38" s="70">
        <v>8</v>
      </c>
      <c r="KC38" s="71">
        <v>9</v>
      </c>
      <c r="KD38" s="72">
        <v>17</v>
      </c>
      <c r="KE38" s="276"/>
      <c r="KF38" s="71">
        <v>21</v>
      </c>
      <c r="KG38" s="71">
        <v>10</v>
      </c>
      <c r="KH38" s="71">
        <v>7</v>
      </c>
      <c r="KI38" s="71">
        <v>9</v>
      </c>
      <c r="KJ38" s="71">
        <v>1</v>
      </c>
      <c r="KK38" s="72">
        <v>48</v>
      </c>
      <c r="KL38" s="73">
        <v>65</v>
      </c>
    </row>
    <row r="39" spans="1:298" ht="19.5" customHeight="1" x14ac:dyDescent="0.2">
      <c r="A39" s="129" t="s">
        <v>36</v>
      </c>
      <c r="B39" s="350">
        <v>2</v>
      </c>
      <c r="C39" s="82">
        <v>6</v>
      </c>
      <c r="D39" s="83">
        <v>8</v>
      </c>
      <c r="E39" s="273"/>
      <c r="F39" s="82">
        <v>8</v>
      </c>
      <c r="G39" s="82">
        <v>5</v>
      </c>
      <c r="H39" s="82">
        <v>4</v>
      </c>
      <c r="I39" s="82">
        <v>5</v>
      </c>
      <c r="J39" s="82">
        <v>4</v>
      </c>
      <c r="K39" s="84">
        <v>26</v>
      </c>
      <c r="L39" s="85">
        <v>34</v>
      </c>
      <c r="M39" s="70">
        <v>0</v>
      </c>
      <c r="N39" s="71">
        <v>0</v>
      </c>
      <c r="O39" s="72">
        <v>0</v>
      </c>
      <c r="P39" s="276"/>
      <c r="Q39" s="71">
        <v>1</v>
      </c>
      <c r="R39" s="71">
        <v>0</v>
      </c>
      <c r="S39" s="71">
        <v>0</v>
      </c>
      <c r="T39" s="71">
        <v>0</v>
      </c>
      <c r="U39" s="71">
        <v>0</v>
      </c>
      <c r="V39" s="72">
        <v>1</v>
      </c>
      <c r="W39" s="73">
        <v>1</v>
      </c>
      <c r="X39" s="70">
        <v>1</v>
      </c>
      <c r="Y39" s="71">
        <v>0</v>
      </c>
      <c r="Z39" s="72">
        <v>1</v>
      </c>
      <c r="AA39" s="276"/>
      <c r="AB39" s="71">
        <v>0</v>
      </c>
      <c r="AC39" s="71">
        <v>2</v>
      </c>
      <c r="AD39" s="71">
        <v>0</v>
      </c>
      <c r="AE39" s="71">
        <v>1</v>
      </c>
      <c r="AF39" s="71">
        <v>1</v>
      </c>
      <c r="AG39" s="72">
        <v>4</v>
      </c>
      <c r="AH39" s="73">
        <v>5</v>
      </c>
      <c r="AI39" s="70">
        <v>1</v>
      </c>
      <c r="AJ39" s="71">
        <v>0</v>
      </c>
      <c r="AK39" s="72">
        <v>1</v>
      </c>
      <c r="AL39" s="276"/>
      <c r="AM39" s="71">
        <v>2</v>
      </c>
      <c r="AN39" s="71">
        <v>0</v>
      </c>
      <c r="AO39" s="71">
        <v>0</v>
      </c>
      <c r="AP39" s="71">
        <v>0</v>
      </c>
      <c r="AQ39" s="71">
        <v>1</v>
      </c>
      <c r="AR39" s="72">
        <v>3</v>
      </c>
      <c r="AS39" s="73">
        <v>4</v>
      </c>
      <c r="AT39" s="70">
        <v>0</v>
      </c>
      <c r="AU39" s="71">
        <v>3</v>
      </c>
      <c r="AV39" s="72">
        <v>3</v>
      </c>
      <c r="AW39" s="276"/>
      <c r="AX39" s="71">
        <v>2</v>
      </c>
      <c r="AY39" s="71">
        <v>2</v>
      </c>
      <c r="AZ39" s="71">
        <v>1</v>
      </c>
      <c r="BA39" s="71">
        <v>1</v>
      </c>
      <c r="BB39" s="71">
        <v>1</v>
      </c>
      <c r="BC39" s="72">
        <v>7</v>
      </c>
      <c r="BD39" s="73">
        <v>10</v>
      </c>
      <c r="BE39" s="70">
        <v>0</v>
      </c>
      <c r="BF39" s="71">
        <v>3</v>
      </c>
      <c r="BG39" s="72">
        <v>3</v>
      </c>
      <c r="BH39" s="276"/>
      <c r="BI39" s="71">
        <v>0</v>
      </c>
      <c r="BJ39" s="71">
        <v>0</v>
      </c>
      <c r="BK39" s="71">
        <v>2</v>
      </c>
      <c r="BL39" s="71">
        <v>2</v>
      </c>
      <c r="BM39" s="71">
        <v>1</v>
      </c>
      <c r="BN39" s="72">
        <v>5</v>
      </c>
      <c r="BO39" s="73">
        <v>8</v>
      </c>
      <c r="BP39" s="70">
        <v>0</v>
      </c>
      <c r="BQ39" s="71">
        <v>0</v>
      </c>
      <c r="BR39" s="72">
        <v>0</v>
      </c>
      <c r="BS39" s="276"/>
      <c r="BT39" s="71">
        <v>3</v>
      </c>
      <c r="BU39" s="71">
        <v>1</v>
      </c>
      <c r="BV39" s="71">
        <v>1</v>
      </c>
      <c r="BW39" s="71">
        <v>1</v>
      </c>
      <c r="BX39" s="71">
        <v>0</v>
      </c>
      <c r="BY39" s="72">
        <v>6</v>
      </c>
      <c r="BZ39" s="73">
        <v>6</v>
      </c>
      <c r="CA39" s="70">
        <v>0</v>
      </c>
      <c r="CB39" s="71">
        <v>0</v>
      </c>
      <c r="CC39" s="72">
        <v>0</v>
      </c>
      <c r="CD39" s="276"/>
      <c r="CE39" s="71">
        <v>0</v>
      </c>
      <c r="CF39" s="71">
        <v>0</v>
      </c>
      <c r="CG39" s="71">
        <v>0</v>
      </c>
      <c r="CH39" s="71">
        <v>0</v>
      </c>
      <c r="CI39" s="71">
        <v>0</v>
      </c>
      <c r="CJ39" s="72">
        <v>0</v>
      </c>
      <c r="CK39" s="73">
        <v>0</v>
      </c>
      <c r="CL39" s="70">
        <v>2</v>
      </c>
      <c r="CM39" s="71">
        <v>6</v>
      </c>
      <c r="CN39" s="72">
        <v>8</v>
      </c>
      <c r="CO39" s="276"/>
      <c r="CP39" s="71">
        <v>8</v>
      </c>
      <c r="CQ39" s="71">
        <v>5</v>
      </c>
      <c r="CR39" s="71">
        <v>4</v>
      </c>
      <c r="CS39" s="71">
        <v>5</v>
      </c>
      <c r="CT39" s="71">
        <v>4</v>
      </c>
      <c r="CU39" s="72">
        <v>26</v>
      </c>
      <c r="CV39" s="73">
        <v>34</v>
      </c>
      <c r="CW39" s="126">
        <v>3</v>
      </c>
      <c r="CX39" s="82">
        <v>3</v>
      </c>
      <c r="CY39" s="83">
        <v>6</v>
      </c>
      <c r="CZ39" s="273"/>
      <c r="DA39" s="82">
        <v>6</v>
      </c>
      <c r="DB39" s="82">
        <v>7</v>
      </c>
      <c r="DC39" s="82">
        <v>1</v>
      </c>
      <c r="DD39" s="82">
        <v>4</v>
      </c>
      <c r="DE39" s="82">
        <v>1</v>
      </c>
      <c r="DF39" s="84">
        <v>19</v>
      </c>
      <c r="DG39" s="85">
        <v>25</v>
      </c>
      <c r="DH39" s="70">
        <v>0</v>
      </c>
      <c r="DI39" s="71">
        <v>0</v>
      </c>
      <c r="DJ39" s="72">
        <v>0</v>
      </c>
      <c r="DK39" s="276"/>
      <c r="DL39" s="71">
        <v>0</v>
      </c>
      <c r="DM39" s="71">
        <v>0</v>
      </c>
      <c r="DN39" s="71">
        <v>0</v>
      </c>
      <c r="DO39" s="71">
        <v>0</v>
      </c>
      <c r="DP39" s="71">
        <v>0</v>
      </c>
      <c r="DQ39" s="72">
        <v>0</v>
      </c>
      <c r="DR39" s="73">
        <v>0</v>
      </c>
      <c r="DS39" s="70">
        <v>0</v>
      </c>
      <c r="DT39" s="71">
        <v>0</v>
      </c>
      <c r="DU39" s="72">
        <v>0</v>
      </c>
      <c r="DV39" s="276"/>
      <c r="DW39" s="71">
        <v>0</v>
      </c>
      <c r="DX39" s="71">
        <v>0</v>
      </c>
      <c r="DY39" s="71">
        <v>0</v>
      </c>
      <c r="DZ39" s="71">
        <v>0</v>
      </c>
      <c r="EA39" s="71">
        <v>0</v>
      </c>
      <c r="EB39" s="72">
        <v>0</v>
      </c>
      <c r="EC39" s="73">
        <v>0</v>
      </c>
      <c r="ED39" s="70">
        <v>0</v>
      </c>
      <c r="EE39" s="71">
        <v>0</v>
      </c>
      <c r="EF39" s="72">
        <v>0</v>
      </c>
      <c r="EG39" s="276"/>
      <c r="EH39" s="71">
        <v>1</v>
      </c>
      <c r="EI39" s="71">
        <v>1</v>
      </c>
      <c r="EJ39" s="71">
        <v>0</v>
      </c>
      <c r="EK39" s="71">
        <v>0</v>
      </c>
      <c r="EL39" s="71">
        <v>0</v>
      </c>
      <c r="EM39" s="72">
        <v>2</v>
      </c>
      <c r="EN39" s="73">
        <v>2</v>
      </c>
      <c r="EO39" s="70">
        <v>0</v>
      </c>
      <c r="EP39" s="71">
        <v>2</v>
      </c>
      <c r="EQ39" s="72">
        <v>2</v>
      </c>
      <c r="ER39" s="276"/>
      <c r="ES39" s="71">
        <v>1</v>
      </c>
      <c r="ET39" s="71">
        <v>1</v>
      </c>
      <c r="EU39" s="71">
        <v>1</v>
      </c>
      <c r="EV39" s="71">
        <v>0</v>
      </c>
      <c r="EW39" s="71">
        <v>0</v>
      </c>
      <c r="EX39" s="72">
        <v>3</v>
      </c>
      <c r="EY39" s="73">
        <v>5</v>
      </c>
      <c r="EZ39" s="70">
        <v>3</v>
      </c>
      <c r="FA39" s="71">
        <v>1</v>
      </c>
      <c r="FB39" s="72">
        <v>4</v>
      </c>
      <c r="FC39" s="276"/>
      <c r="FD39" s="71">
        <v>2</v>
      </c>
      <c r="FE39" s="71">
        <v>3</v>
      </c>
      <c r="FF39" s="71">
        <v>0</v>
      </c>
      <c r="FG39" s="71">
        <v>1</v>
      </c>
      <c r="FH39" s="71">
        <v>0</v>
      </c>
      <c r="FI39" s="72">
        <v>6</v>
      </c>
      <c r="FJ39" s="73">
        <v>10</v>
      </c>
      <c r="FK39" s="70">
        <v>0</v>
      </c>
      <c r="FL39" s="71">
        <v>0</v>
      </c>
      <c r="FM39" s="72">
        <v>0</v>
      </c>
      <c r="FN39" s="276"/>
      <c r="FO39" s="71">
        <v>2</v>
      </c>
      <c r="FP39" s="71">
        <v>2</v>
      </c>
      <c r="FQ39" s="71">
        <v>0</v>
      </c>
      <c r="FR39" s="71">
        <v>3</v>
      </c>
      <c r="FS39" s="71">
        <v>1</v>
      </c>
      <c r="FT39" s="72">
        <v>8</v>
      </c>
      <c r="FU39" s="73">
        <v>8</v>
      </c>
      <c r="FV39" s="70">
        <v>0</v>
      </c>
      <c r="FW39" s="71">
        <v>0</v>
      </c>
      <c r="FX39" s="72">
        <v>0</v>
      </c>
      <c r="FY39" s="276"/>
      <c r="FZ39" s="71">
        <v>0</v>
      </c>
      <c r="GA39" s="71">
        <v>0</v>
      </c>
      <c r="GB39" s="71">
        <v>0</v>
      </c>
      <c r="GC39" s="71">
        <v>0</v>
      </c>
      <c r="GD39" s="71">
        <v>0</v>
      </c>
      <c r="GE39" s="72">
        <v>0</v>
      </c>
      <c r="GF39" s="73">
        <v>0</v>
      </c>
      <c r="GG39" s="70">
        <v>3</v>
      </c>
      <c r="GH39" s="71">
        <v>3</v>
      </c>
      <c r="GI39" s="72">
        <v>6</v>
      </c>
      <c r="GJ39" s="276"/>
      <c r="GK39" s="71">
        <v>6</v>
      </c>
      <c r="GL39" s="71">
        <v>7</v>
      </c>
      <c r="GM39" s="71">
        <v>1</v>
      </c>
      <c r="GN39" s="71">
        <v>4</v>
      </c>
      <c r="GO39" s="71">
        <v>1</v>
      </c>
      <c r="GP39" s="72">
        <v>19</v>
      </c>
      <c r="GQ39" s="73">
        <v>25</v>
      </c>
      <c r="GR39" s="126">
        <v>5</v>
      </c>
      <c r="GS39" s="82">
        <v>9</v>
      </c>
      <c r="GT39" s="83">
        <v>14</v>
      </c>
      <c r="GU39" s="273"/>
      <c r="GV39" s="82">
        <v>14</v>
      </c>
      <c r="GW39" s="82">
        <v>12</v>
      </c>
      <c r="GX39" s="82">
        <v>5</v>
      </c>
      <c r="GY39" s="82">
        <v>9</v>
      </c>
      <c r="GZ39" s="82">
        <v>5</v>
      </c>
      <c r="HA39" s="84">
        <v>45</v>
      </c>
      <c r="HB39" s="85">
        <v>59</v>
      </c>
      <c r="HC39" s="70">
        <v>0</v>
      </c>
      <c r="HD39" s="71">
        <v>0</v>
      </c>
      <c r="HE39" s="72">
        <v>0</v>
      </c>
      <c r="HF39" s="276"/>
      <c r="HG39" s="71">
        <v>1</v>
      </c>
      <c r="HH39" s="71">
        <v>0</v>
      </c>
      <c r="HI39" s="71">
        <v>0</v>
      </c>
      <c r="HJ39" s="71">
        <v>0</v>
      </c>
      <c r="HK39" s="71">
        <v>0</v>
      </c>
      <c r="HL39" s="72">
        <v>1</v>
      </c>
      <c r="HM39" s="73">
        <v>1</v>
      </c>
      <c r="HN39" s="70">
        <v>1</v>
      </c>
      <c r="HO39" s="71">
        <v>0</v>
      </c>
      <c r="HP39" s="72">
        <v>1</v>
      </c>
      <c r="HQ39" s="276"/>
      <c r="HR39" s="71">
        <v>0</v>
      </c>
      <c r="HS39" s="71">
        <v>2</v>
      </c>
      <c r="HT39" s="71">
        <v>0</v>
      </c>
      <c r="HU39" s="71">
        <v>1</v>
      </c>
      <c r="HV39" s="71">
        <v>1</v>
      </c>
      <c r="HW39" s="72">
        <v>4</v>
      </c>
      <c r="HX39" s="73">
        <v>5</v>
      </c>
      <c r="HY39" s="70">
        <v>1</v>
      </c>
      <c r="HZ39" s="71">
        <v>0</v>
      </c>
      <c r="IA39" s="72">
        <v>1</v>
      </c>
      <c r="IB39" s="276"/>
      <c r="IC39" s="71">
        <v>3</v>
      </c>
      <c r="ID39" s="71">
        <v>1</v>
      </c>
      <c r="IE39" s="71">
        <v>0</v>
      </c>
      <c r="IF39" s="71">
        <v>0</v>
      </c>
      <c r="IG39" s="71">
        <v>1</v>
      </c>
      <c r="IH39" s="72">
        <v>5</v>
      </c>
      <c r="II39" s="73">
        <v>6</v>
      </c>
      <c r="IJ39" s="70">
        <v>0</v>
      </c>
      <c r="IK39" s="71">
        <v>5</v>
      </c>
      <c r="IL39" s="72">
        <v>5</v>
      </c>
      <c r="IM39" s="276"/>
      <c r="IN39" s="71">
        <v>3</v>
      </c>
      <c r="IO39" s="71">
        <v>3</v>
      </c>
      <c r="IP39" s="71">
        <v>2</v>
      </c>
      <c r="IQ39" s="71">
        <v>1</v>
      </c>
      <c r="IR39" s="71">
        <v>1</v>
      </c>
      <c r="IS39" s="72">
        <v>10</v>
      </c>
      <c r="IT39" s="73">
        <v>15</v>
      </c>
      <c r="IU39" s="70">
        <v>3</v>
      </c>
      <c r="IV39" s="71">
        <v>4</v>
      </c>
      <c r="IW39" s="72">
        <v>7</v>
      </c>
      <c r="IX39" s="276"/>
      <c r="IY39" s="71">
        <v>2</v>
      </c>
      <c r="IZ39" s="71">
        <v>3</v>
      </c>
      <c r="JA39" s="71">
        <v>2</v>
      </c>
      <c r="JB39" s="71">
        <v>3</v>
      </c>
      <c r="JC39" s="71">
        <v>1</v>
      </c>
      <c r="JD39" s="72">
        <v>11</v>
      </c>
      <c r="JE39" s="73">
        <v>18</v>
      </c>
      <c r="JF39" s="70">
        <v>0</v>
      </c>
      <c r="JG39" s="71">
        <v>0</v>
      </c>
      <c r="JH39" s="72">
        <v>0</v>
      </c>
      <c r="JI39" s="276"/>
      <c r="JJ39" s="71">
        <v>5</v>
      </c>
      <c r="JK39" s="71">
        <v>3</v>
      </c>
      <c r="JL39" s="71">
        <v>1</v>
      </c>
      <c r="JM39" s="71">
        <v>4</v>
      </c>
      <c r="JN39" s="71">
        <v>1</v>
      </c>
      <c r="JO39" s="72">
        <v>14</v>
      </c>
      <c r="JP39" s="73">
        <v>14</v>
      </c>
      <c r="JQ39" s="70">
        <v>0</v>
      </c>
      <c r="JR39" s="71">
        <v>0</v>
      </c>
      <c r="JS39" s="72">
        <v>0</v>
      </c>
      <c r="JT39" s="276"/>
      <c r="JU39" s="71">
        <v>0</v>
      </c>
      <c r="JV39" s="71">
        <v>0</v>
      </c>
      <c r="JW39" s="71">
        <v>0</v>
      </c>
      <c r="JX39" s="71">
        <v>0</v>
      </c>
      <c r="JY39" s="71">
        <v>0</v>
      </c>
      <c r="JZ39" s="72">
        <v>0</v>
      </c>
      <c r="KA39" s="73">
        <v>0</v>
      </c>
      <c r="KB39" s="70">
        <v>5</v>
      </c>
      <c r="KC39" s="71">
        <v>9</v>
      </c>
      <c r="KD39" s="72">
        <v>14</v>
      </c>
      <c r="KE39" s="276"/>
      <c r="KF39" s="71">
        <v>14</v>
      </c>
      <c r="KG39" s="71">
        <v>12</v>
      </c>
      <c r="KH39" s="71">
        <v>5</v>
      </c>
      <c r="KI39" s="71">
        <v>9</v>
      </c>
      <c r="KJ39" s="71">
        <v>5</v>
      </c>
      <c r="KK39" s="72">
        <v>45</v>
      </c>
      <c r="KL39" s="73">
        <v>59</v>
      </c>
    </row>
    <row r="40" spans="1:298" ht="19.5" customHeight="1" thickBot="1" x14ac:dyDescent="0.25">
      <c r="A40" s="130" t="s">
        <v>37</v>
      </c>
      <c r="B40" s="351">
        <v>0</v>
      </c>
      <c r="C40" s="87">
        <v>0</v>
      </c>
      <c r="D40" s="88">
        <v>0</v>
      </c>
      <c r="E40" s="274"/>
      <c r="F40" s="87">
        <v>0</v>
      </c>
      <c r="G40" s="87">
        <v>0</v>
      </c>
      <c r="H40" s="87">
        <v>1</v>
      </c>
      <c r="I40" s="87">
        <v>1</v>
      </c>
      <c r="J40" s="87">
        <v>1</v>
      </c>
      <c r="K40" s="89">
        <v>3</v>
      </c>
      <c r="L40" s="90">
        <v>3</v>
      </c>
      <c r="M40" s="74">
        <v>0</v>
      </c>
      <c r="N40" s="75">
        <v>0</v>
      </c>
      <c r="O40" s="76">
        <v>0</v>
      </c>
      <c r="P40" s="277"/>
      <c r="Q40" s="75">
        <v>0</v>
      </c>
      <c r="R40" s="75">
        <v>0</v>
      </c>
      <c r="S40" s="75">
        <v>0</v>
      </c>
      <c r="T40" s="75">
        <v>0</v>
      </c>
      <c r="U40" s="75">
        <v>0</v>
      </c>
      <c r="V40" s="76">
        <v>0</v>
      </c>
      <c r="W40" s="77">
        <v>0</v>
      </c>
      <c r="X40" s="74">
        <v>0</v>
      </c>
      <c r="Y40" s="75">
        <v>0</v>
      </c>
      <c r="Z40" s="76">
        <v>0</v>
      </c>
      <c r="AA40" s="277"/>
      <c r="AB40" s="75">
        <v>0</v>
      </c>
      <c r="AC40" s="75">
        <v>0</v>
      </c>
      <c r="AD40" s="75">
        <v>0</v>
      </c>
      <c r="AE40" s="75">
        <v>0</v>
      </c>
      <c r="AF40" s="75">
        <v>0</v>
      </c>
      <c r="AG40" s="76">
        <v>0</v>
      </c>
      <c r="AH40" s="77">
        <v>0</v>
      </c>
      <c r="AI40" s="74">
        <v>0</v>
      </c>
      <c r="AJ40" s="75">
        <v>0</v>
      </c>
      <c r="AK40" s="76">
        <v>0</v>
      </c>
      <c r="AL40" s="277"/>
      <c r="AM40" s="75">
        <v>0</v>
      </c>
      <c r="AN40" s="75">
        <v>0</v>
      </c>
      <c r="AO40" s="75">
        <v>0</v>
      </c>
      <c r="AP40" s="75">
        <v>0</v>
      </c>
      <c r="AQ40" s="75">
        <v>0</v>
      </c>
      <c r="AR40" s="76">
        <v>0</v>
      </c>
      <c r="AS40" s="77">
        <v>0</v>
      </c>
      <c r="AT40" s="74">
        <v>0</v>
      </c>
      <c r="AU40" s="75">
        <v>0</v>
      </c>
      <c r="AV40" s="76">
        <v>0</v>
      </c>
      <c r="AW40" s="277"/>
      <c r="AX40" s="75">
        <v>0</v>
      </c>
      <c r="AY40" s="75">
        <v>0</v>
      </c>
      <c r="AZ40" s="75">
        <v>0</v>
      </c>
      <c r="BA40" s="75">
        <v>1</v>
      </c>
      <c r="BB40" s="75">
        <v>1</v>
      </c>
      <c r="BC40" s="76">
        <v>2</v>
      </c>
      <c r="BD40" s="77">
        <v>2</v>
      </c>
      <c r="BE40" s="74">
        <v>0</v>
      </c>
      <c r="BF40" s="75">
        <v>0</v>
      </c>
      <c r="BG40" s="76">
        <v>0</v>
      </c>
      <c r="BH40" s="277"/>
      <c r="BI40" s="75">
        <v>0</v>
      </c>
      <c r="BJ40" s="75">
        <v>0</v>
      </c>
      <c r="BK40" s="75">
        <v>1</v>
      </c>
      <c r="BL40" s="75">
        <v>0</v>
      </c>
      <c r="BM40" s="75">
        <v>0</v>
      </c>
      <c r="BN40" s="76">
        <v>1</v>
      </c>
      <c r="BO40" s="77">
        <v>1</v>
      </c>
      <c r="BP40" s="74">
        <v>0</v>
      </c>
      <c r="BQ40" s="75">
        <v>0</v>
      </c>
      <c r="BR40" s="76">
        <v>0</v>
      </c>
      <c r="BS40" s="277"/>
      <c r="BT40" s="75">
        <v>0</v>
      </c>
      <c r="BU40" s="75">
        <v>0</v>
      </c>
      <c r="BV40" s="75">
        <v>0</v>
      </c>
      <c r="BW40" s="75">
        <v>0</v>
      </c>
      <c r="BX40" s="75">
        <v>0</v>
      </c>
      <c r="BY40" s="76">
        <v>0</v>
      </c>
      <c r="BZ40" s="77">
        <v>0</v>
      </c>
      <c r="CA40" s="74">
        <v>0</v>
      </c>
      <c r="CB40" s="75">
        <v>0</v>
      </c>
      <c r="CC40" s="76">
        <v>0</v>
      </c>
      <c r="CD40" s="277"/>
      <c r="CE40" s="75">
        <v>0</v>
      </c>
      <c r="CF40" s="75">
        <v>0</v>
      </c>
      <c r="CG40" s="75">
        <v>0</v>
      </c>
      <c r="CH40" s="75">
        <v>0</v>
      </c>
      <c r="CI40" s="75">
        <v>0</v>
      </c>
      <c r="CJ40" s="76">
        <v>0</v>
      </c>
      <c r="CK40" s="77">
        <v>0</v>
      </c>
      <c r="CL40" s="74">
        <v>0</v>
      </c>
      <c r="CM40" s="75">
        <v>0</v>
      </c>
      <c r="CN40" s="76">
        <v>0</v>
      </c>
      <c r="CO40" s="277"/>
      <c r="CP40" s="75">
        <v>0</v>
      </c>
      <c r="CQ40" s="75">
        <v>0</v>
      </c>
      <c r="CR40" s="75">
        <v>1</v>
      </c>
      <c r="CS40" s="75">
        <v>1</v>
      </c>
      <c r="CT40" s="75">
        <v>1</v>
      </c>
      <c r="CU40" s="76">
        <v>3</v>
      </c>
      <c r="CV40" s="77">
        <v>3</v>
      </c>
      <c r="CW40" s="127">
        <v>0</v>
      </c>
      <c r="CX40" s="87">
        <v>0</v>
      </c>
      <c r="CY40" s="88">
        <v>0</v>
      </c>
      <c r="CZ40" s="274"/>
      <c r="DA40" s="87">
        <v>0</v>
      </c>
      <c r="DB40" s="87">
        <v>0</v>
      </c>
      <c r="DC40" s="87">
        <v>0</v>
      </c>
      <c r="DD40" s="87">
        <v>0</v>
      </c>
      <c r="DE40" s="87">
        <v>1</v>
      </c>
      <c r="DF40" s="89">
        <v>1</v>
      </c>
      <c r="DG40" s="90">
        <v>1</v>
      </c>
      <c r="DH40" s="74">
        <v>0</v>
      </c>
      <c r="DI40" s="75">
        <v>0</v>
      </c>
      <c r="DJ40" s="76">
        <v>0</v>
      </c>
      <c r="DK40" s="277"/>
      <c r="DL40" s="75">
        <v>0</v>
      </c>
      <c r="DM40" s="75">
        <v>0</v>
      </c>
      <c r="DN40" s="75">
        <v>0</v>
      </c>
      <c r="DO40" s="75">
        <v>0</v>
      </c>
      <c r="DP40" s="75">
        <v>0</v>
      </c>
      <c r="DQ40" s="76">
        <v>0</v>
      </c>
      <c r="DR40" s="77">
        <v>0</v>
      </c>
      <c r="DS40" s="74">
        <v>0</v>
      </c>
      <c r="DT40" s="75">
        <v>0</v>
      </c>
      <c r="DU40" s="76">
        <v>0</v>
      </c>
      <c r="DV40" s="277"/>
      <c r="DW40" s="75">
        <v>0</v>
      </c>
      <c r="DX40" s="75">
        <v>0</v>
      </c>
      <c r="DY40" s="75">
        <v>0</v>
      </c>
      <c r="DZ40" s="75">
        <v>0</v>
      </c>
      <c r="EA40" s="75">
        <v>0</v>
      </c>
      <c r="EB40" s="76">
        <v>0</v>
      </c>
      <c r="EC40" s="77">
        <v>0</v>
      </c>
      <c r="ED40" s="74">
        <v>0</v>
      </c>
      <c r="EE40" s="75">
        <v>0</v>
      </c>
      <c r="EF40" s="76">
        <v>0</v>
      </c>
      <c r="EG40" s="277"/>
      <c r="EH40" s="75">
        <v>0</v>
      </c>
      <c r="EI40" s="75">
        <v>0</v>
      </c>
      <c r="EJ40" s="75">
        <v>0</v>
      </c>
      <c r="EK40" s="75">
        <v>0</v>
      </c>
      <c r="EL40" s="75">
        <v>0</v>
      </c>
      <c r="EM40" s="76">
        <v>0</v>
      </c>
      <c r="EN40" s="77">
        <v>0</v>
      </c>
      <c r="EO40" s="74">
        <v>0</v>
      </c>
      <c r="EP40" s="75">
        <v>0</v>
      </c>
      <c r="EQ40" s="76">
        <v>0</v>
      </c>
      <c r="ER40" s="277"/>
      <c r="ES40" s="75">
        <v>0</v>
      </c>
      <c r="ET40" s="75">
        <v>0</v>
      </c>
      <c r="EU40" s="75">
        <v>0</v>
      </c>
      <c r="EV40" s="75">
        <v>0</v>
      </c>
      <c r="EW40" s="75">
        <v>0</v>
      </c>
      <c r="EX40" s="76">
        <v>0</v>
      </c>
      <c r="EY40" s="77">
        <v>0</v>
      </c>
      <c r="EZ40" s="74">
        <v>0</v>
      </c>
      <c r="FA40" s="75">
        <v>0</v>
      </c>
      <c r="FB40" s="76">
        <v>0</v>
      </c>
      <c r="FC40" s="277"/>
      <c r="FD40" s="75">
        <v>0</v>
      </c>
      <c r="FE40" s="75">
        <v>0</v>
      </c>
      <c r="FF40" s="75">
        <v>0</v>
      </c>
      <c r="FG40" s="75">
        <v>0</v>
      </c>
      <c r="FH40" s="75">
        <v>0</v>
      </c>
      <c r="FI40" s="76">
        <v>0</v>
      </c>
      <c r="FJ40" s="77">
        <v>0</v>
      </c>
      <c r="FK40" s="74">
        <v>0</v>
      </c>
      <c r="FL40" s="75">
        <v>0</v>
      </c>
      <c r="FM40" s="76">
        <v>0</v>
      </c>
      <c r="FN40" s="277"/>
      <c r="FO40" s="75">
        <v>0</v>
      </c>
      <c r="FP40" s="75">
        <v>0</v>
      </c>
      <c r="FQ40" s="75">
        <v>0</v>
      </c>
      <c r="FR40" s="75">
        <v>0</v>
      </c>
      <c r="FS40" s="75">
        <v>1</v>
      </c>
      <c r="FT40" s="76">
        <v>1</v>
      </c>
      <c r="FU40" s="77">
        <v>1</v>
      </c>
      <c r="FV40" s="74">
        <v>0</v>
      </c>
      <c r="FW40" s="75">
        <v>0</v>
      </c>
      <c r="FX40" s="76">
        <v>0</v>
      </c>
      <c r="FY40" s="277"/>
      <c r="FZ40" s="75">
        <v>0</v>
      </c>
      <c r="GA40" s="75">
        <v>0</v>
      </c>
      <c r="GB40" s="75">
        <v>0</v>
      </c>
      <c r="GC40" s="75">
        <v>0</v>
      </c>
      <c r="GD40" s="75">
        <v>0</v>
      </c>
      <c r="GE40" s="76">
        <v>0</v>
      </c>
      <c r="GF40" s="77">
        <v>0</v>
      </c>
      <c r="GG40" s="74">
        <v>0</v>
      </c>
      <c r="GH40" s="75">
        <v>0</v>
      </c>
      <c r="GI40" s="76">
        <v>0</v>
      </c>
      <c r="GJ40" s="277"/>
      <c r="GK40" s="75">
        <v>0</v>
      </c>
      <c r="GL40" s="75">
        <v>0</v>
      </c>
      <c r="GM40" s="75">
        <v>0</v>
      </c>
      <c r="GN40" s="75">
        <v>0</v>
      </c>
      <c r="GO40" s="75">
        <v>1</v>
      </c>
      <c r="GP40" s="76">
        <v>1</v>
      </c>
      <c r="GQ40" s="77">
        <v>1</v>
      </c>
      <c r="GR40" s="127">
        <v>0</v>
      </c>
      <c r="GS40" s="87">
        <v>0</v>
      </c>
      <c r="GT40" s="88">
        <v>0</v>
      </c>
      <c r="GU40" s="274"/>
      <c r="GV40" s="87">
        <v>0</v>
      </c>
      <c r="GW40" s="87">
        <v>0</v>
      </c>
      <c r="GX40" s="87">
        <v>1</v>
      </c>
      <c r="GY40" s="87">
        <v>1</v>
      </c>
      <c r="GZ40" s="87">
        <v>2</v>
      </c>
      <c r="HA40" s="89">
        <v>4</v>
      </c>
      <c r="HB40" s="90">
        <v>4</v>
      </c>
      <c r="HC40" s="74">
        <v>0</v>
      </c>
      <c r="HD40" s="75">
        <v>0</v>
      </c>
      <c r="HE40" s="76">
        <v>0</v>
      </c>
      <c r="HF40" s="277"/>
      <c r="HG40" s="75">
        <v>0</v>
      </c>
      <c r="HH40" s="75">
        <v>0</v>
      </c>
      <c r="HI40" s="75">
        <v>0</v>
      </c>
      <c r="HJ40" s="75">
        <v>0</v>
      </c>
      <c r="HK40" s="75">
        <v>0</v>
      </c>
      <c r="HL40" s="76">
        <v>0</v>
      </c>
      <c r="HM40" s="77">
        <v>0</v>
      </c>
      <c r="HN40" s="74">
        <v>0</v>
      </c>
      <c r="HO40" s="75">
        <v>0</v>
      </c>
      <c r="HP40" s="76">
        <v>0</v>
      </c>
      <c r="HQ40" s="277"/>
      <c r="HR40" s="75">
        <v>0</v>
      </c>
      <c r="HS40" s="75">
        <v>0</v>
      </c>
      <c r="HT40" s="75">
        <v>0</v>
      </c>
      <c r="HU40" s="75">
        <v>0</v>
      </c>
      <c r="HV40" s="75">
        <v>0</v>
      </c>
      <c r="HW40" s="76">
        <v>0</v>
      </c>
      <c r="HX40" s="77">
        <v>0</v>
      </c>
      <c r="HY40" s="74">
        <v>0</v>
      </c>
      <c r="HZ40" s="75">
        <v>0</v>
      </c>
      <c r="IA40" s="76">
        <v>0</v>
      </c>
      <c r="IB40" s="277"/>
      <c r="IC40" s="75">
        <v>0</v>
      </c>
      <c r="ID40" s="75">
        <v>0</v>
      </c>
      <c r="IE40" s="75">
        <v>0</v>
      </c>
      <c r="IF40" s="75">
        <v>0</v>
      </c>
      <c r="IG40" s="75">
        <v>0</v>
      </c>
      <c r="IH40" s="76">
        <v>0</v>
      </c>
      <c r="II40" s="77">
        <v>0</v>
      </c>
      <c r="IJ40" s="74">
        <v>0</v>
      </c>
      <c r="IK40" s="75">
        <v>0</v>
      </c>
      <c r="IL40" s="76">
        <v>0</v>
      </c>
      <c r="IM40" s="277"/>
      <c r="IN40" s="75">
        <v>0</v>
      </c>
      <c r="IO40" s="75">
        <v>0</v>
      </c>
      <c r="IP40" s="75">
        <v>0</v>
      </c>
      <c r="IQ40" s="75">
        <v>1</v>
      </c>
      <c r="IR40" s="75">
        <v>1</v>
      </c>
      <c r="IS40" s="76">
        <v>2</v>
      </c>
      <c r="IT40" s="77">
        <v>2</v>
      </c>
      <c r="IU40" s="74">
        <v>0</v>
      </c>
      <c r="IV40" s="75">
        <v>0</v>
      </c>
      <c r="IW40" s="76">
        <v>0</v>
      </c>
      <c r="IX40" s="277"/>
      <c r="IY40" s="75">
        <v>0</v>
      </c>
      <c r="IZ40" s="75">
        <v>0</v>
      </c>
      <c r="JA40" s="75">
        <v>1</v>
      </c>
      <c r="JB40" s="75">
        <v>0</v>
      </c>
      <c r="JC40" s="75">
        <v>0</v>
      </c>
      <c r="JD40" s="76">
        <v>1</v>
      </c>
      <c r="JE40" s="77">
        <v>1</v>
      </c>
      <c r="JF40" s="74">
        <v>0</v>
      </c>
      <c r="JG40" s="75">
        <v>0</v>
      </c>
      <c r="JH40" s="76">
        <v>0</v>
      </c>
      <c r="JI40" s="277"/>
      <c r="JJ40" s="75">
        <v>0</v>
      </c>
      <c r="JK40" s="75">
        <v>0</v>
      </c>
      <c r="JL40" s="75">
        <v>0</v>
      </c>
      <c r="JM40" s="75">
        <v>0</v>
      </c>
      <c r="JN40" s="75">
        <v>1</v>
      </c>
      <c r="JO40" s="76">
        <v>1</v>
      </c>
      <c r="JP40" s="77">
        <v>1</v>
      </c>
      <c r="JQ40" s="74">
        <v>0</v>
      </c>
      <c r="JR40" s="75">
        <v>0</v>
      </c>
      <c r="JS40" s="76">
        <v>0</v>
      </c>
      <c r="JT40" s="277"/>
      <c r="JU40" s="75">
        <v>0</v>
      </c>
      <c r="JV40" s="75">
        <v>0</v>
      </c>
      <c r="JW40" s="75">
        <v>0</v>
      </c>
      <c r="JX40" s="75">
        <v>0</v>
      </c>
      <c r="JY40" s="75">
        <v>0</v>
      </c>
      <c r="JZ40" s="76">
        <v>0</v>
      </c>
      <c r="KA40" s="77">
        <v>0</v>
      </c>
      <c r="KB40" s="74">
        <v>0</v>
      </c>
      <c r="KC40" s="75">
        <v>0</v>
      </c>
      <c r="KD40" s="76">
        <v>0</v>
      </c>
      <c r="KE40" s="277"/>
      <c r="KF40" s="75">
        <v>0</v>
      </c>
      <c r="KG40" s="75">
        <v>0</v>
      </c>
      <c r="KH40" s="75">
        <v>1</v>
      </c>
      <c r="KI40" s="75">
        <v>1</v>
      </c>
      <c r="KJ40" s="75">
        <v>2</v>
      </c>
      <c r="KK40" s="76">
        <v>4</v>
      </c>
      <c r="KL40" s="77">
        <v>4</v>
      </c>
    </row>
    <row r="41" spans="1:298" ht="32.25" customHeight="1" x14ac:dyDescent="0.2">
      <c r="B41" s="345" t="s">
        <v>126</v>
      </c>
    </row>
  </sheetData>
  <mergeCells count="36">
    <mergeCell ref="E1:F1"/>
    <mergeCell ref="H1:I1"/>
    <mergeCell ref="GR3:KL3"/>
    <mergeCell ref="CL4:CV5"/>
    <mergeCell ref="CW4:FU4"/>
    <mergeCell ref="KB4:KL5"/>
    <mergeCell ref="GR4:JP4"/>
    <mergeCell ref="JQ4:KA5"/>
    <mergeCell ref="DH5:DR5"/>
    <mergeCell ref="DS5:EC5"/>
    <mergeCell ref="HY5:II5"/>
    <mergeCell ref="IJ5:IT5"/>
    <mergeCell ref="BP5:BZ5"/>
    <mergeCell ref="B4:BZ4"/>
    <mergeCell ref="CA4:CK5"/>
    <mergeCell ref="FK5:FU5"/>
    <mergeCell ref="IU5:JE5"/>
    <mergeCell ref="GR5:HB5"/>
    <mergeCell ref="HC5:HM5"/>
    <mergeCell ref="HN5:HX5"/>
    <mergeCell ref="JF5:JP5"/>
    <mergeCell ref="EO5:EY5"/>
    <mergeCell ref="EZ5:FJ5"/>
    <mergeCell ref="A3:A5"/>
    <mergeCell ref="B3:CV3"/>
    <mergeCell ref="CW3:GQ3"/>
    <mergeCell ref="B5:L5"/>
    <mergeCell ref="M5:W5"/>
    <mergeCell ref="X5:AH5"/>
    <mergeCell ref="AI5:AS5"/>
    <mergeCell ref="AT5:BD5"/>
    <mergeCell ref="ED5:EN5"/>
    <mergeCell ref="FV4:GF5"/>
    <mergeCell ref="GG4:GQ5"/>
    <mergeCell ref="BE5:BO5"/>
    <mergeCell ref="CW5:DG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4" max="40" man="1"/>
    <brk id="67" max="1048575" man="1"/>
    <brk id="100" max="1048575" man="1"/>
    <brk id="133"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H39"/>
  <sheetViews>
    <sheetView zoomScaleNormal="100" zoomScaleSheetLayoutView="75" workbookViewId="0">
      <pane xSplit="1" ySplit="5" topLeftCell="B6" activePane="bottomRight" state="frozen"/>
      <selection activeCell="F37" sqref="F37"/>
      <selection pane="topRight" activeCell="F37" sqref="F37"/>
      <selection pane="bottomLeft" activeCell="F37" sqref="F37"/>
      <selection pane="bottomRight"/>
    </sheetView>
  </sheetViews>
  <sheetFormatPr defaultColWidth="9" defaultRowHeight="9.6" x14ac:dyDescent="0.2"/>
  <cols>
    <col min="1" max="1" width="8.77734375" style="23" customWidth="1"/>
    <col min="2" max="5" width="7.77734375" style="21" customWidth="1"/>
    <col min="6" max="6" width="8.109375" style="21" customWidth="1"/>
    <col min="7" max="7" width="7.44140625" style="21" customWidth="1"/>
    <col min="8" max="8" width="9.109375" style="21" customWidth="1"/>
    <col min="9" max="9" width="7.77734375" style="21" customWidth="1"/>
    <col min="10" max="10" width="8.6640625" style="21" customWidth="1"/>
    <col min="11" max="11" width="9.33203125" style="21" customWidth="1"/>
    <col min="12" max="12" width="8.33203125" style="21" customWidth="1"/>
    <col min="13" max="25" width="7.77734375" style="21" customWidth="1"/>
    <col min="26" max="32" width="7.77734375" style="23" customWidth="1"/>
    <col min="33" max="33" width="9" style="23"/>
    <col min="34" max="34" width="8.6640625" style="23" customWidth="1"/>
    <col min="35" max="16384" width="9" style="23"/>
  </cols>
  <sheetData>
    <row r="1" spans="1:34" ht="20.25" customHeight="1" x14ac:dyDescent="0.2">
      <c r="A1" s="20" t="s">
        <v>134</v>
      </c>
      <c r="E1" s="22"/>
      <c r="F1" s="545">
        <f>第１表!F2</f>
        <v>4</v>
      </c>
      <c r="G1" s="545"/>
      <c r="H1" s="282">
        <f>第１表!G2</f>
        <v>4</v>
      </c>
      <c r="I1" s="549">
        <f>IF(H1&lt;3,H1+12-2,H1-2)</f>
        <v>2</v>
      </c>
      <c r="J1" s="549"/>
    </row>
    <row r="2" spans="1:34" ht="17.25" customHeight="1" thickBot="1" x14ac:dyDescent="0.25">
      <c r="A2" s="326"/>
      <c r="I2" s="24"/>
      <c r="J2" s="24"/>
      <c r="K2" s="24"/>
      <c r="L2" s="24"/>
      <c r="M2" s="24"/>
      <c r="N2" s="24"/>
      <c r="O2" s="25"/>
      <c r="P2" s="25"/>
      <c r="Q2" s="25"/>
    </row>
    <row r="3" spans="1:34" s="44" customFormat="1" ht="19.5" customHeight="1" thickBot="1" x14ac:dyDescent="0.25">
      <c r="A3" s="54"/>
      <c r="B3" s="546" t="s">
        <v>53</v>
      </c>
      <c r="C3" s="547"/>
      <c r="D3" s="547"/>
      <c r="E3" s="547"/>
      <c r="F3" s="547"/>
      <c r="G3" s="547"/>
      <c r="H3" s="547"/>
      <c r="I3" s="547"/>
      <c r="J3" s="547"/>
      <c r="K3" s="547"/>
      <c r="L3" s="548"/>
      <c r="M3" s="546" t="s">
        <v>54</v>
      </c>
      <c r="N3" s="547"/>
      <c r="O3" s="547"/>
      <c r="P3" s="547"/>
      <c r="Q3" s="547"/>
      <c r="R3" s="547"/>
      <c r="S3" s="547"/>
      <c r="T3" s="547"/>
      <c r="U3" s="547"/>
      <c r="V3" s="547"/>
      <c r="W3" s="548"/>
      <c r="X3" s="546" t="s">
        <v>55</v>
      </c>
      <c r="Y3" s="547"/>
      <c r="Z3" s="547"/>
      <c r="AA3" s="547"/>
      <c r="AB3" s="547"/>
      <c r="AC3" s="547"/>
      <c r="AD3" s="547"/>
      <c r="AE3" s="547"/>
      <c r="AF3" s="547"/>
      <c r="AG3" s="547"/>
      <c r="AH3" s="548"/>
    </row>
    <row r="4" spans="1:34" s="44" customFormat="1" ht="29.25" customHeight="1" thickBot="1" x14ac:dyDescent="0.25">
      <c r="A4" s="54" t="s">
        <v>42</v>
      </c>
      <c r="B4" s="55" t="s">
        <v>43</v>
      </c>
      <c r="C4" s="56" t="s">
        <v>44</v>
      </c>
      <c r="D4" s="57" t="s">
        <v>45</v>
      </c>
      <c r="E4" s="58" t="s">
        <v>46</v>
      </c>
      <c r="F4" s="56" t="s">
        <v>47</v>
      </c>
      <c r="G4" s="56" t="s">
        <v>48</v>
      </c>
      <c r="H4" s="56" t="s">
        <v>49</v>
      </c>
      <c r="I4" s="56" t="s">
        <v>50</v>
      </c>
      <c r="J4" s="56" t="s">
        <v>51</v>
      </c>
      <c r="K4" s="57" t="s">
        <v>45</v>
      </c>
      <c r="L4" s="45" t="s">
        <v>52</v>
      </c>
      <c r="M4" s="55" t="s">
        <v>43</v>
      </c>
      <c r="N4" s="56" t="s">
        <v>44</v>
      </c>
      <c r="O4" s="57" t="s">
        <v>45</v>
      </c>
      <c r="P4" s="58" t="s">
        <v>46</v>
      </c>
      <c r="Q4" s="56" t="s">
        <v>47</v>
      </c>
      <c r="R4" s="56" t="s">
        <v>48</v>
      </c>
      <c r="S4" s="56" t="s">
        <v>49</v>
      </c>
      <c r="T4" s="56" t="s">
        <v>50</v>
      </c>
      <c r="U4" s="56" t="s">
        <v>51</v>
      </c>
      <c r="V4" s="57" t="s">
        <v>45</v>
      </c>
      <c r="W4" s="45" t="s">
        <v>52</v>
      </c>
      <c r="X4" s="55" t="s">
        <v>43</v>
      </c>
      <c r="Y4" s="56" t="s">
        <v>44</v>
      </c>
      <c r="Z4" s="57" t="s">
        <v>45</v>
      </c>
      <c r="AA4" s="58" t="s">
        <v>46</v>
      </c>
      <c r="AB4" s="56" t="s">
        <v>47</v>
      </c>
      <c r="AC4" s="56" t="s">
        <v>48</v>
      </c>
      <c r="AD4" s="56" t="s">
        <v>49</v>
      </c>
      <c r="AE4" s="56" t="s">
        <v>50</v>
      </c>
      <c r="AF4" s="56" t="s">
        <v>51</v>
      </c>
      <c r="AG4" s="57" t="s">
        <v>45</v>
      </c>
      <c r="AH4" s="45" t="s">
        <v>52</v>
      </c>
    </row>
    <row r="5" spans="1:34" ht="19.5" customHeight="1" x14ac:dyDescent="0.2">
      <c r="A5" s="46" t="s">
        <v>4</v>
      </c>
      <c r="B5" s="242">
        <v>15564</v>
      </c>
      <c r="C5" s="243">
        <v>27552</v>
      </c>
      <c r="D5" s="244">
        <v>43116</v>
      </c>
      <c r="E5" s="239">
        <v>0</v>
      </c>
      <c r="F5" s="243">
        <v>58042</v>
      </c>
      <c r="G5" s="243">
        <v>58697</v>
      </c>
      <c r="H5" s="243">
        <v>33774</v>
      </c>
      <c r="I5" s="243">
        <v>26222</v>
      </c>
      <c r="J5" s="243">
        <v>15645</v>
      </c>
      <c r="K5" s="244">
        <v>192380</v>
      </c>
      <c r="L5" s="245">
        <v>235496</v>
      </c>
      <c r="M5" s="246">
        <v>264</v>
      </c>
      <c r="N5" s="243">
        <v>784</v>
      </c>
      <c r="O5" s="244">
        <v>1048</v>
      </c>
      <c r="P5" s="239">
        <v>0</v>
      </c>
      <c r="Q5" s="243">
        <v>1008</v>
      </c>
      <c r="R5" s="243">
        <v>1818</v>
      </c>
      <c r="S5" s="243">
        <v>964</v>
      </c>
      <c r="T5" s="243">
        <v>778</v>
      </c>
      <c r="U5" s="243">
        <v>717</v>
      </c>
      <c r="V5" s="244">
        <v>5285</v>
      </c>
      <c r="W5" s="245">
        <v>6333</v>
      </c>
      <c r="X5" s="242">
        <v>15828</v>
      </c>
      <c r="Y5" s="243">
        <v>28336</v>
      </c>
      <c r="Z5" s="244">
        <v>44164</v>
      </c>
      <c r="AA5" s="239">
        <v>0</v>
      </c>
      <c r="AB5" s="243">
        <v>59050</v>
      </c>
      <c r="AC5" s="243">
        <v>60515</v>
      </c>
      <c r="AD5" s="243">
        <v>34738</v>
      </c>
      <c r="AE5" s="243">
        <v>27000</v>
      </c>
      <c r="AF5" s="243">
        <v>16362</v>
      </c>
      <c r="AG5" s="244">
        <v>197665</v>
      </c>
      <c r="AH5" s="245">
        <v>241829</v>
      </c>
    </row>
    <row r="6" spans="1:34" ht="19.5" customHeight="1" x14ac:dyDescent="0.2">
      <c r="A6" s="49" t="s">
        <v>5</v>
      </c>
      <c r="B6" s="247">
        <v>5687</v>
      </c>
      <c r="C6" s="248">
        <v>12049</v>
      </c>
      <c r="D6" s="249">
        <v>17736</v>
      </c>
      <c r="E6" s="240">
        <v>0</v>
      </c>
      <c r="F6" s="248">
        <v>15633</v>
      </c>
      <c r="G6" s="248">
        <v>22511</v>
      </c>
      <c r="H6" s="248">
        <v>11179</v>
      </c>
      <c r="I6" s="248">
        <v>8786</v>
      </c>
      <c r="J6" s="248">
        <v>5239</v>
      </c>
      <c r="K6" s="249">
        <v>63348</v>
      </c>
      <c r="L6" s="250">
        <v>81084</v>
      </c>
      <c r="M6" s="251">
        <v>108</v>
      </c>
      <c r="N6" s="248">
        <v>310</v>
      </c>
      <c r="O6" s="249">
        <v>418</v>
      </c>
      <c r="P6" s="240">
        <v>0</v>
      </c>
      <c r="Q6" s="248">
        <v>222</v>
      </c>
      <c r="R6" s="248">
        <v>746</v>
      </c>
      <c r="S6" s="248">
        <v>357</v>
      </c>
      <c r="T6" s="248">
        <v>297</v>
      </c>
      <c r="U6" s="248">
        <v>286</v>
      </c>
      <c r="V6" s="249">
        <v>1908</v>
      </c>
      <c r="W6" s="250">
        <v>2326</v>
      </c>
      <c r="X6" s="247">
        <v>5795</v>
      </c>
      <c r="Y6" s="248">
        <v>12359</v>
      </c>
      <c r="Z6" s="249">
        <v>18154</v>
      </c>
      <c r="AA6" s="240">
        <v>0</v>
      </c>
      <c r="AB6" s="248">
        <v>15855</v>
      </c>
      <c r="AC6" s="248">
        <v>23257</v>
      </c>
      <c r="AD6" s="248">
        <v>11536</v>
      </c>
      <c r="AE6" s="248">
        <v>9083</v>
      </c>
      <c r="AF6" s="248">
        <v>5525</v>
      </c>
      <c r="AG6" s="249">
        <v>65256</v>
      </c>
      <c r="AH6" s="250">
        <v>83410</v>
      </c>
    </row>
    <row r="7" spans="1:34" ht="19.5" customHeight="1" x14ac:dyDescent="0.2">
      <c r="A7" s="49" t="s">
        <v>6</v>
      </c>
      <c r="B7" s="247">
        <v>2240</v>
      </c>
      <c r="C7" s="248">
        <v>3430</v>
      </c>
      <c r="D7" s="249">
        <v>5670</v>
      </c>
      <c r="E7" s="240">
        <v>0</v>
      </c>
      <c r="F7" s="248">
        <v>10630</v>
      </c>
      <c r="G7" s="248">
        <v>8436</v>
      </c>
      <c r="H7" s="248">
        <v>5543</v>
      </c>
      <c r="I7" s="248">
        <v>4592</v>
      </c>
      <c r="J7" s="248">
        <v>2828</v>
      </c>
      <c r="K7" s="249">
        <v>32029</v>
      </c>
      <c r="L7" s="250">
        <v>37699</v>
      </c>
      <c r="M7" s="251">
        <v>44</v>
      </c>
      <c r="N7" s="248">
        <v>123</v>
      </c>
      <c r="O7" s="249">
        <v>167</v>
      </c>
      <c r="P7" s="240">
        <v>0</v>
      </c>
      <c r="Q7" s="248">
        <v>218</v>
      </c>
      <c r="R7" s="248">
        <v>262</v>
      </c>
      <c r="S7" s="248">
        <v>167</v>
      </c>
      <c r="T7" s="248">
        <v>144</v>
      </c>
      <c r="U7" s="248">
        <v>129</v>
      </c>
      <c r="V7" s="249">
        <v>920</v>
      </c>
      <c r="W7" s="250">
        <v>1087</v>
      </c>
      <c r="X7" s="247">
        <v>2284</v>
      </c>
      <c r="Y7" s="248">
        <v>3553</v>
      </c>
      <c r="Z7" s="249">
        <v>5837</v>
      </c>
      <c r="AA7" s="240">
        <v>0</v>
      </c>
      <c r="AB7" s="248">
        <v>10848</v>
      </c>
      <c r="AC7" s="248">
        <v>8698</v>
      </c>
      <c r="AD7" s="248">
        <v>5710</v>
      </c>
      <c r="AE7" s="248">
        <v>4736</v>
      </c>
      <c r="AF7" s="248">
        <v>2957</v>
      </c>
      <c r="AG7" s="249">
        <v>32949</v>
      </c>
      <c r="AH7" s="250">
        <v>38786</v>
      </c>
    </row>
    <row r="8" spans="1:34" ht="19.5" customHeight="1" x14ac:dyDescent="0.2">
      <c r="A8" s="49" t="s">
        <v>14</v>
      </c>
      <c r="B8" s="247">
        <v>1101</v>
      </c>
      <c r="C8" s="248">
        <v>2543</v>
      </c>
      <c r="D8" s="249">
        <v>3644</v>
      </c>
      <c r="E8" s="240">
        <v>0</v>
      </c>
      <c r="F8" s="248">
        <v>4395</v>
      </c>
      <c r="G8" s="248">
        <v>4994</v>
      </c>
      <c r="H8" s="248">
        <v>3167</v>
      </c>
      <c r="I8" s="248">
        <v>2335</v>
      </c>
      <c r="J8" s="248">
        <v>1247</v>
      </c>
      <c r="K8" s="249">
        <v>16138</v>
      </c>
      <c r="L8" s="250">
        <v>19782</v>
      </c>
      <c r="M8" s="251">
        <v>19</v>
      </c>
      <c r="N8" s="248">
        <v>84</v>
      </c>
      <c r="O8" s="249">
        <v>103</v>
      </c>
      <c r="P8" s="240">
        <v>0</v>
      </c>
      <c r="Q8" s="248">
        <v>57</v>
      </c>
      <c r="R8" s="248">
        <v>155</v>
      </c>
      <c r="S8" s="248">
        <v>84</v>
      </c>
      <c r="T8" s="248">
        <v>70</v>
      </c>
      <c r="U8" s="248">
        <v>58</v>
      </c>
      <c r="V8" s="249">
        <v>424</v>
      </c>
      <c r="W8" s="250">
        <v>527</v>
      </c>
      <c r="X8" s="247">
        <v>1120</v>
      </c>
      <c r="Y8" s="248">
        <v>2627</v>
      </c>
      <c r="Z8" s="249">
        <v>3747</v>
      </c>
      <c r="AA8" s="240">
        <v>0</v>
      </c>
      <c r="AB8" s="248">
        <v>4452</v>
      </c>
      <c r="AC8" s="248">
        <v>5149</v>
      </c>
      <c r="AD8" s="248">
        <v>3251</v>
      </c>
      <c r="AE8" s="248">
        <v>2405</v>
      </c>
      <c r="AF8" s="248">
        <v>1305</v>
      </c>
      <c r="AG8" s="249">
        <v>16562</v>
      </c>
      <c r="AH8" s="250">
        <v>20309</v>
      </c>
    </row>
    <row r="9" spans="1:34" ht="19.5" customHeight="1" x14ac:dyDescent="0.2">
      <c r="A9" s="49" t="s">
        <v>7</v>
      </c>
      <c r="B9" s="247">
        <v>489</v>
      </c>
      <c r="C9" s="248">
        <v>785</v>
      </c>
      <c r="D9" s="249">
        <v>1274</v>
      </c>
      <c r="E9" s="240">
        <v>0</v>
      </c>
      <c r="F9" s="248">
        <v>4795</v>
      </c>
      <c r="G9" s="248">
        <v>3437</v>
      </c>
      <c r="H9" s="248">
        <v>1952</v>
      </c>
      <c r="I9" s="248">
        <v>1471</v>
      </c>
      <c r="J9" s="248">
        <v>814</v>
      </c>
      <c r="K9" s="249">
        <v>12469</v>
      </c>
      <c r="L9" s="250">
        <v>13743</v>
      </c>
      <c r="M9" s="251">
        <v>8</v>
      </c>
      <c r="N9" s="248">
        <v>10</v>
      </c>
      <c r="O9" s="249">
        <v>18</v>
      </c>
      <c r="P9" s="240">
        <v>0</v>
      </c>
      <c r="Q9" s="248">
        <v>92</v>
      </c>
      <c r="R9" s="248">
        <v>98</v>
      </c>
      <c r="S9" s="248">
        <v>48</v>
      </c>
      <c r="T9" s="248">
        <v>32</v>
      </c>
      <c r="U9" s="248">
        <v>27</v>
      </c>
      <c r="V9" s="249">
        <v>297</v>
      </c>
      <c r="W9" s="250">
        <v>315</v>
      </c>
      <c r="X9" s="247">
        <v>497</v>
      </c>
      <c r="Y9" s="248">
        <v>795</v>
      </c>
      <c r="Z9" s="249">
        <v>1292</v>
      </c>
      <c r="AA9" s="240">
        <v>0</v>
      </c>
      <c r="AB9" s="248">
        <v>4887</v>
      </c>
      <c r="AC9" s="248">
        <v>3535</v>
      </c>
      <c r="AD9" s="248">
        <v>2000</v>
      </c>
      <c r="AE9" s="248">
        <v>1503</v>
      </c>
      <c r="AF9" s="248">
        <v>841</v>
      </c>
      <c r="AG9" s="249">
        <v>12766</v>
      </c>
      <c r="AH9" s="250">
        <v>14058</v>
      </c>
    </row>
    <row r="10" spans="1:34" ht="19.5" customHeight="1" x14ac:dyDescent="0.2">
      <c r="A10" s="49" t="s">
        <v>8</v>
      </c>
      <c r="B10" s="247">
        <v>516</v>
      </c>
      <c r="C10" s="248">
        <v>638</v>
      </c>
      <c r="D10" s="249">
        <v>1154</v>
      </c>
      <c r="E10" s="240">
        <v>0</v>
      </c>
      <c r="F10" s="248">
        <v>1983</v>
      </c>
      <c r="G10" s="248">
        <v>2040</v>
      </c>
      <c r="H10" s="248">
        <v>1212</v>
      </c>
      <c r="I10" s="248">
        <v>827</v>
      </c>
      <c r="J10" s="248">
        <v>516</v>
      </c>
      <c r="K10" s="249">
        <v>6578</v>
      </c>
      <c r="L10" s="250">
        <v>7732</v>
      </c>
      <c r="M10" s="251">
        <v>5</v>
      </c>
      <c r="N10" s="248">
        <v>26</v>
      </c>
      <c r="O10" s="249">
        <v>31</v>
      </c>
      <c r="P10" s="240">
        <v>0</v>
      </c>
      <c r="Q10" s="248">
        <v>33</v>
      </c>
      <c r="R10" s="248">
        <v>61</v>
      </c>
      <c r="S10" s="248">
        <v>32</v>
      </c>
      <c r="T10" s="248">
        <v>22</v>
      </c>
      <c r="U10" s="248">
        <v>28</v>
      </c>
      <c r="V10" s="249">
        <v>176</v>
      </c>
      <c r="W10" s="250">
        <v>207</v>
      </c>
      <c r="X10" s="247">
        <v>521</v>
      </c>
      <c r="Y10" s="248">
        <v>664</v>
      </c>
      <c r="Z10" s="249">
        <v>1185</v>
      </c>
      <c r="AA10" s="240">
        <v>0</v>
      </c>
      <c r="AB10" s="248">
        <v>2016</v>
      </c>
      <c r="AC10" s="248">
        <v>2101</v>
      </c>
      <c r="AD10" s="248">
        <v>1244</v>
      </c>
      <c r="AE10" s="248">
        <v>849</v>
      </c>
      <c r="AF10" s="248">
        <v>544</v>
      </c>
      <c r="AG10" s="249">
        <v>6754</v>
      </c>
      <c r="AH10" s="250">
        <v>7939</v>
      </c>
    </row>
    <row r="11" spans="1:34" ht="19.5" customHeight="1" x14ac:dyDescent="0.2">
      <c r="A11" s="49" t="s">
        <v>9</v>
      </c>
      <c r="B11" s="247">
        <v>471</v>
      </c>
      <c r="C11" s="248">
        <v>577</v>
      </c>
      <c r="D11" s="249">
        <v>1048</v>
      </c>
      <c r="E11" s="240">
        <v>0</v>
      </c>
      <c r="F11" s="248">
        <v>1868</v>
      </c>
      <c r="G11" s="248">
        <v>1480</v>
      </c>
      <c r="H11" s="248">
        <v>1012</v>
      </c>
      <c r="I11" s="248">
        <v>832</v>
      </c>
      <c r="J11" s="248">
        <v>515</v>
      </c>
      <c r="K11" s="249">
        <v>5707</v>
      </c>
      <c r="L11" s="250">
        <v>6755</v>
      </c>
      <c r="M11" s="251">
        <v>2</v>
      </c>
      <c r="N11" s="248">
        <v>9</v>
      </c>
      <c r="O11" s="249">
        <v>11</v>
      </c>
      <c r="P11" s="240">
        <v>0</v>
      </c>
      <c r="Q11" s="248">
        <v>24</v>
      </c>
      <c r="R11" s="248">
        <v>30</v>
      </c>
      <c r="S11" s="248">
        <v>18</v>
      </c>
      <c r="T11" s="248">
        <v>17</v>
      </c>
      <c r="U11" s="248">
        <v>11</v>
      </c>
      <c r="V11" s="249">
        <v>100</v>
      </c>
      <c r="W11" s="250">
        <v>111</v>
      </c>
      <c r="X11" s="247">
        <v>473</v>
      </c>
      <c r="Y11" s="248">
        <v>586</v>
      </c>
      <c r="Z11" s="249">
        <v>1059</v>
      </c>
      <c r="AA11" s="240">
        <v>0</v>
      </c>
      <c r="AB11" s="248">
        <v>1892</v>
      </c>
      <c r="AC11" s="248">
        <v>1510</v>
      </c>
      <c r="AD11" s="248">
        <v>1030</v>
      </c>
      <c r="AE11" s="248">
        <v>849</v>
      </c>
      <c r="AF11" s="248">
        <v>526</v>
      </c>
      <c r="AG11" s="249">
        <v>5807</v>
      </c>
      <c r="AH11" s="250">
        <v>6866</v>
      </c>
    </row>
    <row r="12" spans="1:34" ht="19.5" customHeight="1" x14ac:dyDescent="0.2">
      <c r="A12" s="49" t="s">
        <v>10</v>
      </c>
      <c r="B12" s="247">
        <v>1249</v>
      </c>
      <c r="C12" s="248">
        <v>1569</v>
      </c>
      <c r="D12" s="249">
        <v>2818</v>
      </c>
      <c r="E12" s="240">
        <v>0</v>
      </c>
      <c r="F12" s="248">
        <v>3811</v>
      </c>
      <c r="G12" s="248">
        <v>2282</v>
      </c>
      <c r="H12" s="248">
        <v>1447</v>
      </c>
      <c r="I12" s="248">
        <v>1158</v>
      </c>
      <c r="J12" s="248">
        <v>815</v>
      </c>
      <c r="K12" s="249">
        <v>9513</v>
      </c>
      <c r="L12" s="250">
        <v>12331</v>
      </c>
      <c r="M12" s="251">
        <v>24</v>
      </c>
      <c r="N12" s="248">
        <v>46</v>
      </c>
      <c r="O12" s="249">
        <v>70</v>
      </c>
      <c r="P12" s="240">
        <v>0</v>
      </c>
      <c r="Q12" s="248">
        <v>84</v>
      </c>
      <c r="R12" s="248">
        <v>72</v>
      </c>
      <c r="S12" s="248">
        <v>49</v>
      </c>
      <c r="T12" s="248">
        <v>28</v>
      </c>
      <c r="U12" s="248">
        <v>29</v>
      </c>
      <c r="V12" s="249">
        <v>262</v>
      </c>
      <c r="W12" s="250">
        <v>332</v>
      </c>
      <c r="X12" s="247">
        <v>1273</v>
      </c>
      <c r="Y12" s="248">
        <v>1615</v>
      </c>
      <c r="Z12" s="249">
        <v>2888</v>
      </c>
      <c r="AA12" s="240">
        <v>0</v>
      </c>
      <c r="AB12" s="248">
        <v>3895</v>
      </c>
      <c r="AC12" s="248">
        <v>2354</v>
      </c>
      <c r="AD12" s="248">
        <v>1496</v>
      </c>
      <c r="AE12" s="248">
        <v>1186</v>
      </c>
      <c r="AF12" s="248">
        <v>844</v>
      </c>
      <c r="AG12" s="249">
        <v>9775</v>
      </c>
      <c r="AH12" s="250">
        <v>12663</v>
      </c>
    </row>
    <row r="13" spans="1:34" ht="19.5" customHeight="1" x14ac:dyDescent="0.2">
      <c r="A13" s="49" t="s">
        <v>11</v>
      </c>
      <c r="B13" s="247">
        <v>538</v>
      </c>
      <c r="C13" s="248">
        <v>572</v>
      </c>
      <c r="D13" s="249">
        <v>1110</v>
      </c>
      <c r="E13" s="240">
        <v>0</v>
      </c>
      <c r="F13" s="248">
        <v>2132</v>
      </c>
      <c r="G13" s="248">
        <v>1283</v>
      </c>
      <c r="H13" s="248">
        <v>851</v>
      </c>
      <c r="I13" s="248">
        <v>697</v>
      </c>
      <c r="J13" s="248">
        <v>399</v>
      </c>
      <c r="K13" s="249">
        <v>5362</v>
      </c>
      <c r="L13" s="250">
        <v>6472</v>
      </c>
      <c r="M13" s="251">
        <v>5</v>
      </c>
      <c r="N13" s="248">
        <v>7</v>
      </c>
      <c r="O13" s="249">
        <v>12</v>
      </c>
      <c r="P13" s="240">
        <v>0</v>
      </c>
      <c r="Q13" s="248">
        <v>36</v>
      </c>
      <c r="R13" s="248">
        <v>34</v>
      </c>
      <c r="S13" s="248">
        <v>19</v>
      </c>
      <c r="T13" s="248">
        <v>14</v>
      </c>
      <c r="U13" s="248">
        <v>13</v>
      </c>
      <c r="V13" s="249">
        <v>116</v>
      </c>
      <c r="W13" s="250">
        <v>128</v>
      </c>
      <c r="X13" s="247">
        <v>543</v>
      </c>
      <c r="Y13" s="248">
        <v>579</v>
      </c>
      <c r="Z13" s="249">
        <v>1122</v>
      </c>
      <c r="AA13" s="240">
        <v>0</v>
      </c>
      <c r="AB13" s="248">
        <v>2168</v>
      </c>
      <c r="AC13" s="248">
        <v>1317</v>
      </c>
      <c r="AD13" s="248">
        <v>870</v>
      </c>
      <c r="AE13" s="248">
        <v>711</v>
      </c>
      <c r="AF13" s="248">
        <v>412</v>
      </c>
      <c r="AG13" s="249">
        <v>5478</v>
      </c>
      <c r="AH13" s="250">
        <v>6600</v>
      </c>
    </row>
    <row r="14" spans="1:34" ht="19.5" customHeight="1" x14ac:dyDescent="0.2">
      <c r="A14" s="49" t="s">
        <v>12</v>
      </c>
      <c r="B14" s="247">
        <v>734</v>
      </c>
      <c r="C14" s="248">
        <v>974</v>
      </c>
      <c r="D14" s="249">
        <v>1708</v>
      </c>
      <c r="E14" s="240">
        <v>0</v>
      </c>
      <c r="F14" s="248">
        <v>1607</v>
      </c>
      <c r="G14" s="248">
        <v>1311</v>
      </c>
      <c r="H14" s="248">
        <v>934</v>
      </c>
      <c r="I14" s="248">
        <v>798</v>
      </c>
      <c r="J14" s="248">
        <v>467</v>
      </c>
      <c r="K14" s="249">
        <v>5117</v>
      </c>
      <c r="L14" s="250">
        <v>6825</v>
      </c>
      <c r="M14" s="251">
        <v>11</v>
      </c>
      <c r="N14" s="248">
        <v>25</v>
      </c>
      <c r="O14" s="249">
        <v>36</v>
      </c>
      <c r="P14" s="240">
        <v>0</v>
      </c>
      <c r="Q14" s="248">
        <v>18</v>
      </c>
      <c r="R14" s="248">
        <v>31</v>
      </c>
      <c r="S14" s="248">
        <v>16</v>
      </c>
      <c r="T14" s="248">
        <v>20</v>
      </c>
      <c r="U14" s="248">
        <v>15</v>
      </c>
      <c r="V14" s="249">
        <v>100</v>
      </c>
      <c r="W14" s="250">
        <v>136</v>
      </c>
      <c r="X14" s="247">
        <v>745</v>
      </c>
      <c r="Y14" s="248">
        <v>999</v>
      </c>
      <c r="Z14" s="249">
        <v>1744</v>
      </c>
      <c r="AA14" s="240">
        <v>0</v>
      </c>
      <c r="AB14" s="248">
        <v>1625</v>
      </c>
      <c r="AC14" s="248">
        <v>1342</v>
      </c>
      <c r="AD14" s="248">
        <v>950</v>
      </c>
      <c r="AE14" s="248">
        <v>818</v>
      </c>
      <c r="AF14" s="248">
        <v>482</v>
      </c>
      <c r="AG14" s="249">
        <v>5217</v>
      </c>
      <c r="AH14" s="250">
        <v>6961</v>
      </c>
    </row>
    <row r="15" spans="1:34" ht="19.5" customHeight="1" x14ac:dyDescent="0.2">
      <c r="A15" s="49" t="s">
        <v>13</v>
      </c>
      <c r="B15" s="247">
        <v>120</v>
      </c>
      <c r="C15" s="248">
        <v>223</v>
      </c>
      <c r="D15" s="249">
        <v>343</v>
      </c>
      <c r="E15" s="240">
        <v>0</v>
      </c>
      <c r="F15" s="248">
        <v>614</v>
      </c>
      <c r="G15" s="248">
        <v>618</v>
      </c>
      <c r="H15" s="248">
        <v>385</v>
      </c>
      <c r="I15" s="248">
        <v>308</v>
      </c>
      <c r="J15" s="248">
        <v>207</v>
      </c>
      <c r="K15" s="249">
        <v>2132</v>
      </c>
      <c r="L15" s="250">
        <v>2475</v>
      </c>
      <c r="M15" s="251">
        <v>0</v>
      </c>
      <c r="N15" s="248">
        <v>1</v>
      </c>
      <c r="O15" s="249">
        <v>1</v>
      </c>
      <c r="P15" s="240">
        <v>0</v>
      </c>
      <c r="Q15" s="248">
        <v>12</v>
      </c>
      <c r="R15" s="248">
        <v>14</v>
      </c>
      <c r="S15" s="248">
        <v>8</v>
      </c>
      <c r="T15" s="248">
        <v>5</v>
      </c>
      <c r="U15" s="248">
        <v>9</v>
      </c>
      <c r="V15" s="249">
        <v>48</v>
      </c>
      <c r="W15" s="250">
        <v>49</v>
      </c>
      <c r="X15" s="247">
        <v>120</v>
      </c>
      <c r="Y15" s="248">
        <v>224</v>
      </c>
      <c r="Z15" s="249">
        <v>344</v>
      </c>
      <c r="AA15" s="240">
        <v>0</v>
      </c>
      <c r="AB15" s="248">
        <v>626</v>
      </c>
      <c r="AC15" s="248">
        <v>632</v>
      </c>
      <c r="AD15" s="248">
        <v>393</v>
      </c>
      <c r="AE15" s="248">
        <v>313</v>
      </c>
      <c r="AF15" s="248">
        <v>216</v>
      </c>
      <c r="AG15" s="249">
        <v>2180</v>
      </c>
      <c r="AH15" s="250">
        <v>2524</v>
      </c>
    </row>
    <row r="16" spans="1:34" ht="19.5" customHeight="1" x14ac:dyDescent="0.2">
      <c r="A16" s="49" t="s">
        <v>15</v>
      </c>
      <c r="B16" s="247">
        <v>83</v>
      </c>
      <c r="C16" s="248">
        <v>178</v>
      </c>
      <c r="D16" s="249">
        <v>261</v>
      </c>
      <c r="E16" s="240">
        <v>0</v>
      </c>
      <c r="F16" s="248">
        <v>484</v>
      </c>
      <c r="G16" s="248">
        <v>538</v>
      </c>
      <c r="H16" s="248">
        <v>284</v>
      </c>
      <c r="I16" s="248">
        <v>204</v>
      </c>
      <c r="J16" s="248">
        <v>111</v>
      </c>
      <c r="K16" s="249">
        <v>1621</v>
      </c>
      <c r="L16" s="250">
        <v>1882</v>
      </c>
      <c r="M16" s="251">
        <v>0</v>
      </c>
      <c r="N16" s="248">
        <v>6</v>
      </c>
      <c r="O16" s="249">
        <v>6</v>
      </c>
      <c r="P16" s="240">
        <v>0</v>
      </c>
      <c r="Q16" s="248">
        <v>4</v>
      </c>
      <c r="R16" s="248">
        <v>15</v>
      </c>
      <c r="S16" s="248">
        <v>4</v>
      </c>
      <c r="T16" s="248">
        <v>1</v>
      </c>
      <c r="U16" s="248">
        <v>6</v>
      </c>
      <c r="V16" s="249">
        <v>30</v>
      </c>
      <c r="W16" s="250">
        <v>36</v>
      </c>
      <c r="X16" s="247">
        <v>83</v>
      </c>
      <c r="Y16" s="248">
        <v>184</v>
      </c>
      <c r="Z16" s="249">
        <v>267</v>
      </c>
      <c r="AA16" s="240">
        <v>0</v>
      </c>
      <c r="AB16" s="248">
        <v>488</v>
      </c>
      <c r="AC16" s="248">
        <v>553</v>
      </c>
      <c r="AD16" s="248">
        <v>288</v>
      </c>
      <c r="AE16" s="248">
        <v>205</v>
      </c>
      <c r="AF16" s="248">
        <v>117</v>
      </c>
      <c r="AG16" s="249">
        <v>1651</v>
      </c>
      <c r="AH16" s="250">
        <v>1918</v>
      </c>
    </row>
    <row r="17" spans="1:34" ht="19.5" customHeight="1" x14ac:dyDescent="0.2">
      <c r="A17" s="49" t="s">
        <v>16</v>
      </c>
      <c r="B17" s="247">
        <v>238</v>
      </c>
      <c r="C17" s="248">
        <v>394</v>
      </c>
      <c r="D17" s="249">
        <v>632</v>
      </c>
      <c r="E17" s="240">
        <v>0</v>
      </c>
      <c r="F17" s="248">
        <v>961</v>
      </c>
      <c r="G17" s="248">
        <v>1248</v>
      </c>
      <c r="H17" s="248">
        <v>750</v>
      </c>
      <c r="I17" s="248">
        <v>501</v>
      </c>
      <c r="J17" s="248">
        <v>326</v>
      </c>
      <c r="K17" s="249">
        <v>3786</v>
      </c>
      <c r="L17" s="250">
        <v>4418</v>
      </c>
      <c r="M17" s="251">
        <v>4</v>
      </c>
      <c r="N17" s="248">
        <v>11</v>
      </c>
      <c r="O17" s="249">
        <v>15</v>
      </c>
      <c r="P17" s="240">
        <v>0</v>
      </c>
      <c r="Q17" s="248">
        <v>14</v>
      </c>
      <c r="R17" s="248">
        <v>35</v>
      </c>
      <c r="S17" s="248">
        <v>22</v>
      </c>
      <c r="T17" s="248">
        <v>16</v>
      </c>
      <c r="U17" s="248">
        <v>11</v>
      </c>
      <c r="V17" s="249">
        <v>98</v>
      </c>
      <c r="W17" s="250">
        <v>113</v>
      </c>
      <c r="X17" s="247">
        <v>242</v>
      </c>
      <c r="Y17" s="248">
        <v>405</v>
      </c>
      <c r="Z17" s="249">
        <v>647</v>
      </c>
      <c r="AA17" s="240">
        <v>0</v>
      </c>
      <c r="AB17" s="248">
        <v>975</v>
      </c>
      <c r="AC17" s="248">
        <v>1283</v>
      </c>
      <c r="AD17" s="248">
        <v>772</v>
      </c>
      <c r="AE17" s="248">
        <v>517</v>
      </c>
      <c r="AF17" s="248">
        <v>337</v>
      </c>
      <c r="AG17" s="249">
        <v>3884</v>
      </c>
      <c r="AH17" s="250">
        <v>4531</v>
      </c>
    </row>
    <row r="18" spans="1:34" ht="19.5" customHeight="1" x14ac:dyDescent="0.2">
      <c r="A18" s="49" t="s">
        <v>17</v>
      </c>
      <c r="B18" s="247">
        <v>278</v>
      </c>
      <c r="C18" s="248">
        <v>575</v>
      </c>
      <c r="D18" s="249">
        <v>853</v>
      </c>
      <c r="E18" s="240">
        <v>0</v>
      </c>
      <c r="F18" s="248">
        <v>1069</v>
      </c>
      <c r="G18" s="248">
        <v>1563</v>
      </c>
      <c r="H18" s="248">
        <v>907</v>
      </c>
      <c r="I18" s="248">
        <v>688</v>
      </c>
      <c r="J18" s="248">
        <v>420</v>
      </c>
      <c r="K18" s="249">
        <v>4647</v>
      </c>
      <c r="L18" s="250">
        <v>5500</v>
      </c>
      <c r="M18" s="251">
        <v>2</v>
      </c>
      <c r="N18" s="248">
        <v>29</v>
      </c>
      <c r="O18" s="249">
        <v>31</v>
      </c>
      <c r="P18" s="240">
        <v>0</v>
      </c>
      <c r="Q18" s="248">
        <v>15</v>
      </c>
      <c r="R18" s="248">
        <v>58</v>
      </c>
      <c r="S18" s="248">
        <v>36</v>
      </c>
      <c r="T18" s="248">
        <v>27</v>
      </c>
      <c r="U18" s="248">
        <v>16</v>
      </c>
      <c r="V18" s="249">
        <v>152</v>
      </c>
      <c r="W18" s="250">
        <v>183</v>
      </c>
      <c r="X18" s="247">
        <v>280</v>
      </c>
      <c r="Y18" s="248">
        <v>604</v>
      </c>
      <c r="Z18" s="249">
        <v>884</v>
      </c>
      <c r="AA18" s="240">
        <v>0</v>
      </c>
      <c r="AB18" s="248">
        <v>1084</v>
      </c>
      <c r="AC18" s="248">
        <v>1621</v>
      </c>
      <c r="AD18" s="248">
        <v>943</v>
      </c>
      <c r="AE18" s="248">
        <v>715</v>
      </c>
      <c r="AF18" s="248">
        <v>436</v>
      </c>
      <c r="AG18" s="249">
        <v>4799</v>
      </c>
      <c r="AH18" s="250">
        <v>5683</v>
      </c>
    </row>
    <row r="19" spans="1:34" ht="19.5" customHeight="1" x14ac:dyDescent="0.2">
      <c r="A19" s="49" t="s">
        <v>18</v>
      </c>
      <c r="B19" s="247">
        <v>338</v>
      </c>
      <c r="C19" s="248">
        <v>635</v>
      </c>
      <c r="D19" s="249">
        <v>973</v>
      </c>
      <c r="E19" s="240">
        <v>0</v>
      </c>
      <c r="F19" s="248">
        <v>1724</v>
      </c>
      <c r="G19" s="248">
        <v>1635</v>
      </c>
      <c r="H19" s="248">
        <v>986</v>
      </c>
      <c r="I19" s="248">
        <v>705</v>
      </c>
      <c r="J19" s="248">
        <v>391</v>
      </c>
      <c r="K19" s="249">
        <v>5441</v>
      </c>
      <c r="L19" s="250">
        <v>6414</v>
      </c>
      <c r="M19" s="251">
        <v>8</v>
      </c>
      <c r="N19" s="248">
        <v>20</v>
      </c>
      <c r="O19" s="249">
        <v>28</v>
      </c>
      <c r="P19" s="240">
        <v>0</v>
      </c>
      <c r="Q19" s="248">
        <v>49</v>
      </c>
      <c r="R19" s="248">
        <v>56</v>
      </c>
      <c r="S19" s="248">
        <v>36</v>
      </c>
      <c r="T19" s="248">
        <v>22</v>
      </c>
      <c r="U19" s="248">
        <v>21</v>
      </c>
      <c r="V19" s="249">
        <v>184</v>
      </c>
      <c r="W19" s="250">
        <v>212</v>
      </c>
      <c r="X19" s="247">
        <v>346</v>
      </c>
      <c r="Y19" s="248">
        <v>655</v>
      </c>
      <c r="Z19" s="249">
        <v>1001</v>
      </c>
      <c r="AA19" s="240">
        <v>0</v>
      </c>
      <c r="AB19" s="248">
        <v>1773</v>
      </c>
      <c r="AC19" s="248">
        <v>1691</v>
      </c>
      <c r="AD19" s="248">
        <v>1022</v>
      </c>
      <c r="AE19" s="248">
        <v>727</v>
      </c>
      <c r="AF19" s="248">
        <v>412</v>
      </c>
      <c r="AG19" s="249">
        <v>5625</v>
      </c>
      <c r="AH19" s="250">
        <v>6626</v>
      </c>
    </row>
    <row r="20" spans="1:34" ht="19.5" customHeight="1" x14ac:dyDescent="0.2">
      <c r="A20" s="49" t="s">
        <v>19</v>
      </c>
      <c r="B20" s="247">
        <v>159</v>
      </c>
      <c r="C20" s="248">
        <v>273</v>
      </c>
      <c r="D20" s="249">
        <v>432</v>
      </c>
      <c r="E20" s="240">
        <v>0</v>
      </c>
      <c r="F20" s="248">
        <v>773</v>
      </c>
      <c r="G20" s="248">
        <v>663</v>
      </c>
      <c r="H20" s="248">
        <v>394</v>
      </c>
      <c r="I20" s="248">
        <v>270</v>
      </c>
      <c r="J20" s="248">
        <v>181</v>
      </c>
      <c r="K20" s="249">
        <v>2281</v>
      </c>
      <c r="L20" s="250">
        <v>2713</v>
      </c>
      <c r="M20" s="251">
        <v>2</v>
      </c>
      <c r="N20" s="248">
        <v>8</v>
      </c>
      <c r="O20" s="249">
        <v>10</v>
      </c>
      <c r="P20" s="240">
        <v>0</v>
      </c>
      <c r="Q20" s="248">
        <v>16</v>
      </c>
      <c r="R20" s="248">
        <v>16</v>
      </c>
      <c r="S20" s="248">
        <v>15</v>
      </c>
      <c r="T20" s="248">
        <v>8</v>
      </c>
      <c r="U20" s="248">
        <v>8</v>
      </c>
      <c r="V20" s="249">
        <v>63</v>
      </c>
      <c r="W20" s="250">
        <v>73</v>
      </c>
      <c r="X20" s="247">
        <v>161</v>
      </c>
      <c r="Y20" s="248">
        <v>281</v>
      </c>
      <c r="Z20" s="249">
        <v>442</v>
      </c>
      <c r="AA20" s="240">
        <v>0</v>
      </c>
      <c r="AB20" s="248">
        <v>789</v>
      </c>
      <c r="AC20" s="248">
        <v>679</v>
      </c>
      <c r="AD20" s="248">
        <v>409</v>
      </c>
      <c r="AE20" s="248">
        <v>278</v>
      </c>
      <c r="AF20" s="248">
        <v>189</v>
      </c>
      <c r="AG20" s="249">
        <v>2344</v>
      </c>
      <c r="AH20" s="250">
        <v>2786</v>
      </c>
    </row>
    <row r="21" spans="1:34" ht="19.5" customHeight="1" x14ac:dyDescent="0.2">
      <c r="A21" s="49" t="s">
        <v>20</v>
      </c>
      <c r="B21" s="247">
        <v>202</v>
      </c>
      <c r="C21" s="248">
        <v>438</v>
      </c>
      <c r="D21" s="249">
        <v>640</v>
      </c>
      <c r="E21" s="240">
        <v>0</v>
      </c>
      <c r="F21" s="248">
        <v>1075</v>
      </c>
      <c r="G21" s="248">
        <v>667</v>
      </c>
      <c r="H21" s="248">
        <v>449</v>
      </c>
      <c r="I21" s="248">
        <v>318</v>
      </c>
      <c r="J21" s="248">
        <v>157</v>
      </c>
      <c r="K21" s="249">
        <v>2666</v>
      </c>
      <c r="L21" s="250">
        <v>3306</v>
      </c>
      <c r="M21" s="251">
        <v>1</v>
      </c>
      <c r="N21" s="248">
        <v>19</v>
      </c>
      <c r="O21" s="249">
        <v>20</v>
      </c>
      <c r="P21" s="240">
        <v>0</v>
      </c>
      <c r="Q21" s="248">
        <v>32</v>
      </c>
      <c r="R21" s="248">
        <v>19</v>
      </c>
      <c r="S21" s="248">
        <v>15</v>
      </c>
      <c r="T21" s="248">
        <v>13</v>
      </c>
      <c r="U21" s="248">
        <v>7</v>
      </c>
      <c r="V21" s="249">
        <v>86</v>
      </c>
      <c r="W21" s="250">
        <v>106</v>
      </c>
      <c r="X21" s="247">
        <v>203</v>
      </c>
      <c r="Y21" s="248">
        <v>457</v>
      </c>
      <c r="Z21" s="249">
        <v>660</v>
      </c>
      <c r="AA21" s="240">
        <v>0</v>
      </c>
      <c r="AB21" s="248">
        <v>1107</v>
      </c>
      <c r="AC21" s="248">
        <v>686</v>
      </c>
      <c r="AD21" s="248">
        <v>464</v>
      </c>
      <c r="AE21" s="248">
        <v>331</v>
      </c>
      <c r="AF21" s="248">
        <v>164</v>
      </c>
      <c r="AG21" s="249">
        <v>2752</v>
      </c>
      <c r="AH21" s="250">
        <v>3412</v>
      </c>
    </row>
    <row r="22" spans="1:34" ht="19.5" customHeight="1" x14ac:dyDescent="0.2">
      <c r="A22" s="49" t="s">
        <v>21</v>
      </c>
      <c r="B22" s="247">
        <v>283</v>
      </c>
      <c r="C22" s="248">
        <v>423</v>
      </c>
      <c r="D22" s="249">
        <v>706</v>
      </c>
      <c r="E22" s="240">
        <v>0</v>
      </c>
      <c r="F22" s="248">
        <v>868</v>
      </c>
      <c r="G22" s="248">
        <v>1019</v>
      </c>
      <c r="H22" s="248">
        <v>586</v>
      </c>
      <c r="I22" s="248">
        <v>391</v>
      </c>
      <c r="J22" s="248">
        <v>226</v>
      </c>
      <c r="K22" s="249">
        <v>3090</v>
      </c>
      <c r="L22" s="250">
        <v>3796</v>
      </c>
      <c r="M22" s="251">
        <v>7</v>
      </c>
      <c r="N22" s="248">
        <v>15</v>
      </c>
      <c r="O22" s="249">
        <v>22</v>
      </c>
      <c r="P22" s="240">
        <v>0</v>
      </c>
      <c r="Q22" s="248">
        <v>11</v>
      </c>
      <c r="R22" s="248">
        <v>41</v>
      </c>
      <c r="S22" s="248">
        <v>8</v>
      </c>
      <c r="T22" s="248">
        <v>8</v>
      </c>
      <c r="U22" s="248">
        <v>14</v>
      </c>
      <c r="V22" s="249">
        <v>82</v>
      </c>
      <c r="W22" s="250">
        <v>104</v>
      </c>
      <c r="X22" s="247">
        <v>290</v>
      </c>
      <c r="Y22" s="248">
        <v>438</v>
      </c>
      <c r="Z22" s="249">
        <v>728</v>
      </c>
      <c r="AA22" s="240">
        <v>0</v>
      </c>
      <c r="AB22" s="248">
        <v>879</v>
      </c>
      <c r="AC22" s="248">
        <v>1060</v>
      </c>
      <c r="AD22" s="248">
        <v>594</v>
      </c>
      <c r="AE22" s="248">
        <v>399</v>
      </c>
      <c r="AF22" s="248">
        <v>240</v>
      </c>
      <c r="AG22" s="249">
        <v>3172</v>
      </c>
      <c r="AH22" s="250">
        <v>3900</v>
      </c>
    </row>
    <row r="23" spans="1:34" ht="19.5" customHeight="1" x14ac:dyDescent="0.2">
      <c r="A23" s="49" t="s">
        <v>22</v>
      </c>
      <c r="B23" s="247">
        <v>55</v>
      </c>
      <c r="C23" s="248">
        <v>153</v>
      </c>
      <c r="D23" s="249">
        <v>208</v>
      </c>
      <c r="E23" s="240">
        <v>0</v>
      </c>
      <c r="F23" s="248">
        <v>415</v>
      </c>
      <c r="G23" s="248">
        <v>371</v>
      </c>
      <c r="H23" s="248">
        <v>173</v>
      </c>
      <c r="I23" s="248">
        <v>137</v>
      </c>
      <c r="J23" s="248">
        <v>80</v>
      </c>
      <c r="K23" s="249">
        <v>1176</v>
      </c>
      <c r="L23" s="250">
        <v>1384</v>
      </c>
      <c r="M23" s="251">
        <v>0</v>
      </c>
      <c r="N23" s="248">
        <v>4</v>
      </c>
      <c r="O23" s="249">
        <v>4</v>
      </c>
      <c r="P23" s="240">
        <v>0</v>
      </c>
      <c r="Q23" s="248">
        <v>12</v>
      </c>
      <c r="R23" s="248">
        <v>6</v>
      </c>
      <c r="S23" s="248">
        <v>5</v>
      </c>
      <c r="T23" s="248">
        <v>4</v>
      </c>
      <c r="U23" s="248">
        <v>1</v>
      </c>
      <c r="V23" s="249">
        <v>28</v>
      </c>
      <c r="W23" s="250">
        <v>32</v>
      </c>
      <c r="X23" s="247">
        <v>55</v>
      </c>
      <c r="Y23" s="248">
        <v>157</v>
      </c>
      <c r="Z23" s="249">
        <v>212</v>
      </c>
      <c r="AA23" s="240">
        <v>0</v>
      </c>
      <c r="AB23" s="248">
        <v>427</v>
      </c>
      <c r="AC23" s="248">
        <v>377</v>
      </c>
      <c r="AD23" s="248">
        <v>178</v>
      </c>
      <c r="AE23" s="248">
        <v>141</v>
      </c>
      <c r="AF23" s="248">
        <v>81</v>
      </c>
      <c r="AG23" s="249">
        <v>1204</v>
      </c>
      <c r="AH23" s="250">
        <v>1416</v>
      </c>
    </row>
    <row r="24" spans="1:34" ht="19.5" customHeight="1" x14ac:dyDescent="0.2">
      <c r="A24" s="49" t="s">
        <v>23</v>
      </c>
      <c r="B24" s="247">
        <v>130</v>
      </c>
      <c r="C24" s="248">
        <v>227</v>
      </c>
      <c r="D24" s="249">
        <v>357</v>
      </c>
      <c r="E24" s="240">
        <v>0</v>
      </c>
      <c r="F24" s="248">
        <v>624</v>
      </c>
      <c r="G24" s="248">
        <v>558</v>
      </c>
      <c r="H24" s="248">
        <v>288</v>
      </c>
      <c r="I24" s="248">
        <v>251</v>
      </c>
      <c r="J24" s="248">
        <v>128</v>
      </c>
      <c r="K24" s="249">
        <v>1849</v>
      </c>
      <c r="L24" s="250">
        <v>2206</v>
      </c>
      <c r="M24" s="251">
        <v>5</v>
      </c>
      <c r="N24" s="248">
        <v>11</v>
      </c>
      <c r="O24" s="249">
        <v>16</v>
      </c>
      <c r="P24" s="240">
        <v>0</v>
      </c>
      <c r="Q24" s="248">
        <v>8</v>
      </c>
      <c r="R24" s="248">
        <v>14</v>
      </c>
      <c r="S24" s="248">
        <v>6</v>
      </c>
      <c r="T24" s="248">
        <v>7</v>
      </c>
      <c r="U24" s="248">
        <v>5</v>
      </c>
      <c r="V24" s="249">
        <v>40</v>
      </c>
      <c r="W24" s="250">
        <v>56</v>
      </c>
      <c r="X24" s="247">
        <v>135</v>
      </c>
      <c r="Y24" s="248">
        <v>238</v>
      </c>
      <c r="Z24" s="249">
        <v>373</v>
      </c>
      <c r="AA24" s="240">
        <v>0</v>
      </c>
      <c r="AB24" s="248">
        <v>632</v>
      </c>
      <c r="AC24" s="248">
        <v>572</v>
      </c>
      <c r="AD24" s="248">
        <v>294</v>
      </c>
      <c r="AE24" s="248">
        <v>258</v>
      </c>
      <c r="AF24" s="248">
        <v>133</v>
      </c>
      <c r="AG24" s="249">
        <v>1889</v>
      </c>
      <c r="AH24" s="250">
        <v>2262</v>
      </c>
    </row>
    <row r="25" spans="1:34" ht="19.5" customHeight="1" x14ac:dyDescent="0.2">
      <c r="A25" s="49" t="s">
        <v>24</v>
      </c>
      <c r="B25" s="247">
        <v>111</v>
      </c>
      <c r="C25" s="248">
        <v>95</v>
      </c>
      <c r="D25" s="249">
        <v>206</v>
      </c>
      <c r="E25" s="240">
        <v>0</v>
      </c>
      <c r="F25" s="248">
        <v>335</v>
      </c>
      <c r="G25" s="248">
        <v>215</v>
      </c>
      <c r="H25" s="248">
        <v>163</v>
      </c>
      <c r="I25" s="248">
        <v>114</v>
      </c>
      <c r="J25" s="248">
        <v>87</v>
      </c>
      <c r="K25" s="249">
        <v>914</v>
      </c>
      <c r="L25" s="250">
        <v>1120</v>
      </c>
      <c r="M25" s="251">
        <v>2</v>
      </c>
      <c r="N25" s="248">
        <v>3</v>
      </c>
      <c r="O25" s="249">
        <v>5</v>
      </c>
      <c r="P25" s="240">
        <v>0</v>
      </c>
      <c r="Q25" s="248">
        <v>4</v>
      </c>
      <c r="R25" s="248">
        <v>8</v>
      </c>
      <c r="S25" s="248">
        <v>0</v>
      </c>
      <c r="T25" s="248">
        <v>2</v>
      </c>
      <c r="U25" s="248">
        <v>1</v>
      </c>
      <c r="V25" s="249">
        <v>15</v>
      </c>
      <c r="W25" s="250">
        <v>20</v>
      </c>
      <c r="X25" s="247">
        <v>113</v>
      </c>
      <c r="Y25" s="248">
        <v>98</v>
      </c>
      <c r="Z25" s="249">
        <v>211</v>
      </c>
      <c r="AA25" s="240">
        <v>0</v>
      </c>
      <c r="AB25" s="248">
        <v>339</v>
      </c>
      <c r="AC25" s="248">
        <v>223</v>
      </c>
      <c r="AD25" s="248">
        <v>163</v>
      </c>
      <c r="AE25" s="248">
        <v>116</v>
      </c>
      <c r="AF25" s="248">
        <v>88</v>
      </c>
      <c r="AG25" s="249">
        <v>929</v>
      </c>
      <c r="AH25" s="250">
        <v>1140</v>
      </c>
    </row>
    <row r="26" spans="1:34" ht="19.5" customHeight="1" x14ac:dyDescent="0.2">
      <c r="A26" s="49" t="s">
        <v>25</v>
      </c>
      <c r="B26" s="247">
        <v>79</v>
      </c>
      <c r="C26" s="248">
        <v>138</v>
      </c>
      <c r="D26" s="249">
        <v>217</v>
      </c>
      <c r="E26" s="240">
        <v>0</v>
      </c>
      <c r="F26" s="248">
        <v>376</v>
      </c>
      <c r="G26" s="248">
        <v>244</v>
      </c>
      <c r="H26" s="248">
        <v>130</v>
      </c>
      <c r="I26" s="248">
        <v>147</v>
      </c>
      <c r="J26" s="248">
        <v>75</v>
      </c>
      <c r="K26" s="249">
        <v>972</v>
      </c>
      <c r="L26" s="250">
        <v>1189</v>
      </c>
      <c r="M26" s="251">
        <v>1</v>
      </c>
      <c r="N26" s="248">
        <v>7</v>
      </c>
      <c r="O26" s="249">
        <v>8</v>
      </c>
      <c r="P26" s="240">
        <v>0</v>
      </c>
      <c r="Q26" s="248">
        <v>6</v>
      </c>
      <c r="R26" s="248">
        <v>10</v>
      </c>
      <c r="S26" s="248">
        <v>3</v>
      </c>
      <c r="T26" s="248">
        <v>3</v>
      </c>
      <c r="U26" s="248">
        <v>4</v>
      </c>
      <c r="V26" s="249">
        <v>26</v>
      </c>
      <c r="W26" s="250">
        <v>34</v>
      </c>
      <c r="X26" s="247">
        <v>80</v>
      </c>
      <c r="Y26" s="248">
        <v>145</v>
      </c>
      <c r="Z26" s="249">
        <v>225</v>
      </c>
      <c r="AA26" s="240">
        <v>0</v>
      </c>
      <c r="AB26" s="248">
        <v>382</v>
      </c>
      <c r="AC26" s="248">
        <v>254</v>
      </c>
      <c r="AD26" s="248">
        <v>133</v>
      </c>
      <c r="AE26" s="248">
        <v>150</v>
      </c>
      <c r="AF26" s="248">
        <v>79</v>
      </c>
      <c r="AG26" s="249">
        <v>998</v>
      </c>
      <c r="AH26" s="250">
        <v>1223</v>
      </c>
    </row>
    <row r="27" spans="1:34" ht="19.5" customHeight="1" x14ac:dyDescent="0.2">
      <c r="A27" s="49" t="s">
        <v>26</v>
      </c>
      <c r="B27" s="247">
        <v>83</v>
      </c>
      <c r="C27" s="248">
        <v>99</v>
      </c>
      <c r="D27" s="249">
        <v>182</v>
      </c>
      <c r="E27" s="240">
        <v>0</v>
      </c>
      <c r="F27" s="248">
        <v>308</v>
      </c>
      <c r="G27" s="248">
        <v>231</v>
      </c>
      <c r="H27" s="248">
        <v>151</v>
      </c>
      <c r="I27" s="248">
        <v>113</v>
      </c>
      <c r="J27" s="248">
        <v>86</v>
      </c>
      <c r="K27" s="249">
        <v>889</v>
      </c>
      <c r="L27" s="250">
        <v>1071</v>
      </c>
      <c r="M27" s="251">
        <v>3</v>
      </c>
      <c r="N27" s="248">
        <v>0</v>
      </c>
      <c r="O27" s="249">
        <v>3</v>
      </c>
      <c r="P27" s="240">
        <v>0</v>
      </c>
      <c r="Q27" s="248">
        <v>6</v>
      </c>
      <c r="R27" s="248">
        <v>7</v>
      </c>
      <c r="S27" s="248">
        <v>1</v>
      </c>
      <c r="T27" s="248">
        <v>3</v>
      </c>
      <c r="U27" s="248">
        <v>3</v>
      </c>
      <c r="V27" s="249">
        <v>20</v>
      </c>
      <c r="W27" s="250">
        <v>23</v>
      </c>
      <c r="X27" s="247">
        <v>86</v>
      </c>
      <c r="Y27" s="248">
        <v>99</v>
      </c>
      <c r="Z27" s="249">
        <v>185</v>
      </c>
      <c r="AA27" s="240">
        <v>0</v>
      </c>
      <c r="AB27" s="248">
        <v>314</v>
      </c>
      <c r="AC27" s="248">
        <v>238</v>
      </c>
      <c r="AD27" s="248">
        <v>152</v>
      </c>
      <c r="AE27" s="248">
        <v>116</v>
      </c>
      <c r="AF27" s="248">
        <v>89</v>
      </c>
      <c r="AG27" s="249">
        <v>909</v>
      </c>
      <c r="AH27" s="250">
        <v>1094</v>
      </c>
    </row>
    <row r="28" spans="1:34" ht="19.5" customHeight="1" x14ac:dyDescent="0.2">
      <c r="A28" s="49" t="s">
        <v>27</v>
      </c>
      <c r="B28" s="247">
        <v>115</v>
      </c>
      <c r="C28" s="248">
        <v>152</v>
      </c>
      <c r="D28" s="249">
        <v>267</v>
      </c>
      <c r="E28" s="240">
        <v>0</v>
      </c>
      <c r="F28" s="248">
        <v>232</v>
      </c>
      <c r="G28" s="248">
        <v>199</v>
      </c>
      <c r="H28" s="248">
        <v>151</v>
      </c>
      <c r="I28" s="248">
        <v>105</v>
      </c>
      <c r="J28" s="248">
        <v>60</v>
      </c>
      <c r="K28" s="249">
        <v>747</v>
      </c>
      <c r="L28" s="250">
        <v>1014</v>
      </c>
      <c r="M28" s="251">
        <v>1</v>
      </c>
      <c r="N28" s="248">
        <v>3</v>
      </c>
      <c r="O28" s="249">
        <v>4</v>
      </c>
      <c r="P28" s="240">
        <v>0</v>
      </c>
      <c r="Q28" s="248">
        <v>6</v>
      </c>
      <c r="R28" s="248">
        <v>4</v>
      </c>
      <c r="S28" s="248">
        <v>0</v>
      </c>
      <c r="T28" s="248">
        <v>2</v>
      </c>
      <c r="U28" s="248">
        <v>2</v>
      </c>
      <c r="V28" s="249">
        <v>14</v>
      </c>
      <c r="W28" s="250">
        <v>18</v>
      </c>
      <c r="X28" s="247">
        <v>116</v>
      </c>
      <c r="Y28" s="248">
        <v>155</v>
      </c>
      <c r="Z28" s="249">
        <v>271</v>
      </c>
      <c r="AA28" s="240">
        <v>0</v>
      </c>
      <c r="AB28" s="248">
        <v>238</v>
      </c>
      <c r="AC28" s="248">
        <v>203</v>
      </c>
      <c r="AD28" s="248">
        <v>151</v>
      </c>
      <c r="AE28" s="248">
        <v>107</v>
      </c>
      <c r="AF28" s="248">
        <v>62</v>
      </c>
      <c r="AG28" s="249">
        <v>761</v>
      </c>
      <c r="AH28" s="250">
        <v>1032</v>
      </c>
    </row>
    <row r="29" spans="1:34" ht="19.5" customHeight="1" x14ac:dyDescent="0.2">
      <c r="A29" s="49" t="s">
        <v>28</v>
      </c>
      <c r="B29" s="247">
        <v>9</v>
      </c>
      <c r="C29" s="248">
        <v>16</v>
      </c>
      <c r="D29" s="249">
        <v>25</v>
      </c>
      <c r="E29" s="240">
        <v>0</v>
      </c>
      <c r="F29" s="248">
        <v>74</v>
      </c>
      <c r="G29" s="248">
        <v>96</v>
      </c>
      <c r="H29" s="248">
        <v>43</v>
      </c>
      <c r="I29" s="248">
        <v>31</v>
      </c>
      <c r="J29" s="248">
        <v>25</v>
      </c>
      <c r="K29" s="249">
        <v>269</v>
      </c>
      <c r="L29" s="250">
        <v>294</v>
      </c>
      <c r="M29" s="251">
        <v>0</v>
      </c>
      <c r="N29" s="248">
        <v>0</v>
      </c>
      <c r="O29" s="249">
        <v>0</v>
      </c>
      <c r="P29" s="240">
        <v>0</v>
      </c>
      <c r="Q29" s="248">
        <v>1</v>
      </c>
      <c r="R29" s="248">
        <v>1</v>
      </c>
      <c r="S29" s="248">
        <v>1</v>
      </c>
      <c r="T29" s="248">
        <v>1</v>
      </c>
      <c r="U29" s="248">
        <v>4</v>
      </c>
      <c r="V29" s="249">
        <v>8</v>
      </c>
      <c r="W29" s="250">
        <v>8</v>
      </c>
      <c r="X29" s="247">
        <v>9</v>
      </c>
      <c r="Y29" s="248">
        <v>16</v>
      </c>
      <c r="Z29" s="249">
        <v>25</v>
      </c>
      <c r="AA29" s="240">
        <v>0</v>
      </c>
      <c r="AB29" s="248">
        <v>75</v>
      </c>
      <c r="AC29" s="248">
        <v>97</v>
      </c>
      <c r="AD29" s="248">
        <v>44</v>
      </c>
      <c r="AE29" s="248">
        <v>32</v>
      </c>
      <c r="AF29" s="248">
        <v>29</v>
      </c>
      <c r="AG29" s="249">
        <v>277</v>
      </c>
      <c r="AH29" s="250">
        <v>302</v>
      </c>
    </row>
    <row r="30" spans="1:34" ht="19.5" customHeight="1" x14ac:dyDescent="0.2">
      <c r="A30" s="49" t="s">
        <v>29</v>
      </c>
      <c r="B30" s="247">
        <v>23</v>
      </c>
      <c r="C30" s="248">
        <v>37</v>
      </c>
      <c r="D30" s="249">
        <v>60</v>
      </c>
      <c r="E30" s="240">
        <v>0</v>
      </c>
      <c r="F30" s="248">
        <v>89</v>
      </c>
      <c r="G30" s="248">
        <v>105</v>
      </c>
      <c r="H30" s="248">
        <v>55</v>
      </c>
      <c r="I30" s="248">
        <v>50</v>
      </c>
      <c r="J30" s="248">
        <v>30</v>
      </c>
      <c r="K30" s="249">
        <v>329</v>
      </c>
      <c r="L30" s="250">
        <v>389</v>
      </c>
      <c r="M30" s="251">
        <v>1</v>
      </c>
      <c r="N30" s="248">
        <v>2</v>
      </c>
      <c r="O30" s="249">
        <v>3</v>
      </c>
      <c r="P30" s="240">
        <v>0</v>
      </c>
      <c r="Q30" s="248">
        <v>3</v>
      </c>
      <c r="R30" s="248">
        <v>3</v>
      </c>
      <c r="S30" s="248">
        <v>2</v>
      </c>
      <c r="T30" s="248">
        <v>1</v>
      </c>
      <c r="U30" s="248">
        <v>0</v>
      </c>
      <c r="V30" s="249">
        <v>9</v>
      </c>
      <c r="W30" s="250">
        <v>12</v>
      </c>
      <c r="X30" s="247">
        <v>24</v>
      </c>
      <c r="Y30" s="248">
        <v>39</v>
      </c>
      <c r="Z30" s="249">
        <v>63</v>
      </c>
      <c r="AA30" s="240">
        <v>0</v>
      </c>
      <c r="AB30" s="248">
        <v>92</v>
      </c>
      <c r="AC30" s="248">
        <v>108</v>
      </c>
      <c r="AD30" s="248">
        <v>57</v>
      </c>
      <c r="AE30" s="248">
        <v>51</v>
      </c>
      <c r="AF30" s="248">
        <v>30</v>
      </c>
      <c r="AG30" s="249">
        <v>338</v>
      </c>
      <c r="AH30" s="250">
        <v>401</v>
      </c>
    </row>
    <row r="31" spans="1:34" ht="19.5" customHeight="1" x14ac:dyDescent="0.2">
      <c r="A31" s="49" t="s">
        <v>30</v>
      </c>
      <c r="B31" s="247">
        <v>27</v>
      </c>
      <c r="C31" s="248">
        <v>34</v>
      </c>
      <c r="D31" s="249">
        <v>61</v>
      </c>
      <c r="E31" s="240">
        <v>0</v>
      </c>
      <c r="F31" s="248">
        <v>98</v>
      </c>
      <c r="G31" s="248">
        <v>84</v>
      </c>
      <c r="H31" s="248">
        <v>73</v>
      </c>
      <c r="I31" s="248">
        <v>46</v>
      </c>
      <c r="J31" s="248">
        <v>20</v>
      </c>
      <c r="K31" s="249">
        <v>321</v>
      </c>
      <c r="L31" s="250">
        <v>382</v>
      </c>
      <c r="M31" s="251">
        <v>0</v>
      </c>
      <c r="N31" s="248">
        <v>0</v>
      </c>
      <c r="O31" s="249">
        <v>0</v>
      </c>
      <c r="P31" s="240">
        <v>0</v>
      </c>
      <c r="Q31" s="248">
        <v>1</v>
      </c>
      <c r="R31" s="248">
        <v>0</v>
      </c>
      <c r="S31" s="248">
        <v>1</v>
      </c>
      <c r="T31" s="248">
        <v>2</v>
      </c>
      <c r="U31" s="248">
        <v>0</v>
      </c>
      <c r="V31" s="249">
        <v>4</v>
      </c>
      <c r="W31" s="250">
        <v>4</v>
      </c>
      <c r="X31" s="247">
        <v>27</v>
      </c>
      <c r="Y31" s="248">
        <v>34</v>
      </c>
      <c r="Z31" s="249">
        <v>61</v>
      </c>
      <c r="AA31" s="240">
        <v>0</v>
      </c>
      <c r="AB31" s="248">
        <v>99</v>
      </c>
      <c r="AC31" s="248">
        <v>84</v>
      </c>
      <c r="AD31" s="248">
        <v>74</v>
      </c>
      <c r="AE31" s="248">
        <v>48</v>
      </c>
      <c r="AF31" s="248">
        <v>20</v>
      </c>
      <c r="AG31" s="249">
        <v>325</v>
      </c>
      <c r="AH31" s="250">
        <v>386</v>
      </c>
    </row>
    <row r="32" spans="1:34" ht="19.5" customHeight="1" x14ac:dyDescent="0.2">
      <c r="A32" s="49" t="s">
        <v>31</v>
      </c>
      <c r="B32" s="247">
        <v>26</v>
      </c>
      <c r="C32" s="248">
        <v>43</v>
      </c>
      <c r="D32" s="249">
        <v>69</v>
      </c>
      <c r="E32" s="240">
        <v>0</v>
      </c>
      <c r="F32" s="248">
        <v>108</v>
      </c>
      <c r="G32" s="248">
        <v>109</v>
      </c>
      <c r="H32" s="248">
        <v>63</v>
      </c>
      <c r="I32" s="248">
        <v>23</v>
      </c>
      <c r="J32" s="248">
        <v>20</v>
      </c>
      <c r="K32" s="249">
        <v>323</v>
      </c>
      <c r="L32" s="250">
        <v>392</v>
      </c>
      <c r="M32" s="251">
        <v>0</v>
      </c>
      <c r="N32" s="248">
        <v>0</v>
      </c>
      <c r="O32" s="249">
        <v>0</v>
      </c>
      <c r="P32" s="240">
        <v>0</v>
      </c>
      <c r="Q32" s="248">
        <v>3</v>
      </c>
      <c r="R32" s="248">
        <v>1</v>
      </c>
      <c r="S32" s="248">
        <v>1</v>
      </c>
      <c r="T32" s="248">
        <v>0</v>
      </c>
      <c r="U32" s="248">
        <v>2</v>
      </c>
      <c r="V32" s="249">
        <v>7</v>
      </c>
      <c r="W32" s="250">
        <v>7</v>
      </c>
      <c r="X32" s="247">
        <v>26</v>
      </c>
      <c r="Y32" s="248">
        <v>43</v>
      </c>
      <c r="Z32" s="249">
        <v>69</v>
      </c>
      <c r="AA32" s="240">
        <v>0</v>
      </c>
      <c r="AB32" s="248">
        <v>111</v>
      </c>
      <c r="AC32" s="248">
        <v>110</v>
      </c>
      <c r="AD32" s="248">
        <v>64</v>
      </c>
      <c r="AE32" s="248">
        <v>23</v>
      </c>
      <c r="AF32" s="248">
        <v>22</v>
      </c>
      <c r="AG32" s="249">
        <v>330</v>
      </c>
      <c r="AH32" s="250">
        <v>399</v>
      </c>
    </row>
    <row r="33" spans="1:34" ht="19.5" customHeight="1" x14ac:dyDescent="0.2">
      <c r="A33" s="49" t="s">
        <v>32</v>
      </c>
      <c r="B33" s="247">
        <v>30</v>
      </c>
      <c r="C33" s="248">
        <v>49</v>
      </c>
      <c r="D33" s="249">
        <v>79</v>
      </c>
      <c r="E33" s="240">
        <v>0</v>
      </c>
      <c r="F33" s="248">
        <v>142</v>
      </c>
      <c r="G33" s="248">
        <v>115</v>
      </c>
      <c r="H33" s="248">
        <v>63</v>
      </c>
      <c r="I33" s="248">
        <v>43</v>
      </c>
      <c r="J33" s="248">
        <v>26</v>
      </c>
      <c r="K33" s="249">
        <v>389</v>
      </c>
      <c r="L33" s="250">
        <v>468</v>
      </c>
      <c r="M33" s="251">
        <v>1</v>
      </c>
      <c r="N33" s="248">
        <v>1</v>
      </c>
      <c r="O33" s="249">
        <v>2</v>
      </c>
      <c r="P33" s="240">
        <v>0</v>
      </c>
      <c r="Q33" s="248">
        <v>9</v>
      </c>
      <c r="R33" s="248">
        <v>5</v>
      </c>
      <c r="S33" s="248">
        <v>0</v>
      </c>
      <c r="T33" s="248">
        <v>3</v>
      </c>
      <c r="U33" s="248">
        <v>2</v>
      </c>
      <c r="V33" s="249">
        <v>19</v>
      </c>
      <c r="W33" s="250">
        <v>21</v>
      </c>
      <c r="X33" s="247">
        <v>31</v>
      </c>
      <c r="Y33" s="248">
        <v>50</v>
      </c>
      <c r="Z33" s="249">
        <v>81</v>
      </c>
      <c r="AA33" s="240">
        <v>0</v>
      </c>
      <c r="AB33" s="248">
        <v>151</v>
      </c>
      <c r="AC33" s="248">
        <v>120</v>
      </c>
      <c r="AD33" s="248">
        <v>63</v>
      </c>
      <c r="AE33" s="248">
        <v>46</v>
      </c>
      <c r="AF33" s="248">
        <v>28</v>
      </c>
      <c r="AG33" s="249">
        <v>408</v>
      </c>
      <c r="AH33" s="250">
        <v>489</v>
      </c>
    </row>
    <row r="34" spans="1:34" ht="19.5" customHeight="1" x14ac:dyDescent="0.2">
      <c r="A34" s="49" t="s">
        <v>33</v>
      </c>
      <c r="B34" s="247">
        <v>45</v>
      </c>
      <c r="C34" s="248">
        <v>60</v>
      </c>
      <c r="D34" s="249">
        <v>105</v>
      </c>
      <c r="E34" s="240">
        <v>0</v>
      </c>
      <c r="F34" s="248">
        <v>118</v>
      </c>
      <c r="G34" s="248">
        <v>87</v>
      </c>
      <c r="H34" s="248">
        <v>38</v>
      </c>
      <c r="I34" s="248">
        <v>34</v>
      </c>
      <c r="J34" s="248">
        <v>23</v>
      </c>
      <c r="K34" s="249">
        <v>300</v>
      </c>
      <c r="L34" s="250">
        <v>405</v>
      </c>
      <c r="M34" s="251">
        <v>0</v>
      </c>
      <c r="N34" s="248">
        <v>0</v>
      </c>
      <c r="O34" s="249">
        <v>0</v>
      </c>
      <c r="P34" s="240">
        <v>0</v>
      </c>
      <c r="Q34" s="248">
        <v>2</v>
      </c>
      <c r="R34" s="248">
        <v>1</v>
      </c>
      <c r="S34" s="248">
        <v>0</v>
      </c>
      <c r="T34" s="248">
        <v>0</v>
      </c>
      <c r="U34" s="248">
        <v>1</v>
      </c>
      <c r="V34" s="249">
        <v>4</v>
      </c>
      <c r="W34" s="250">
        <v>4</v>
      </c>
      <c r="X34" s="247">
        <v>45</v>
      </c>
      <c r="Y34" s="248">
        <v>60</v>
      </c>
      <c r="Z34" s="249">
        <v>105</v>
      </c>
      <c r="AA34" s="240">
        <v>0</v>
      </c>
      <c r="AB34" s="248">
        <v>120</v>
      </c>
      <c r="AC34" s="248">
        <v>88</v>
      </c>
      <c r="AD34" s="248">
        <v>38</v>
      </c>
      <c r="AE34" s="248">
        <v>34</v>
      </c>
      <c r="AF34" s="248">
        <v>24</v>
      </c>
      <c r="AG34" s="249">
        <v>304</v>
      </c>
      <c r="AH34" s="250">
        <v>409</v>
      </c>
    </row>
    <row r="35" spans="1:34" ht="19.5" customHeight="1" x14ac:dyDescent="0.2">
      <c r="A35" s="49" t="s">
        <v>34</v>
      </c>
      <c r="B35" s="247">
        <v>20</v>
      </c>
      <c r="C35" s="248">
        <v>25</v>
      </c>
      <c r="D35" s="249">
        <v>45</v>
      </c>
      <c r="E35" s="240">
        <v>0</v>
      </c>
      <c r="F35" s="248">
        <v>83</v>
      </c>
      <c r="G35" s="248">
        <v>69</v>
      </c>
      <c r="H35" s="248">
        <v>38</v>
      </c>
      <c r="I35" s="248">
        <v>33</v>
      </c>
      <c r="J35" s="248">
        <v>15</v>
      </c>
      <c r="K35" s="249">
        <v>238</v>
      </c>
      <c r="L35" s="250">
        <v>283</v>
      </c>
      <c r="M35" s="251">
        <v>0</v>
      </c>
      <c r="N35" s="248">
        <v>0</v>
      </c>
      <c r="O35" s="249">
        <v>0</v>
      </c>
      <c r="P35" s="240">
        <v>0</v>
      </c>
      <c r="Q35" s="248">
        <v>4</v>
      </c>
      <c r="R35" s="248">
        <v>1</v>
      </c>
      <c r="S35" s="248">
        <v>1</v>
      </c>
      <c r="T35" s="248">
        <v>1</v>
      </c>
      <c r="U35" s="248">
        <v>1</v>
      </c>
      <c r="V35" s="249">
        <v>8</v>
      </c>
      <c r="W35" s="250">
        <v>8</v>
      </c>
      <c r="X35" s="247">
        <v>20</v>
      </c>
      <c r="Y35" s="248">
        <v>25</v>
      </c>
      <c r="Z35" s="249">
        <v>45</v>
      </c>
      <c r="AA35" s="240">
        <v>0</v>
      </c>
      <c r="AB35" s="248">
        <v>87</v>
      </c>
      <c r="AC35" s="248">
        <v>70</v>
      </c>
      <c r="AD35" s="248">
        <v>39</v>
      </c>
      <c r="AE35" s="248">
        <v>34</v>
      </c>
      <c r="AF35" s="248">
        <v>16</v>
      </c>
      <c r="AG35" s="249">
        <v>246</v>
      </c>
      <c r="AH35" s="250">
        <v>291</v>
      </c>
    </row>
    <row r="36" spans="1:34" ht="19.5" customHeight="1" x14ac:dyDescent="0.2">
      <c r="A36" s="49" t="s">
        <v>35</v>
      </c>
      <c r="B36" s="247">
        <v>29</v>
      </c>
      <c r="C36" s="248">
        <v>26</v>
      </c>
      <c r="D36" s="249">
        <v>55</v>
      </c>
      <c r="E36" s="240">
        <v>0</v>
      </c>
      <c r="F36" s="248">
        <v>299</v>
      </c>
      <c r="G36" s="248">
        <v>218</v>
      </c>
      <c r="H36" s="248">
        <v>127</v>
      </c>
      <c r="I36" s="248">
        <v>107</v>
      </c>
      <c r="J36" s="248">
        <v>43</v>
      </c>
      <c r="K36" s="249">
        <v>794</v>
      </c>
      <c r="L36" s="250">
        <v>849</v>
      </c>
      <c r="M36" s="251">
        <v>0</v>
      </c>
      <c r="N36" s="248">
        <v>1</v>
      </c>
      <c r="O36" s="249">
        <v>1</v>
      </c>
      <c r="P36" s="240">
        <v>0</v>
      </c>
      <c r="Q36" s="248">
        <v>2</v>
      </c>
      <c r="R36" s="248">
        <v>6</v>
      </c>
      <c r="S36" s="248">
        <v>1</v>
      </c>
      <c r="T36" s="248">
        <v>0</v>
      </c>
      <c r="U36" s="248">
        <v>1</v>
      </c>
      <c r="V36" s="249">
        <v>10</v>
      </c>
      <c r="W36" s="250">
        <v>11</v>
      </c>
      <c r="X36" s="247">
        <v>29</v>
      </c>
      <c r="Y36" s="248">
        <v>27</v>
      </c>
      <c r="Z36" s="249">
        <v>56</v>
      </c>
      <c r="AA36" s="240">
        <v>0</v>
      </c>
      <c r="AB36" s="248">
        <v>301</v>
      </c>
      <c r="AC36" s="248">
        <v>224</v>
      </c>
      <c r="AD36" s="248">
        <v>128</v>
      </c>
      <c r="AE36" s="248">
        <v>107</v>
      </c>
      <c r="AF36" s="248">
        <v>44</v>
      </c>
      <c r="AG36" s="249">
        <v>804</v>
      </c>
      <c r="AH36" s="250">
        <v>860</v>
      </c>
    </row>
    <row r="37" spans="1:34" ht="19.5" customHeight="1" x14ac:dyDescent="0.2">
      <c r="A37" s="49" t="s">
        <v>36</v>
      </c>
      <c r="B37" s="247">
        <v>50</v>
      </c>
      <c r="C37" s="248">
        <v>116</v>
      </c>
      <c r="D37" s="249">
        <v>166</v>
      </c>
      <c r="E37" s="240">
        <v>0</v>
      </c>
      <c r="F37" s="248">
        <v>281</v>
      </c>
      <c r="G37" s="248">
        <v>253</v>
      </c>
      <c r="H37" s="248">
        <v>162</v>
      </c>
      <c r="I37" s="248">
        <v>100</v>
      </c>
      <c r="J37" s="248">
        <v>64</v>
      </c>
      <c r="K37" s="249">
        <v>860</v>
      </c>
      <c r="L37" s="250">
        <v>1026</v>
      </c>
      <c r="M37" s="251">
        <v>0</v>
      </c>
      <c r="N37" s="248">
        <v>3</v>
      </c>
      <c r="O37" s="249">
        <v>3</v>
      </c>
      <c r="P37" s="240">
        <v>0</v>
      </c>
      <c r="Q37" s="248">
        <v>4</v>
      </c>
      <c r="R37" s="248">
        <v>7</v>
      </c>
      <c r="S37" s="248">
        <v>6</v>
      </c>
      <c r="T37" s="248">
        <v>3</v>
      </c>
      <c r="U37" s="248">
        <v>2</v>
      </c>
      <c r="V37" s="249">
        <v>22</v>
      </c>
      <c r="W37" s="250">
        <v>25</v>
      </c>
      <c r="X37" s="247">
        <v>50</v>
      </c>
      <c r="Y37" s="248">
        <v>119</v>
      </c>
      <c r="Z37" s="249">
        <v>169</v>
      </c>
      <c r="AA37" s="240">
        <v>0</v>
      </c>
      <c r="AB37" s="248">
        <v>285</v>
      </c>
      <c r="AC37" s="248">
        <v>260</v>
      </c>
      <c r="AD37" s="248">
        <v>168</v>
      </c>
      <c r="AE37" s="248">
        <v>103</v>
      </c>
      <c r="AF37" s="248">
        <v>66</v>
      </c>
      <c r="AG37" s="249">
        <v>882</v>
      </c>
      <c r="AH37" s="250">
        <v>1051</v>
      </c>
    </row>
    <row r="38" spans="1:34" ht="19.5" customHeight="1" thickBot="1" x14ac:dyDescent="0.25">
      <c r="A38" s="50" t="s">
        <v>37</v>
      </c>
      <c r="B38" s="252">
        <v>6</v>
      </c>
      <c r="C38" s="253">
        <v>6</v>
      </c>
      <c r="D38" s="254">
        <v>12</v>
      </c>
      <c r="E38" s="241">
        <v>0</v>
      </c>
      <c r="F38" s="253">
        <v>38</v>
      </c>
      <c r="G38" s="253">
        <v>18</v>
      </c>
      <c r="H38" s="253">
        <v>18</v>
      </c>
      <c r="I38" s="253">
        <v>7</v>
      </c>
      <c r="J38" s="253">
        <v>4</v>
      </c>
      <c r="K38" s="254">
        <v>85</v>
      </c>
      <c r="L38" s="255">
        <v>97</v>
      </c>
      <c r="M38" s="256">
        <v>0</v>
      </c>
      <c r="N38" s="253">
        <v>0</v>
      </c>
      <c r="O38" s="254">
        <v>0</v>
      </c>
      <c r="P38" s="241">
        <v>0</v>
      </c>
      <c r="Q38" s="253">
        <v>0</v>
      </c>
      <c r="R38" s="253">
        <v>1</v>
      </c>
      <c r="S38" s="253">
        <v>2</v>
      </c>
      <c r="T38" s="253">
        <v>2</v>
      </c>
      <c r="U38" s="253">
        <v>0</v>
      </c>
      <c r="V38" s="254">
        <v>5</v>
      </c>
      <c r="W38" s="255">
        <v>5</v>
      </c>
      <c r="X38" s="252">
        <v>6</v>
      </c>
      <c r="Y38" s="253">
        <v>6</v>
      </c>
      <c r="Z38" s="254">
        <v>12</v>
      </c>
      <c r="AA38" s="241">
        <v>0</v>
      </c>
      <c r="AB38" s="253">
        <v>38</v>
      </c>
      <c r="AC38" s="253">
        <v>19</v>
      </c>
      <c r="AD38" s="253">
        <v>20</v>
      </c>
      <c r="AE38" s="253">
        <v>9</v>
      </c>
      <c r="AF38" s="253">
        <v>4</v>
      </c>
      <c r="AG38" s="254">
        <v>90</v>
      </c>
      <c r="AH38" s="255">
        <v>102</v>
      </c>
    </row>
    <row r="39" spans="1:34" x14ac:dyDescent="0.2">
      <c r="Z39" s="21"/>
      <c r="AA39" s="21"/>
      <c r="AB39" s="21"/>
      <c r="AC39" s="21"/>
      <c r="AD39" s="21"/>
      <c r="AE39" s="21"/>
      <c r="AF39" s="21"/>
      <c r="AG39" s="21"/>
      <c r="AH39" s="21"/>
    </row>
  </sheetData>
  <mergeCells count="5">
    <mergeCell ref="B3:L3"/>
    <mergeCell ref="M3:W3"/>
    <mergeCell ref="X3:AH3"/>
    <mergeCell ref="F1:G1"/>
    <mergeCell ref="I1:J1"/>
  </mergeCells>
  <phoneticPr fontId="4"/>
  <pageMargins left="0.43307086614173229" right="0.27559055118110237" top="0.35433070866141736" bottom="0.39370078740157483" header="0.19685039370078741" footer="0.19685039370078741"/>
  <pageSetup paperSize="9" scale="51" orientation="landscape" r:id="rId1"/>
  <headerFooter alignWithMargins="0">
    <oddFooter>&amp;L&amp;20&amp;A&amp;C&amp;P/&amp;N</oddFooter>
  </headerFooter>
  <colBreaks count="1" manualBreakCount="1">
    <brk id="23"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Y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0"/>
    <col min="4" max="4" width="10.33203125" style="290" customWidth="1"/>
    <col min="5" max="5" width="7.6640625" style="290" customWidth="1"/>
    <col min="6" max="6" width="10.21875" style="290" customWidth="1"/>
    <col min="7" max="7" width="10.44140625" style="290" customWidth="1"/>
    <col min="8" max="15" width="9" style="290"/>
    <col min="16" max="16" width="7.21875" style="290" customWidth="1"/>
    <col min="17" max="26" width="9" style="290"/>
    <col min="27" max="27" width="7.6640625" style="290" customWidth="1"/>
    <col min="28" max="37" width="9" style="290"/>
    <col min="38" max="38" width="7.6640625" style="290" customWidth="1"/>
    <col min="39" max="48" width="9" style="290"/>
    <col min="49" max="49" width="7.21875" style="290" customWidth="1"/>
    <col min="50" max="59" width="9" style="290"/>
    <col min="60" max="60" width="7.21875" style="290" customWidth="1"/>
    <col min="61" max="70" width="9" style="290"/>
    <col min="71" max="71" width="7.33203125" style="290" customWidth="1"/>
    <col min="72" max="81" width="9" style="290"/>
    <col min="82" max="82" width="7.44140625" style="290" customWidth="1"/>
    <col min="83" max="92" width="9" style="290"/>
    <col min="93" max="93" width="7.6640625" style="290" customWidth="1"/>
    <col min="94" max="103" width="9" style="290"/>
    <col min="104" max="104" width="7.44140625" style="290" customWidth="1"/>
    <col min="105" max="114" width="9" style="290"/>
    <col min="115" max="115" width="7.44140625" style="290" customWidth="1"/>
    <col min="116" max="125" width="9" style="290"/>
    <col min="126" max="126" width="7.44140625" style="290" customWidth="1"/>
    <col min="127" max="136" width="9" style="290"/>
    <col min="137" max="137" width="7.33203125" style="290" customWidth="1"/>
    <col min="138" max="147" width="9" style="290"/>
    <col min="148" max="148" width="7.77734375" style="290" customWidth="1"/>
    <col min="149" max="16384" width="9" style="290"/>
  </cols>
  <sheetData>
    <row r="1" spans="1:155" ht="24" customHeight="1" x14ac:dyDescent="0.2">
      <c r="A1" s="325" t="s">
        <v>122</v>
      </c>
      <c r="H1" s="545">
        <f>第１表!F2</f>
        <v>4</v>
      </c>
      <c r="I1" s="545"/>
      <c r="J1" s="282">
        <f>第１表!G2</f>
        <v>4</v>
      </c>
      <c r="K1" s="549">
        <f>IF(J1&lt;3,J1+12-2,J1-2)</f>
        <v>2</v>
      </c>
      <c r="L1" s="549"/>
    </row>
    <row r="2" spans="1:155" ht="21" customHeight="1" thickBot="1" x14ac:dyDescent="0.25">
      <c r="A2" s="325" t="s">
        <v>138</v>
      </c>
      <c r="F2" s="281"/>
      <c r="G2" s="282"/>
      <c r="I2" s="289"/>
      <c r="J2" s="289"/>
    </row>
    <row r="3" spans="1:155" ht="23.25" customHeight="1" thickBot="1" x14ac:dyDescent="0.25">
      <c r="A3" s="562"/>
      <c r="B3" s="553" t="s">
        <v>70</v>
      </c>
      <c r="C3" s="554"/>
      <c r="D3" s="554"/>
      <c r="E3" s="554"/>
      <c r="F3" s="554"/>
      <c r="G3" s="554"/>
      <c r="H3" s="554"/>
      <c r="I3" s="554"/>
      <c r="J3" s="554"/>
      <c r="K3" s="554"/>
      <c r="L3" s="555"/>
      <c r="M3" s="553" t="s">
        <v>71</v>
      </c>
      <c r="N3" s="554"/>
      <c r="O3" s="554"/>
      <c r="P3" s="554"/>
      <c r="Q3" s="554"/>
      <c r="R3" s="554"/>
      <c r="S3" s="554"/>
      <c r="T3" s="554"/>
      <c r="U3" s="554"/>
      <c r="V3" s="554"/>
      <c r="W3" s="555"/>
      <c r="X3" s="553" t="s">
        <v>72</v>
      </c>
      <c r="Y3" s="554"/>
      <c r="Z3" s="554"/>
      <c r="AA3" s="554"/>
      <c r="AB3" s="554"/>
      <c r="AC3" s="554"/>
      <c r="AD3" s="554"/>
      <c r="AE3" s="554"/>
      <c r="AF3" s="554"/>
      <c r="AG3" s="554"/>
      <c r="AH3" s="555"/>
      <c r="AI3" s="553" t="s">
        <v>73</v>
      </c>
      <c r="AJ3" s="554"/>
      <c r="AK3" s="554"/>
      <c r="AL3" s="554"/>
      <c r="AM3" s="554"/>
      <c r="AN3" s="554"/>
      <c r="AO3" s="554"/>
      <c r="AP3" s="554"/>
      <c r="AQ3" s="554"/>
      <c r="AR3" s="554"/>
      <c r="AS3" s="555"/>
      <c r="AT3" s="553" t="s">
        <v>74</v>
      </c>
      <c r="AU3" s="554"/>
      <c r="AV3" s="554"/>
      <c r="AW3" s="554"/>
      <c r="AX3" s="554"/>
      <c r="AY3" s="554"/>
      <c r="AZ3" s="554"/>
      <c r="BA3" s="554"/>
      <c r="BB3" s="554"/>
      <c r="BC3" s="554"/>
      <c r="BD3" s="555"/>
      <c r="BE3" s="553" t="s">
        <v>75</v>
      </c>
      <c r="BF3" s="554"/>
      <c r="BG3" s="554"/>
      <c r="BH3" s="554"/>
      <c r="BI3" s="554"/>
      <c r="BJ3" s="554"/>
      <c r="BK3" s="554"/>
      <c r="BL3" s="554"/>
      <c r="BM3" s="554"/>
      <c r="BN3" s="554"/>
      <c r="BO3" s="555"/>
      <c r="BP3" s="553" t="s">
        <v>76</v>
      </c>
      <c r="BQ3" s="554"/>
      <c r="BR3" s="554"/>
      <c r="BS3" s="554"/>
      <c r="BT3" s="554"/>
      <c r="BU3" s="554"/>
      <c r="BV3" s="554"/>
      <c r="BW3" s="554"/>
      <c r="BX3" s="554"/>
      <c r="BY3" s="554"/>
      <c r="BZ3" s="555"/>
      <c r="CA3" s="553" t="s">
        <v>77</v>
      </c>
      <c r="CB3" s="554"/>
      <c r="CC3" s="554"/>
      <c r="CD3" s="554"/>
      <c r="CE3" s="554"/>
      <c r="CF3" s="554"/>
      <c r="CG3" s="554"/>
      <c r="CH3" s="554"/>
      <c r="CI3" s="554"/>
      <c r="CJ3" s="554"/>
      <c r="CK3" s="555"/>
      <c r="CL3" s="553" t="s">
        <v>78</v>
      </c>
      <c r="CM3" s="554"/>
      <c r="CN3" s="554"/>
      <c r="CO3" s="554"/>
      <c r="CP3" s="554"/>
      <c r="CQ3" s="554"/>
      <c r="CR3" s="554"/>
      <c r="CS3" s="554"/>
      <c r="CT3" s="554"/>
      <c r="CU3" s="554"/>
      <c r="CV3" s="555"/>
      <c r="CW3" s="553" t="s">
        <v>79</v>
      </c>
      <c r="CX3" s="554"/>
      <c r="CY3" s="554"/>
      <c r="CZ3" s="554"/>
      <c r="DA3" s="554"/>
      <c r="DB3" s="554"/>
      <c r="DC3" s="554"/>
      <c r="DD3" s="554"/>
      <c r="DE3" s="554"/>
      <c r="DF3" s="554"/>
      <c r="DG3" s="555"/>
      <c r="DH3" s="553" t="s">
        <v>152</v>
      </c>
      <c r="DI3" s="554"/>
      <c r="DJ3" s="554"/>
      <c r="DK3" s="554"/>
      <c r="DL3" s="554"/>
      <c r="DM3" s="554"/>
      <c r="DN3" s="554"/>
      <c r="DO3" s="554"/>
      <c r="DP3" s="554"/>
      <c r="DQ3" s="554"/>
      <c r="DR3" s="555"/>
      <c r="DS3" s="553" t="s">
        <v>80</v>
      </c>
      <c r="DT3" s="554"/>
      <c r="DU3" s="554"/>
      <c r="DV3" s="554"/>
      <c r="DW3" s="554"/>
      <c r="DX3" s="554"/>
      <c r="DY3" s="554"/>
      <c r="DZ3" s="554"/>
      <c r="EA3" s="554"/>
      <c r="EB3" s="554"/>
      <c r="EC3" s="555"/>
      <c r="ED3" s="553" t="s">
        <v>68</v>
      </c>
      <c r="EE3" s="554"/>
      <c r="EF3" s="554"/>
      <c r="EG3" s="554"/>
      <c r="EH3" s="554"/>
      <c r="EI3" s="554"/>
      <c r="EJ3" s="554"/>
      <c r="EK3" s="554"/>
      <c r="EL3" s="554"/>
      <c r="EM3" s="554"/>
      <c r="EN3" s="555"/>
      <c r="EO3" s="550" t="s">
        <v>69</v>
      </c>
      <c r="EP3" s="551"/>
      <c r="EQ3" s="551"/>
      <c r="ER3" s="551"/>
      <c r="ES3" s="551"/>
      <c r="ET3" s="551"/>
      <c r="EU3" s="551"/>
      <c r="EV3" s="551"/>
      <c r="EW3" s="551"/>
      <c r="EX3" s="551"/>
      <c r="EY3" s="552"/>
    </row>
    <row r="4" spans="1:155" ht="22.5" customHeight="1" x14ac:dyDescent="0.2">
      <c r="A4" s="563"/>
      <c r="B4" s="561" t="s">
        <v>61</v>
      </c>
      <c r="C4" s="557"/>
      <c r="D4" s="558"/>
      <c r="E4" s="556" t="s">
        <v>62</v>
      </c>
      <c r="F4" s="557"/>
      <c r="G4" s="557"/>
      <c r="H4" s="557"/>
      <c r="I4" s="557"/>
      <c r="J4" s="557"/>
      <c r="K4" s="565"/>
      <c r="L4" s="559" t="s">
        <v>52</v>
      </c>
      <c r="M4" s="561" t="s">
        <v>61</v>
      </c>
      <c r="N4" s="557"/>
      <c r="O4" s="558"/>
      <c r="P4" s="556" t="s">
        <v>62</v>
      </c>
      <c r="Q4" s="557"/>
      <c r="R4" s="557"/>
      <c r="S4" s="557"/>
      <c r="T4" s="557"/>
      <c r="U4" s="557"/>
      <c r="V4" s="558"/>
      <c r="W4" s="559" t="s">
        <v>52</v>
      </c>
      <c r="X4" s="561" t="s">
        <v>61</v>
      </c>
      <c r="Y4" s="557"/>
      <c r="Z4" s="558"/>
      <c r="AA4" s="556" t="s">
        <v>62</v>
      </c>
      <c r="AB4" s="557"/>
      <c r="AC4" s="557"/>
      <c r="AD4" s="557"/>
      <c r="AE4" s="557"/>
      <c r="AF4" s="557"/>
      <c r="AG4" s="558"/>
      <c r="AH4" s="559" t="s">
        <v>52</v>
      </c>
      <c r="AI4" s="561" t="s">
        <v>61</v>
      </c>
      <c r="AJ4" s="557"/>
      <c r="AK4" s="558"/>
      <c r="AL4" s="556" t="s">
        <v>62</v>
      </c>
      <c r="AM4" s="557"/>
      <c r="AN4" s="557"/>
      <c r="AO4" s="557"/>
      <c r="AP4" s="557"/>
      <c r="AQ4" s="557"/>
      <c r="AR4" s="558"/>
      <c r="AS4" s="559" t="s">
        <v>52</v>
      </c>
      <c r="AT4" s="561" t="s">
        <v>61</v>
      </c>
      <c r="AU4" s="557"/>
      <c r="AV4" s="558"/>
      <c r="AW4" s="556" t="s">
        <v>62</v>
      </c>
      <c r="AX4" s="557"/>
      <c r="AY4" s="557"/>
      <c r="AZ4" s="557"/>
      <c r="BA4" s="557"/>
      <c r="BB4" s="557"/>
      <c r="BC4" s="565"/>
      <c r="BD4" s="559" t="s">
        <v>52</v>
      </c>
      <c r="BE4" s="561" t="s">
        <v>61</v>
      </c>
      <c r="BF4" s="557"/>
      <c r="BG4" s="558"/>
      <c r="BH4" s="556" t="s">
        <v>62</v>
      </c>
      <c r="BI4" s="557"/>
      <c r="BJ4" s="557"/>
      <c r="BK4" s="557"/>
      <c r="BL4" s="557"/>
      <c r="BM4" s="557"/>
      <c r="BN4" s="558"/>
      <c r="BO4" s="559" t="s">
        <v>52</v>
      </c>
      <c r="BP4" s="561" t="s">
        <v>61</v>
      </c>
      <c r="BQ4" s="557"/>
      <c r="BR4" s="558"/>
      <c r="BS4" s="556" t="s">
        <v>62</v>
      </c>
      <c r="BT4" s="557"/>
      <c r="BU4" s="557"/>
      <c r="BV4" s="557"/>
      <c r="BW4" s="557"/>
      <c r="BX4" s="557"/>
      <c r="BY4" s="558"/>
      <c r="BZ4" s="559" t="s">
        <v>52</v>
      </c>
      <c r="CA4" s="561" t="s">
        <v>61</v>
      </c>
      <c r="CB4" s="557"/>
      <c r="CC4" s="558"/>
      <c r="CD4" s="556" t="s">
        <v>62</v>
      </c>
      <c r="CE4" s="557"/>
      <c r="CF4" s="557"/>
      <c r="CG4" s="557"/>
      <c r="CH4" s="557"/>
      <c r="CI4" s="557"/>
      <c r="CJ4" s="558"/>
      <c r="CK4" s="559" t="s">
        <v>52</v>
      </c>
      <c r="CL4" s="561" t="s">
        <v>61</v>
      </c>
      <c r="CM4" s="557"/>
      <c r="CN4" s="558"/>
      <c r="CO4" s="556" t="s">
        <v>62</v>
      </c>
      <c r="CP4" s="557"/>
      <c r="CQ4" s="557"/>
      <c r="CR4" s="557"/>
      <c r="CS4" s="557"/>
      <c r="CT4" s="557"/>
      <c r="CU4" s="558"/>
      <c r="CV4" s="559" t="s">
        <v>52</v>
      </c>
      <c r="CW4" s="561" t="s">
        <v>61</v>
      </c>
      <c r="CX4" s="557"/>
      <c r="CY4" s="558"/>
      <c r="CZ4" s="556" t="s">
        <v>62</v>
      </c>
      <c r="DA4" s="557"/>
      <c r="DB4" s="557"/>
      <c r="DC4" s="557"/>
      <c r="DD4" s="557"/>
      <c r="DE4" s="557"/>
      <c r="DF4" s="558"/>
      <c r="DG4" s="559" t="s">
        <v>52</v>
      </c>
      <c r="DH4" s="561" t="s">
        <v>61</v>
      </c>
      <c r="DI4" s="557"/>
      <c r="DJ4" s="558"/>
      <c r="DK4" s="556" t="s">
        <v>62</v>
      </c>
      <c r="DL4" s="557"/>
      <c r="DM4" s="557"/>
      <c r="DN4" s="557"/>
      <c r="DO4" s="557"/>
      <c r="DP4" s="557"/>
      <c r="DQ4" s="558"/>
      <c r="DR4" s="559" t="s">
        <v>52</v>
      </c>
      <c r="DS4" s="561" t="s">
        <v>61</v>
      </c>
      <c r="DT4" s="557"/>
      <c r="DU4" s="558"/>
      <c r="DV4" s="556" t="s">
        <v>62</v>
      </c>
      <c r="DW4" s="557"/>
      <c r="DX4" s="557"/>
      <c r="DY4" s="557"/>
      <c r="DZ4" s="557"/>
      <c r="EA4" s="557"/>
      <c r="EB4" s="558"/>
      <c r="EC4" s="559" t="s">
        <v>52</v>
      </c>
      <c r="ED4" s="561" t="s">
        <v>61</v>
      </c>
      <c r="EE4" s="557"/>
      <c r="EF4" s="558"/>
      <c r="EG4" s="556" t="s">
        <v>62</v>
      </c>
      <c r="EH4" s="557"/>
      <c r="EI4" s="557"/>
      <c r="EJ4" s="557"/>
      <c r="EK4" s="557"/>
      <c r="EL4" s="557"/>
      <c r="EM4" s="558"/>
      <c r="EN4" s="559" t="s">
        <v>52</v>
      </c>
      <c r="EO4" s="561" t="s">
        <v>61</v>
      </c>
      <c r="EP4" s="557"/>
      <c r="EQ4" s="558"/>
      <c r="ER4" s="556" t="s">
        <v>62</v>
      </c>
      <c r="ES4" s="557"/>
      <c r="ET4" s="557"/>
      <c r="EU4" s="557"/>
      <c r="EV4" s="557"/>
      <c r="EW4" s="557"/>
      <c r="EX4" s="558"/>
      <c r="EY4" s="559" t="s">
        <v>52</v>
      </c>
    </row>
    <row r="5" spans="1:155" ht="34.5" customHeight="1" thickBot="1" x14ac:dyDescent="0.25">
      <c r="A5" s="564"/>
      <c r="B5" s="298" t="s">
        <v>43</v>
      </c>
      <c r="C5" s="294" t="s">
        <v>44</v>
      </c>
      <c r="D5" s="435" t="s">
        <v>45</v>
      </c>
      <c r="E5" s="302" t="s">
        <v>83</v>
      </c>
      <c r="F5" s="294" t="s">
        <v>47</v>
      </c>
      <c r="G5" s="294" t="s">
        <v>48</v>
      </c>
      <c r="H5" s="294" t="s">
        <v>49</v>
      </c>
      <c r="I5" s="294" t="s">
        <v>50</v>
      </c>
      <c r="J5" s="294" t="s">
        <v>51</v>
      </c>
      <c r="K5" s="303" t="s">
        <v>45</v>
      </c>
      <c r="L5" s="560"/>
      <c r="M5" s="298" t="s">
        <v>43</v>
      </c>
      <c r="N5" s="294" t="s">
        <v>44</v>
      </c>
      <c r="O5" s="300" t="s">
        <v>45</v>
      </c>
      <c r="P5" s="302" t="s">
        <v>83</v>
      </c>
      <c r="Q5" s="294" t="s">
        <v>47</v>
      </c>
      <c r="R5" s="294" t="s">
        <v>48</v>
      </c>
      <c r="S5" s="294" t="s">
        <v>49</v>
      </c>
      <c r="T5" s="294" t="s">
        <v>50</v>
      </c>
      <c r="U5" s="294" t="s">
        <v>51</v>
      </c>
      <c r="V5" s="300" t="s">
        <v>45</v>
      </c>
      <c r="W5" s="560"/>
      <c r="X5" s="298" t="s">
        <v>43</v>
      </c>
      <c r="Y5" s="294" t="s">
        <v>44</v>
      </c>
      <c r="Z5" s="300" t="s">
        <v>45</v>
      </c>
      <c r="AA5" s="302" t="s">
        <v>83</v>
      </c>
      <c r="AB5" s="294" t="s">
        <v>47</v>
      </c>
      <c r="AC5" s="294" t="s">
        <v>48</v>
      </c>
      <c r="AD5" s="294" t="s">
        <v>49</v>
      </c>
      <c r="AE5" s="294" t="s">
        <v>50</v>
      </c>
      <c r="AF5" s="294" t="s">
        <v>51</v>
      </c>
      <c r="AG5" s="300" t="s">
        <v>45</v>
      </c>
      <c r="AH5" s="560"/>
      <c r="AI5" s="298" t="s">
        <v>43</v>
      </c>
      <c r="AJ5" s="294" t="s">
        <v>44</v>
      </c>
      <c r="AK5" s="300" t="s">
        <v>45</v>
      </c>
      <c r="AL5" s="302" t="s">
        <v>83</v>
      </c>
      <c r="AM5" s="294" t="s">
        <v>47</v>
      </c>
      <c r="AN5" s="294" t="s">
        <v>48</v>
      </c>
      <c r="AO5" s="294" t="s">
        <v>49</v>
      </c>
      <c r="AP5" s="294" t="s">
        <v>50</v>
      </c>
      <c r="AQ5" s="294" t="s">
        <v>51</v>
      </c>
      <c r="AR5" s="300" t="s">
        <v>45</v>
      </c>
      <c r="AS5" s="560"/>
      <c r="AT5" s="298" t="s">
        <v>43</v>
      </c>
      <c r="AU5" s="294" t="s">
        <v>44</v>
      </c>
      <c r="AV5" s="300" t="s">
        <v>45</v>
      </c>
      <c r="AW5" s="302" t="s">
        <v>83</v>
      </c>
      <c r="AX5" s="294" t="s">
        <v>47</v>
      </c>
      <c r="AY5" s="294" t="s">
        <v>48</v>
      </c>
      <c r="AZ5" s="294" t="s">
        <v>49</v>
      </c>
      <c r="BA5" s="294" t="s">
        <v>50</v>
      </c>
      <c r="BB5" s="294" t="s">
        <v>51</v>
      </c>
      <c r="BC5" s="303" t="s">
        <v>45</v>
      </c>
      <c r="BD5" s="560"/>
      <c r="BE5" s="298" t="s">
        <v>43</v>
      </c>
      <c r="BF5" s="294" t="s">
        <v>44</v>
      </c>
      <c r="BG5" s="300" t="s">
        <v>45</v>
      </c>
      <c r="BH5" s="302" t="s">
        <v>83</v>
      </c>
      <c r="BI5" s="294" t="s">
        <v>47</v>
      </c>
      <c r="BJ5" s="294" t="s">
        <v>48</v>
      </c>
      <c r="BK5" s="294" t="s">
        <v>49</v>
      </c>
      <c r="BL5" s="294" t="s">
        <v>50</v>
      </c>
      <c r="BM5" s="294" t="s">
        <v>51</v>
      </c>
      <c r="BN5" s="300" t="s">
        <v>45</v>
      </c>
      <c r="BO5" s="560"/>
      <c r="BP5" s="298" t="s">
        <v>43</v>
      </c>
      <c r="BQ5" s="294" t="s">
        <v>44</v>
      </c>
      <c r="BR5" s="300" t="s">
        <v>45</v>
      </c>
      <c r="BS5" s="302" t="s">
        <v>83</v>
      </c>
      <c r="BT5" s="294" t="s">
        <v>47</v>
      </c>
      <c r="BU5" s="294" t="s">
        <v>48</v>
      </c>
      <c r="BV5" s="294" t="s">
        <v>49</v>
      </c>
      <c r="BW5" s="294" t="s">
        <v>50</v>
      </c>
      <c r="BX5" s="294" t="s">
        <v>51</v>
      </c>
      <c r="BY5" s="300" t="s">
        <v>45</v>
      </c>
      <c r="BZ5" s="560"/>
      <c r="CA5" s="298" t="s">
        <v>43</v>
      </c>
      <c r="CB5" s="294" t="s">
        <v>44</v>
      </c>
      <c r="CC5" s="300" t="s">
        <v>45</v>
      </c>
      <c r="CD5" s="302" t="s">
        <v>83</v>
      </c>
      <c r="CE5" s="294" t="s">
        <v>47</v>
      </c>
      <c r="CF5" s="294" t="s">
        <v>48</v>
      </c>
      <c r="CG5" s="294" t="s">
        <v>49</v>
      </c>
      <c r="CH5" s="294" t="s">
        <v>50</v>
      </c>
      <c r="CI5" s="294" t="s">
        <v>51</v>
      </c>
      <c r="CJ5" s="300" t="s">
        <v>45</v>
      </c>
      <c r="CK5" s="560"/>
      <c r="CL5" s="298" t="s">
        <v>43</v>
      </c>
      <c r="CM5" s="294" t="s">
        <v>44</v>
      </c>
      <c r="CN5" s="300" t="s">
        <v>45</v>
      </c>
      <c r="CO5" s="302" t="s">
        <v>83</v>
      </c>
      <c r="CP5" s="294" t="s">
        <v>47</v>
      </c>
      <c r="CQ5" s="294" t="s">
        <v>48</v>
      </c>
      <c r="CR5" s="294" t="s">
        <v>49</v>
      </c>
      <c r="CS5" s="294" t="s">
        <v>50</v>
      </c>
      <c r="CT5" s="294" t="s">
        <v>51</v>
      </c>
      <c r="CU5" s="300" t="s">
        <v>45</v>
      </c>
      <c r="CV5" s="560"/>
      <c r="CW5" s="298" t="s">
        <v>43</v>
      </c>
      <c r="CX5" s="294" t="s">
        <v>44</v>
      </c>
      <c r="CY5" s="300" t="s">
        <v>45</v>
      </c>
      <c r="CZ5" s="302" t="s">
        <v>83</v>
      </c>
      <c r="DA5" s="294" t="s">
        <v>47</v>
      </c>
      <c r="DB5" s="294" t="s">
        <v>48</v>
      </c>
      <c r="DC5" s="294" t="s">
        <v>49</v>
      </c>
      <c r="DD5" s="294" t="s">
        <v>50</v>
      </c>
      <c r="DE5" s="294" t="s">
        <v>51</v>
      </c>
      <c r="DF5" s="300" t="s">
        <v>45</v>
      </c>
      <c r="DG5" s="560"/>
      <c r="DH5" s="386" t="s">
        <v>43</v>
      </c>
      <c r="DI5" s="294" t="s">
        <v>44</v>
      </c>
      <c r="DJ5" s="300" t="s">
        <v>45</v>
      </c>
      <c r="DK5" s="302" t="s">
        <v>83</v>
      </c>
      <c r="DL5" s="294" t="s">
        <v>47</v>
      </c>
      <c r="DM5" s="294" t="s">
        <v>48</v>
      </c>
      <c r="DN5" s="294" t="s">
        <v>49</v>
      </c>
      <c r="DO5" s="294" t="s">
        <v>50</v>
      </c>
      <c r="DP5" s="294" t="s">
        <v>51</v>
      </c>
      <c r="DQ5" s="300" t="s">
        <v>45</v>
      </c>
      <c r="DR5" s="560"/>
      <c r="DS5" s="298" t="s">
        <v>43</v>
      </c>
      <c r="DT5" s="294" t="s">
        <v>44</v>
      </c>
      <c r="DU5" s="300" t="s">
        <v>45</v>
      </c>
      <c r="DV5" s="302" t="s">
        <v>83</v>
      </c>
      <c r="DW5" s="294" t="s">
        <v>47</v>
      </c>
      <c r="DX5" s="294" t="s">
        <v>48</v>
      </c>
      <c r="DY5" s="294" t="s">
        <v>49</v>
      </c>
      <c r="DZ5" s="294" t="s">
        <v>50</v>
      </c>
      <c r="EA5" s="294" t="s">
        <v>51</v>
      </c>
      <c r="EB5" s="300" t="s">
        <v>45</v>
      </c>
      <c r="EC5" s="560"/>
      <c r="ED5" s="298" t="s">
        <v>43</v>
      </c>
      <c r="EE5" s="294" t="s">
        <v>44</v>
      </c>
      <c r="EF5" s="300" t="s">
        <v>45</v>
      </c>
      <c r="EG5" s="302" t="s">
        <v>83</v>
      </c>
      <c r="EH5" s="294" t="s">
        <v>47</v>
      </c>
      <c r="EI5" s="294" t="s">
        <v>48</v>
      </c>
      <c r="EJ5" s="294" t="s">
        <v>49</v>
      </c>
      <c r="EK5" s="294" t="s">
        <v>50</v>
      </c>
      <c r="EL5" s="294" t="s">
        <v>51</v>
      </c>
      <c r="EM5" s="300" t="s">
        <v>45</v>
      </c>
      <c r="EN5" s="560"/>
      <c r="EO5" s="298" t="s">
        <v>43</v>
      </c>
      <c r="EP5" s="294" t="s">
        <v>44</v>
      </c>
      <c r="EQ5" s="300" t="s">
        <v>45</v>
      </c>
      <c r="ER5" s="302" t="s">
        <v>83</v>
      </c>
      <c r="ES5" s="294" t="s">
        <v>47</v>
      </c>
      <c r="ET5" s="294" t="s">
        <v>48</v>
      </c>
      <c r="EU5" s="294" t="s">
        <v>49</v>
      </c>
      <c r="EV5" s="294" t="s">
        <v>50</v>
      </c>
      <c r="EW5" s="294" t="s">
        <v>51</v>
      </c>
      <c r="EX5" s="300" t="s">
        <v>45</v>
      </c>
      <c r="EY5" s="560"/>
    </row>
    <row r="6" spans="1:155" ht="19.5" customHeight="1" x14ac:dyDescent="0.2">
      <c r="A6" s="295" t="s">
        <v>4</v>
      </c>
      <c r="B6" s="304">
        <v>0</v>
      </c>
      <c r="C6" s="308">
        <v>0</v>
      </c>
      <c r="D6" s="436">
        <v>0</v>
      </c>
      <c r="E6" s="307">
        <v>0</v>
      </c>
      <c r="F6" s="308">
        <v>18978</v>
      </c>
      <c r="G6" s="308">
        <v>21944</v>
      </c>
      <c r="H6" s="308">
        <v>11837</v>
      </c>
      <c r="I6" s="308">
        <v>9536</v>
      </c>
      <c r="J6" s="308">
        <v>7050</v>
      </c>
      <c r="K6" s="309">
        <v>69345</v>
      </c>
      <c r="L6" s="310">
        <v>69345</v>
      </c>
      <c r="M6" s="304">
        <v>3</v>
      </c>
      <c r="N6" s="308">
        <v>27</v>
      </c>
      <c r="O6" s="305">
        <v>30</v>
      </c>
      <c r="P6" s="307">
        <v>0</v>
      </c>
      <c r="Q6" s="308">
        <v>128</v>
      </c>
      <c r="R6" s="308">
        <v>517</v>
      </c>
      <c r="S6" s="308">
        <v>830</v>
      </c>
      <c r="T6" s="308">
        <v>1915</v>
      </c>
      <c r="U6" s="308">
        <v>3381</v>
      </c>
      <c r="V6" s="305">
        <v>6771</v>
      </c>
      <c r="W6" s="310">
        <v>6801</v>
      </c>
      <c r="X6" s="304">
        <v>2073</v>
      </c>
      <c r="Y6" s="308">
        <v>5115</v>
      </c>
      <c r="Z6" s="305">
        <v>7188</v>
      </c>
      <c r="AA6" s="307">
        <v>0</v>
      </c>
      <c r="AB6" s="308">
        <v>10697</v>
      </c>
      <c r="AC6" s="308">
        <v>14899</v>
      </c>
      <c r="AD6" s="308">
        <v>8836</v>
      </c>
      <c r="AE6" s="308">
        <v>7957</v>
      </c>
      <c r="AF6" s="308">
        <v>6165</v>
      </c>
      <c r="AG6" s="305">
        <v>48554</v>
      </c>
      <c r="AH6" s="310">
        <v>55742</v>
      </c>
      <c r="AI6" s="304">
        <v>230</v>
      </c>
      <c r="AJ6" s="308">
        <v>708</v>
      </c>
      <c r="AK6" s="305">
        <v>938</v>
      </c>
      <c r="AL6" s="307">
        <v>0</v>
      </c>
      <c r="AM6" s="308">
        <v>935</v>
      </c>
      <c r="AN6" s="308">
        <v>1529</v>
      </c>
      <c r="AO6" s="308">
        <v>996</v>
      </c>
      <c r="AP6" s="308">
        <v>885</v>
      </c>
      <c r="AQ6" s="308">
        <v>576</v>
      </c>
      <c r="AR6" s="305">
        <v>4921</v>
      </c>
      <c r="AS6" s="310">
        <v>5859</v>
      </c>
      <c r="AT6" s="304">
        <v>2706</v>
      </c>
      <c r="AU6" s="308">
        <v>3584</v>
      </c>
      <c r="AV6" s="305">
        <v>6290</v>
      </c>
      <c r="AW6" s="307">
        <v>0</v>
      </c>
      <c r="AX6" s="308">
        <v>17123</v>
      </c>
      <c r="AY6" s="308">
        <v>20761</v>
      </c>
      <c r="AZ6" s="308">
        <v>17767</v>
      </c>
      <c r="BA6" s="308">
        <v>17481</v>
      </c>
      <c r="BB6" s="308">
        <v>13383</v>
      </c>
      <c r="BC6" s="309">
        <v>86515</v>
      </c>
      <c r="BD6" s="310">
        <v>92805</v>
      </c>
      <c r="BE6" s="304">
        <v>0</v>
      </c>
      <c r="BF6" s="308">
        <v>0</v>
      </c>
      <c r="BG6" s="305">
        <v>0</v>
      </c>
      <c r="BH6" s="307">
        <v>0</v>
      </c>
      <c r="BI6" s="308">
        <v>20171</v>
      </c>
      <c r="BJ6" s="308">
        <v>18949</v>
      </c>
      <c r="BK6" s="308">
        <v>10156</v>
      </c>
      <c r="BL6" s="308">
        <v>6118</v>
      </c>
      <c r="BM6" s="308">
        <v>2887</v>
      </c>
      <c r="BN6" s="305">
        <v>58281</v>
      </c>
      <c r="BO6" s="310">
        <v>58281</v>
      </c>
      <c r="BP6" s="304">
        <v>1384</v>
      </c>
      <c r="BQ6" s="308">
        <v>2250</v>
      </c>
      <c r="BR6" s="305">
        <v>3634</v>
      </c>
      <c r="BS6" s="307">
        <v>0</v>
      </c>
      <c r="BT6" s="308">
        <v>3812</v>
      </c>
      <c r="BU6" s="308">
        <v>5779</v>
      </c>
      <c r="BV6" s="308">
        <v>3302</v>
      </c>
      <c r="BW6" s="308">
        <v>2175</v>
      </c>
      <c r="BX6" s="308">
        <v>799</v>
      </c>
      <c r="BY6" s="305">
        <v>15867</v>
      </c>
      <c r="BZ6" s="310">
        <v>19501</v>
      </c>
      <c r="CA6" s="304">
        <v>39</v>
      </c>
      <c r="CB6" s="308">
        <v>175</v>
      </c>
      <c r="CC6" s="305">
        <v>214</v>
      </c>
      <c r="CD6" s="307">
        <v>0</v>
      </c>
      <c r="CE6" s="308">
        <v>1773</v>
      </c>
      <c r="CF6" s="308">
        <v>2874</v>
      </c>
      <c r="CG6" s="308">
        <v>3765</v>
      </c>
      <c r="CH6" s="308">
        <v>2744</v>
      </c>
      <c r="CI6" s="308">
        <v>1503</v>
      </c>
      <c r="CJ6" s="305">
        <v>12659</v>
      </c>
      <c r="CK6" s="310">
        <v>12873</v>
      </c>
      <c r="CL6" s="304">
        <v>0</v>
      </c>
      <c r="CM6" s="308">
        <v>19</v>
      </c>
      <c r="CN6" s="305">
        <v>19</v>
      </c>
      <c r="CO6" s="307">
        <v>0</v>
      </c>
      <c r="CP6" s="308">
        <v>144</v>
      </c>
      <c r="CQ6" s="308">
        <v>363</v>
      </c>
      <c r="CR6" s="308">
        <v>441</v>
      </c>
      <c r="CS6" s="308">
        <v>370</v>
      </c>
      <c r="CT6" s="308">
        <v>270</v>
      </c>
      <c r="CU6" s="305">
        <v>1588</v>
      </c>
      <c r="CV6" s="310">
        <v>1607</v>
      </c>
      <c r="CW6" s="304">
        <v>0</v>
      </c>
      <c r="CX6" s="308">
        <v>0</v>
      </c>
      <c r="CY6" s="305">
        <v>0</v>
      </c>
      <c r="CZ6" s="307">
        <v>0</v>
      </c>
      <c r="DA6" s="308">
        <v>0</v>
      </c>
      <c r="DB6" s="308">
        <v>0</v>
      </c>
      <c r="DC6" s="308">
        <v>0</v>
      </c>
      <c r="DD6" s="308">
        <v>0</v>
      </c>
      <c r="DE6" s="308">
        <v>0</v>
      </c>
      <c r="DF6" s="305">
        <v>0</v>
      </c>
      <c r="DG6" s="310">
        <v>0</v>
      </c>
      <c r="DH6" s="304">
        <v>0</v>
      </c>
      <c r="DI6" s="308">
        <v>0</v>
      </c>
      <c r="DJ6" s="305">
        <v>0</v>
      </c>
      <c r="DK6" s="307">
        <v>0</v>
      </c>
      <c r="DL6" s="308">
        <v>0</v>
      </c>
      <c r="DM6" s="308">
        <v>0</v>
      </c>
      <c r="DN6" s="308">
        <v>0</v>
      </c>
      <c r="DO6" s="308">
        <v>0</v>
      </c>
      <c r="DP6" s="308">
        <v>0</v>
      </c>
      <c r="DQ6" s="305">
        <v>0</v>
      </c>
      <c r="DR6" s="310">
        <v>0</v>
      </c>
      <c r="DS6" s="304">
        <v>10140</v>
      </c>
      <c r="DT6" s="308">
        <v>21593</v>
      </c>
      <c r="DU6" s="305">
        <v>31733</v>
      </c>
      <c r="DV6" s="307">
        <v>0</v>
      </c>
      <c r="DW6" s="308">
        <v>25824</v>
      </c>
      <c r="DX6" s="308">
        <v>43445</v>
      </c>
      <c r="DY6" s="308">
        <v>25412</v>
      </c>
      <c r="DZ6" s="308">
        <v>19933</v>
      </c>
      <c r="EA6" s="308">
        <v>12568</v>
      </c>
      <c r="EB6" s="305">
        <v>127182</v>
      </c>
      <c r="EC6" s="310">
        <v>158915</v>
      </c>
      <c r="ED6" s="304">
        <v>1707</v>
      </c>
      <c r="EE6" s="308">
        <v>1337</v>
      </c>
      <c r="EF6" s="305">
        <v>3044</v>
      </c>
      <c r="EG6" s="307">
        <v>0</v>
      </c>
      <c r="EH6" s="308">
        <v>5871</v>
      </c>
      <c r="EI6" s="308">
        <v>5359</v>
      </c>
      <c r="EJ6" s="308">
        <v>4503</v>
      </c>
      <c r="EK6" s="308">
        <v>5102</v>
      </c>
      <c r="EL6" s="308">
        <v>3006</v>
      </c>
      <c r="EM6" s="305">
        <v>23841</v>
      </c>
      <c r="EN6" s="310">
        <v>26885</v>
      </c>
      <c r="EO6" s="304">
        <v>12974</v>
      </c>
      <c r="EP6" s="308">
        <v>25654</v>
      </c>
      <c r="EQ6" s="305">
        <v>38628</v>
      </c>
      <c r="ER6" s="307">
        <v>0</v>
      </c>
      <c r="ES6" s="308">
        <v>54559</v>
      </c>
      <c r="ET6" s="308">
        <v>57670</v>
      </c>
      <c r="EU6" s="308">
        <v>30179</v>
      </c>
      <c r="EV6" s="308">
        <v>21253</v>
      </c>
      <c r="EW6" s="308">
        <v>12839</v>
      </c>
      <c r="EX6" s="305">
        <v>176500</v>
      </c>
      <c r="EY6" s="310">
        <v>215128</v>
      </c>
    </row>
    <row r="7" spans="1:155" ht="19.5" customHeight="1" x14ac:dyDescent="0.2">
      <c r="A7" s="296" t="s">
        <v>5</v>
      </c>
      <c r="B7" s="311">
        <v>0</v>
      </c>
      <c r="C7" s="315">
        <v>0</v>
      </c>
      <c r="D7" s="437">
        <v>0</v>
      </c>
      <c r="E7" s="314">
        <v>0</v>
      </c>
      <c r="F7" s="315">
        <v>6709</v>
      </c>
      <c r="G7" s="315">
        <v>10957</v>
      </c>
      <c r="H7" s="315">
        <v>5221</v>
      </c>
      <c r="I7" s="315">
        <v>3919</v>
      </c>
      <c r="J7" s="315">
        <v>2900</v>
      </c>
      <c r="K7" s="316">
        <v>29706</v>
      </c>
      <c r="L7" s="317">
        <v>29706</v>
      </c>
      <c r="M7" s="311">
        <v>1</v>
      </c>
      <c r="N7" s="315">
        <v>12</v>
      </c>
      <c r="O7" s="312">
        <v>13</v>
      </c>
      <c r="P7" s="314">
        <v>0</v>
      </c>
      <c r="Q7" s="315">
        <v>32</v>
      </c>
      <c r="R7" s="315">
        <v>199</v>
      </c>
      <c r="S7" s="315">
        <v>326</v>
      </c>
      <c r="T7" s="315">
        <v>748</v>
      </c>
      <c r="U7" s="315">
        <v>1463</v>
      </c>
      <c r="V7" s="312">
        <v>2768</v>
      </c>
      <c r="W7" s="317">
        <v>2781</v>
      </c>
      <c r="X7" s="311">
        <v>893</v>
      </c>
      <c r="Y7" s="315">
        <v>2677</v>
      </c>
      <c r="Z7" s="312">
        <v>3570</v>
      </c>
      <c r="AA7" s="314">
        <v>0</v>
      </c>
      <c r="AB7" s="315">
        <v>3900</v>
      </c>
      <c r="AC7" s="315">
        <v>7708</v>
      </c>
      <c r="AD7" s="315">
        <v>4179</v>
      </c>
      <c r="AE7" s="315">
        <v>3545</v>
      </c>
      <c r="AF7" s="315">
        <v>2698</v>
      </c>
      <c r="AG7" s="312">
        <v>22030</v>
      </c>
      <c r="AH7" s="317">
        <v>25600</v>
      </c>
      <c r="AI7" s="311">
        <v>100</v>
      </c>
      <c r="AJ7" s="315">
        <v>359</v>
      </c>
      <c r="AK7" s="312">
        <v>459</v>
      </c>
      <c r="AL7" s="314">
        <v>0</v>
      </c>
      <c r="AM7" s="315">
        <v>242</v>
      </c>
      <c r="AN7" s="315">
        <v>670</v>
      </c>
      <c r="AO7" s="315">
        <v>400</v>
      </c>
      <c r="AP7" s="315">
        <v>356</v>
      </c>
      <c r="AQ7" s="315">
        <v>228</v>
      </c>
      <c r="AR7" s="312">
        <v>1896</v>
      </c>
      <c r="AS7" s="317">
        <v>2355</v>
      </c>
      <c r="AT7" s="311">
        <v>1101</v>
      </c>
      <c r="AU7" s="315">
        <v>1664</v>
      </c>
      <c r="AV7" s="312">
        <v>2765</v>
      </c>
      <c r="AW7" s="314">
        <v>0</v>
      </c>
      <c r="AX7" s="315">
        <v>6199</v>
      </c>
      <c r="AY7" s="315">
        <v>9154</v>
      </c>
      <c r="AZ7" s="315">
        <v>7289</v>
      </c>
      <c r="BA7" s="315">
        <v>7004</v>
      </c>
      <c r="BB7" s="315">
        <v>5493</v>
      </c>
      <c r="BC7" s="316">
        <v>35139</v>
      </c>
      <c r="BD7" s="317">
        <v>37904</v>
      </c>
      <c r="BE7" s="311">
        <v>0</v>
      </c>
      <c r="BF7" s="315">
        <v>0</v>
      </c>
      <c r="BG7" s="312">
        <v>0</v>
      </c>
      <c r="BH7" s="314">
        <v>0</v>
      </c>
      <c r="BI7" s="315">
        <v>6412</v>
      </c>
      <c r="BJ7" s="315">
        <v>8021</v>
      </c>
      <c r="BK7" s="315">
        <v>3852</v>
      </c>
      <c r="BL7" s="315">
        <v>2198</v>
      </c>
      <c r="BM7" s="315">
        <v>1075</v>
      </c>
      <c r="BN7" s="312">
        <v>21558</v>
      </c>
      <c r="BO7" s="317">
        <v>21558</v>
      </c>
      <c r="BP7" s="311">
        <v>614</v>
      </c>
      <c r="BQ7" s="315">
        <v>1012</v>
      </c>
      <c r="BR7" s="312">
        <v>1626</v>
      </c>
      <c r="BS7" s="314">
        <v>0</v>
      </c>
      <c r="BT7" s="315">
        <v>1206</v>
      </c>
      <c r="BU7" s="315">
        <v>2776</v>
      </c>
      <c r="BV7" s="315">
        <v>1568</v>
      </c>
      <c r="BW7" s="315">
        <v>953</v>
      </c>
      <c r="BX7" s="315">
        <v>377</v>
      </c>
      <c r="BY7" s="312">
        <v>6880</v>
      </c>
      <c r="BZ7" s="317">
        <v>8506</v>
      </c>
      <c r="CA7" s="311">
        <v>13</v>
      </c>
      <c r="CB7" s="315">
        <v>66</v>
      </c>
      <c r="CC7" s="312">
        <v>79</v>
      </c>
      <c r="CD7" s="314">
        <v>0</v>
      </c>
      <c r="CE7" s="315">
        <v>487</v>
      </c>
      <c r="CF7" s="315">
        <v>1053</v>
      </c>
      <c r="CG7" s="315">
        <v>1342</v>
      </c>
      <c r="CH7" s="315">
        <v>1003</v>
      </c>
      <c r="CI7" s="315">
        <v>553</v>
      </c>
      <c r="CJ7" s="312">
        <v>4438</v>
      </c>
      <c r="CK7" s="317">
        <v>4517</v>
      </c>
      <c r="CL7" s="311">
        <v>0</v>
      </c>
      <c r="CM7" s="315">
        <v>18</v>
      </c>
      <c r="CN7" s="312">
        <v>18</v>
      </c>
      <c r="CO7" s="314">
        <v>0</v>
      </c>
      <c r="CP7" s="315">
        <v>74</v>
      </c>
      <c r="CQ7" s="315">
        <v>209</v>
      </c>
      <c r="CR7" s="315">
        <v>257</v>
      </c>
      <c r="CS7" s="315">
        <v>207</v>
      </c>
      <c r="CT7" s="315">
        <v>167</v>
      </c>
      <c r="CU7" s="312">
        <v>914</v>
      </c>
      <c r="CV7" s="317">
        <v>932</v>
      </c>
      <c r="CW7" s="311">
        <v>0</v>
      </c>
      <c r="CX7" s="315">
        <v>0</v>
      </c>
      <c r="CY7" s="312">
        <v>0</v>
      </c>
      <c r="CZ7" s="314">
        <v>0</v>
      </c>
      <c r="DA7" s="315">
        <v>0</v>
      </c>
      <c r="DB7" s="315">
        <v>0</v>
      </c>
      <c r="DC7" s="315">
        <v>0</v>
      </c>
      <c r="DD7" s="315">
        <v>0</v>
      </c>
      <c r="DE7" s="315">
        <v>0</v>
      </c>
      <c r="DF7" s="312">
        <v>0</v>
      </c>
      <c r="DG7" s="317">
        <v>0</v>
      </c>
      <c r="DH7" s="311">
        <v>0</v>
      </c>
      <c r="DI7" s="315">
        <v>0</v>
      </c>
      <c r="DJ7" s="312">
        <v>0</v>
      </c>
      <c r="DK7" s="314">
        <v>0</v>
      </c>
      <c r="DL7" s="315">
        <v>0</v>
      </c>
      <c r="DM7" s="315">
        <v>0</v>
      </c>
      <c r="DN7" s="315">
        <v>0</v>
      </c>
      <c r="DO7" s="315">
        <v>0</v>
      </c>
      <c r="DP7" s="315">
        <v>0</v>
      </c>
      <c r="DQ7" s="312">
        <v>0</v>
      </c>
      <c r="DR7" s="317">
        <v>0</v>
      </c>
      <c r="DS7" s="311">
        <v>3396</v>
      </c>
      <c r="DT7" s="315">
        <v>9231</v>
      </c>
      <c r="DU7" s="312">
        <v>12627</v>
      </c>
      <c r="DV7" s="314">
        <v>0</v>
      </c>
      <c r="DW7" s="315">
        <v>7255</v>
      </c>
      <c r="DX7" s="315">
        <v>19403</v>
      </c>
      <c r="DY7" s="315">
        <v>10477</v>
      </c>
      <c r="DZ7" s="315">
        <v>7872</v>
      </c>
      <c r="EA7" s="315">
        <v>5143</v>
      </c>
      <c r="EB7" s="312">
        <v>50150</v>
      </c>
      <c r="EC7" s="317">
        <v>62777</v>
      </c>
      <c r="ED7" s="311">
        <v>701</v>
      </c>
      <c r="EE7" s="315">
        <v>524</v>
      </c>
      <c r="EF7" s="312">
        <v>1225</v>
      </c>
      <c r="EG7" s="314">
        <v>0</v>
      </c>
      <c r="EH7" s="315">
        <v>2381</v>
      </c>
      <c r="EI7" s="315">
        <v>2552</v>
      </c>
      <c r="EJ7" s="315">
        <v>1989</v>
      </c>
      <c r="EK7" s="315">
        <v>2194</v>
      </c>
      <c r="EL7" s="315">
        <v>1248</v>
      </c>
      <c r="EM7" s="312">
        <v>10364</v>
      </c>
      <c r="EN7" s="317">
        <v>11589</v>
      </c>
      <c r="EO7" s="311">
        <v>4653</v>
      </c>
      <c r="EP7" s="315">
        <v>11284</v>
      </c>
      <c r="EQ7" s="312">
        <v>15937</v>
      </c>
      <c r="ER7" s="314">
        <v>0</v>
      </c>
      <c r="ES7" s="315">
        <v>17689</v>
      </c>
      <c r="ET7" s="315">
        <v>26337</v>
      </c>
      <c r="EU7" s="315">
        <v>12572</v>
      </c>
      <c r="EV7" s="315">
        <v>8540</v>
      </c>
      <c r="EW7" s="315">
        <v>5296</v>
      </c>
      <c r="EX7" s="312">
        <v>70434</v>
      </c>
      <c r="EY7" s="317">
        <v>86371</v>
      </c>
    </row>
    <row r="8" spans="1:155" ht="19.5" customHeight="1" x14ac:dyDescent="0.2">
      <c r="A8" s="296" t="s">
        <v>6</v>
      </c>
      <c r="B8" s="311">
        <v>0</v>
      </c>
      <c r="C8" s="315">
        <v>0</v>
      </c>
      <c r="D8" s="437">
        <v>0</v>
      </c>
      <c r="E8" s="314">
        <v>0</v>
      </c>
      <c r="F8" s="315">
        <v>3353</v>
      </c>
      <c r="G8" s="315">
        <v>2885</v>
      </c>
      <c r="H8" s="315">
        <v>1751</v>
      </c>
      <c r="I8" s="315">
        <v>1564</v>
      </c>
      <c r="J8" s="315">
        <v>1134</v>
      </c>
      <c r="K8" s="316">
        <v>10687</v>
      </c>
      <c r="L8" s="317">
        <v>10687</v>
      </c>
      <c r="M8" s="311">
        <v>0</v>
      </c>
      <c r="N8" s="315">
        <v>4</v>
      </c>
      <c r="O8" s="312">
        <v>4</v>
      </c>
      <c r="P8" s="314">
        <v>0</v>
      </c>
      <c r="Q8" s="315">
        <v>19</v>
      </c>
      <c r="R8" s="315">
        <v>59</v>
      </c>
      <c r="S8" s="315">
        <v>111</v>
      </c>
      <c r="T8" s="315">
        <v>291</v>
      </c>
      <c r="U8" s="315">
        <v>505</v>
      </c>
      <c r="V8" s="312">
        <v>985</v>
      </c>
      <c r="W8" s="317">
        <v>989</v>
      </c>
      <c r="X8" s="311">
        <v>327</v>
      </c>
      <c r="Y8" s="315">
        <v>678</v>
      </c>
      <c r="Z8" s="312">
        <v>1005</v>
      </c>
      <c r="AA8" s="314">
        <v>0</v>
      </c>
      <c r="AB8" s="315">
        <v>1928</v>
      </c>
      <c r="AC8" s="315">
        <v>1869</v>
      </c>
      <c r="AD8" s="315">
        <v>1178</v>
      </c>
      <c r="AE8" s="315">
        <v>1205</v>
      </c>
      <c r="AF8" s="315">
        <v>903</v>
      </c>
      <c r="AG8" s="312">
        <v>7083</v>
      </c>
      <c r="AH8" s="317">
        <v>8088</v>
      </c>
      <c r="AI8" s="311">
        <v>19</v>
      </c>
      <c r="AJ8" s="315">
        <v>56</v>
      </c>
      <c r="AK8" s="312">
        <v>75</v>
      </c>
      <c r="AL8" s="314">
        <v>0</v>
      </c>
      <c r="AM8" s="315">
        <v>133</v>
      </c>
      <c r="AN8" s="315">
        <v>160</v>
      </c>
      <c r="AO8" s="315">
        <v>111</v>
      </c>
      <c r="AP8" s="315">
        <v>98</v>
      </c>
      <c r="AQ8" s="315">
        <v>57</v>
      </c>
      <c r="AR8" s="312">
        <v>559</v>
      </c>
      <c r="AS8" s="317">
        <v>634</v>
      </c>
      <c r="AT8" s="311">
        <v>457</v>
      </c>
      <c r="AU8" s="315">
        <v>542</v>
      </c>
      <c r="AV8" s="312">
        <v>999</v>
      </c>
      <c r="AW8" s="314">
        <v>0</v>
      </c>
      <c r="AX8" s="315">
        <v>3137</v>
      </c>
      <c r="AY8" s="315">
        <v>3338</v>
      </c>
      <c r="AZ8" s="315">
        <v>2961</v>
      </c>
      <c r="BA8" s="315">
        <v>3128</v>
      </c>
      <c r="BB8" s="315">
        <v>2399</v>
      </c>
      <c r="BC8" s="316">
        <v>14963</v>
      </c>
      <c r="BD8" s="317">
        <v>15962</v>
      </c>
      <c r="BE8" s="311">
        <v>0</v>
      </c>
      <c r="BF8" s="315">
        <v>0</v>
      </c>
      <c r="BG8" s="312">
        <v>0</v>
      </c>
      <c r="BH8" s="314">
        <v>0</v>
      </c>
      <c r="BI8" s="315">
        <v>3445</v>
      </c>
      <c r="BJ8" s="315">
        <v>2473</v>
      </c>
      <c r="BK8" s="315">
        <v>1421</v>
      </c>
      <c r="BL8" s="315">
        <v>965</v>
      </c>
      <c r="BM8" s="315">
        <v>453</v>
      </c>
      <c r="BN8" s="312">
        <v>8757</v>
      </c>
      <c r="BO8" s="317">
        <v>8757</v>
      </c>
      <c r="BP8" s="311">
        <v>92</v>
      </c>
      <c r="BQ8" s="315">
        <v>177</v>
      </c>
      <c r="BR8" s="312">
        <v>269</v>
      </c>
      <c r="BS8" s="314">
        <v>0</v>
      </c>
      <c r="BT8" s="315">
        <v>490</v>
      </c>
      <c r="BU8" s="315">
        <v>614</v>
      </c>
      <c r="BV8" s="315">
        <v>407</v>
      </c>
      <c r="BW8" s="315">
        <v>304</v>
      </c>
      <c r="BX8" s="315">
        <v>96</v>
      </c>
      <c r="BY8" s="312">
        <v>1911</v>
      </c>
      <c r="BZ8" s="317">
        <v>2180</v>
      </c>
      <c r="CA8" s="311">
        <v>5</v>
      </c>
      <c r="CB8" s="315">
        <v>17</v>
      </c>
      <c r="CC8" s="312">
        <v>22</v>
      </c>
      <c r="CD8" s="314">
        <v>0</v>
      </c>
      <c r="CE8" s="315">
        <v>237</v>
      </c>
      <c r="CF8" s="315">
        <v>322</v>
      </c>
      <c r="CG8" s="315">
        <v>406</v>
      </c>
      <c r="CH8" s="315">
        <v>325</v>
      </c>
      <c r="CI8" s="315">
        <v>183</v>
      </c>
      <c r="CJ8" s="312">
        <v>1473</v>
      </c>
      <c r="CK8" s="317">
        <v>1495</v>
      </c>
      <c r="CL8" s="311">
        <v>0</v>
      </c>
      <c r="CM8" s="315">
        <v>0</v>
      </c>
      <c r="CN8" s="312">
        <v>0</v>
      </c>
      <c r="CO8" s="314">
        <v>0</v>
      </c>
      <c r="CP8" s="315">
        <v>13</v>
      </c>
      <c r="CQ8" s="315">
        <v>37</v>
      </c>
      <c r="CR8" s="315">
        <v>55</v>
      </c>
      <c r="CS8" s="315">
        <v>53</v>
      </c>
      <c r="CT8" s="315">
        <v>32</v>
      </c>
      <c r="CU8" s="312">
        <v>190</v>
      </c>
      <c r="CV8" s="317">
        <v>190</v>
      </c>
      <c r="CW8" s="311">
        <v>0</v>
      </c>
      <c r="CX8" s="315">
        <v>0</v>
      </c>
      <c r="CY8" s="312">
        <v>0</v>
      </c>
      <c r="CZ8" s="314">
        <v>0</v>
      </c>
      <c r="DA8" s="315">
        <v>0</v>
      </c>
      <c r="DB8" s="315">
        <v>0</v>
      </c>
      <c r="DC8" s="315">
        <v>0</v>
      </c>
      <c r="DD8" s="315">
        <v>0</v>
      </c>
      <c r="DE8" s="315">
        <v>0</v>
      </c>
      <c r="DF8" s="312">
        <v>0</v>
      </c>
      <c r="DG8" s="317">
        <v>0</v>
      </c>
      <c r="DH8" s="311">
        <v>0</v>
      </c>
      <c r="DI8" s="315">
        <v>0</v>
      </c>
      <c r="DJ8" s="312">
        <v>0</v>
      </c>
      <c r="DK8" s="314">
        <v>0</v>
      </c>
      <c r="DL8" s="315">
        <v>0</v>
      </c>
      <c r="DM8" s="315">
        <v>0</v>
      </c>
      <c r="DN8" s="315">
        <v>0</v>
      </c>
      <c r="DO8" s="315">
        <v>0</v>
      </c>
      <c r="DP8" s="315">
        <v>0</v>
      </c>
      <c r="DQ8" s="312">
        <v>0</v>
      </c>
      <c r="DR8" s="317">
        <v>0</v>
      </c>
      <c r="DS8" s="311">
        <v>1530</v>
      </c>
      <c r="DT8" s="315">
        <v>2706</v>
      </c>
      <c r="DU8" s="312">
        <v>4236</v>
      </c>
      <c r="DV8" s="314">
        <v>0</v>
      </c>
      <c r="DW8" s="315">
        <v>4813</v>
      </c>
      <c r="DX8" s="315">
        <v>5550</v>
      </c>
      <c r="DY8" s="315">
        <v>3672</v>
      </c>
      <c r="DZ8" s="315">
        <v>3238</v>
      </c>
      <c r="EA8" s="315">
        <v>1994</v>
      </c>
      <c r="EB8" s="312">
        <v>19267</v>
      </c>
      <c r="EC8" s="317">
        <v>23503</v>
      </c>
      <c r="ED8" s="311">
        <v>247</v>
      </c>
      <c r="EE8" s="315">
        <v>175</v>
      </c>
      <c r="EF8" s="312">
        <v>422</v>
      </c>
      <c r="EG8" s="314">
        <v>0</v>
      </c>
      <c r="EH8" s="315">
        <v>806</v>
      </c>
      <c r="EI8" s="315">
        <v>686</v>
      </c>
      <c r="EJ8" s="315">
        <v>639</v>
      </c>
      <c r="EK8" s="315">
        <v>774</v>
      </c>
      <c r="EL8" s="315">
        <v>500</v>
      </c>
      <c r="EM8" s="312">
        <v>3405</v>
      </c>
      <c r="EN8" s="317">
        <v>3827</v>
      </c>
      <c r="EO8" s="311">
        <v>1874</v>
      </c>
      <c r="EP8" s="315">
        <v>3185</v>
      </c>
      <c r="EQ8" s="312">
        <v>5059</v>
      </c>
      <c r="ER8" s="314">
        <v>0</v>
      </c>
      <c r="ES8" s="315">
        <v>9145</v>
      </c>
      <c r="ET8" s="315">
        <v>7132</v>
      </c>
      <c r="EU8" s="315">
        <v>4200</v>
      </c>
      <c r="EV8" s="315">
        <v>3318</v>
      </c>
      <c r="EW8" s="315">
        <v>2014</v>
      </c>
      <c r="EX8" s="312">
        <v>25809</v>
      </c>
      <c r="EY8" s="317">
        <v>30868</v>
      </c>
    </row>
    <row r="9" spans="1:155" ht="19.5" customHeight="1" x14ac:dyDescent="0.2">
      <c r="A9" s="296" t="s">
        <v>14</v>
      </c>
      <c r="B9" s="311">
        <v>0</v>
      </c>
      <c r="C9" s="315">
        <v>0</v>
      </c>
      <c r="D9" s="437">
        <v>0</v>
      </c>
      <c r="E9" s="314">
        <v>0</v>
      </c>
      <c r="F9" s="315">
        <v>1169</v>
      </c>
      <c r="G9" s="315">
        <v>1522</v>
      </c>
      <c r="H9" s="315">
        <v>869</v>
      </c>
      <c r="I9" s="315">
        <v>663</v>
      </c>
      <c r="J9" s="315">
        <v>445</v>
      </c>
      <c r="K9" s="316">
        <v>4668</v>
      </c>
      <c r="L9" s="317">
        <v>4668</v>
      </c>
      <c r="M9" s="311">
        <v>0</v>
      </c>
      <c r="N9" s="315">
        <v>3</v>
      </c>
      <c r="O9" s="312">
        <v>3</v>
      </c>
      <c r="P9" s="314">
        <v>0</v>
      </c>
      <c r="Q9" s="315">
        <v>8</v>
      </c>
      <c r="R9" s="315">
        <v>27</v>
      </c>
      <c r="S9" s="315">
        <v>62</v>
      </c>
      <c r="T9" s="315">
        <v>131</v>
      </c>
      <c r="U9" s="315">
        <v>214</v>
      </c>
      <c r="V9" s="312">
        <v>442</v>
      </c>
      <c r="W9" s="317">
        <v>445</v>
      </c>
      <c r="X9" s="311">
        <v>120</v>
      </c>
      <c r="Y9" s="315">
        <v>362</v>
      </c>
      <c r="Z9" s="312">
        <v>482</v>
      </c>
      <c r="AA9" s="314">
        <v>0</v>
      </c>
      <c r="AB9" s="315">
        <v>616</v>
      </c>
      <c r="AC9" s="315">
        <v>966</v>
      </c>
      <c r="AD9" s="315">
        <v>643</v>
      </c>
      <c r="AE9" s="315">
        <v>586</v>
      </c>
      <c r="AF9" s="315">
        <v>438</v>
      </c>
      <c r="AG9" s="312">
        <v>3249</v>
      </c>
      <c r="AH9" s="317">
        <v>3731</v>
      </c>
      <c r="AI9" s="311">
        <v>7</v>
      </c>
      <c r="AJ9" s="315">
        <v>37</v>
      </c>
      <c r="AK9" s="312">
        <v>44</v>
      </c>
      <c r="AL9" s="314">
        <v>0</v>
      </c>
      <c r="AM9" s="315">
        <v>20</v>
      </c>
      <c r="AN9" s="315">
        <v>59</v>
      </c>
      <c r="AO9" s="315">
        <v>57</v>
      </c>
      <c r="AP9" s="315">
        <v>42</v>
      </c>
      <c r="AQ9" s="315">
        <v>24</v>
      </c>
      <c r="AR9" s="312">
        <v>202</v>
      </c>
      <c r="AS9" s="317">
        <v>246</v>
      </c>
      <c r="AT9" s="311">
        <v>181</v>
      </c>
      <c r="AU9" s="315">
        <v>294</v>
      </c>
      <c r="AV9" s="312">
        <v>475</v>
      </c>
      <c r="AW9" s="314">
        <v>0</v>
      </c>
      <c r="AX9" s="315">
        <v>1278</v>
      </c>
      <c r="AY9" s="315">
        <v>1517</v>
      </c>
      <c r="AZ9" s="315">
        <v>1430</v>
      </c>
      <c r="BA9" s="315">
        <v>1271</v>
      </c>
      <c r="BB9" s="315">
        <v>921</v>
      </c>
      <c r="BC9" s="316">
        <v>6417</v>
      </c>
      <c r="BD9" s="317">
        <v>6892</v>
      </c>
      <c r="BE9" s="311">
        <v>0</v>
      </c>
      <c r="BF9" s="315">
        <v>0</v>
      </c>
      <c r="BG9" s="312">
        <v>0</v>
      </c>
      <c r="BH9" s="314">
        <v>0</v>
      </c>
      <c r="BI9" s="315">
        <v>1431</v>
      </c>
      <c r="BJ9" s="315">
        <v>1447</v>
      </c>
      <c r="BK9" s="315">
        <v>979</v>
      </c>
      <c r="BL9" s="315">
        <v>600</v>
      </c>
      <c r="BM9" s="315">
        <v>270</v>
      </c>
      <c r="BN9" s="312">
        <v>4727</v>
      </c>
      <c r="BO9" s="317">
        <v>4727</v>
      </c>
      <c r="BP9" s="311">
        <v>73</v>
      </c>
      <c r="BQ9" s="315">
        <v>176</v>
      </c>
      <c r="BR9" s="312">
        <v>249</v>
      </c>
      <c r="BS9" s="314">
        <v>0</v>
      </c>
      <c r="BT9" s="315">
        <v>137</v>
      </c>
      <c r="BU9" s="315">
        <v>350</v>
      </c>
      <c r="BV9" s="315">
        <v>213</v>
      </c>
      <c r="BW9" s="315">
        <v>167</v>
      </c>
      <c r="BX9" s="315">
        <v>41</v>
      </c>
      <c r="BY9" s="312">
        <v>908</v>
      </c>
      <c r="BZ9" s="317">
        <v>1157</v>
      </c>
      <c r="CA9" s="311">
        <v>2</v>
      </c>
      <c r="CB9" s="315">
        <v>12</v>
      </c>
      <c r="CC9" s="312">
        <v>14</v>
      </c>
      <c r="CD9" s="314">
        <v>0</v>
      </c>
      <c r="CE9" s="315">
        <v>113</v>
      </c>
      <c r="CF9" s="315">
        <v>193</v>
      </c>
      <c r="CG9" s="315">
        <v>329</v>
      </c>
      <c r="CH9" s="315">
        <v>253</v>
      </c>
      <c r="CI9" s="315">
        <v>130</v>
      </c>
      <c r="CJ9" s="312">
        <v>1018</v>
      </c>
      <c r="CK9" s="317">
        <v>1032</v>
      </c>
      <c r="CL9" s="311">
        <v>0</v>
      </c>
      <c r="CM9" s="315">
        <v>0</v>
      </c>
      <c r="CN9" s="312">
        <v>0</v>
      </c>
      <c r="CO9" s="314">
        <v>0</v>
      </c>
      <c r="CP9" s="315">
        <v>2</v>
      </c>
      <c r="CQ9" s="315">
        <v>6</v>
      </c>
      <c r="CR9" s="315">
        <v>6</v>
      </c>
      <c r="CS9" s="315">
        <v>9</v>
      </c>
      <c r="CT9" s="315">
        <v>5</v>
      </c>
      <c r="CU9" s="312">
        <v>28</v>
      </c>
      <c r="CV9" s="317">
        <v>28</v>
      </c>
      <c r="CW9" s="311">
        <v>0</v>
      </c>
      <c r="CX9" s="315">
        <v>0</v>
      </c>
      <c r="CY9" s="312">
        <v>0</v>
      </c>
      <c r="CZ9" s="314">
        <v>0</v>
      </c>
      <c r="DA9" s="315">
        <v>0</v>
      </c>
      <c r="DB9" s="315">
        <v>0</v>
      </c>
      <c r="DC9" s="315">
        <v>0</v>
      </c>
      <c r="DD9" s="315">
        <v>0</v>
      </c>
      <c r="DE9" s="315">
        <v>0</v>
      </c>
      <c r="DF9" s="312">
        <v>0</v>
      </c>
      <c r="DG9" s="317">
        <v>0</v>
      </c>
      <c r="DH9" s="311">
        <v>0</v>
      </c>
      <c r="DI9" s="315">
        <v>0</v>
      </c>
      <c r="DJ9" s="312">
        <v>0</v>
      </c>
      <c r="DK9" s="314">
        <v>0</v>
      </c>
      <c r="DL9" s="315">
        <v>0</v>
      </c>
      <c r="DM9" s="315">
        <v>0</v>
      </c>
      <c r="DN9" s="315">
        <v>0</v>
      </c>
      <c r="DO9" s="315">
        <v>0</v>
      </c>
      <c r="DP9" s="315">
        <v>0</v>
      </c>
      <c r="DQ9" s="312">
        <v>0</v>
      </c>
      <c r="DR9" s="317">
        <v>0</v>
      </c>
      <c r="DS9" s="311">
        <v>772</v>
      </c>
      <c r="DT9" s="315">
        <v>2166</v>
      </c>
      <c r="DU9" s="312">
        <v>2938</v>
      </c>
      <c r="DV9" s="314">
        <v>0</v>
      </c>
      <c r="DW9" s="315">
        <v>1674</v>
      </c>
      <c r="DX9" s="315">
        <v>3391</v>
      </c>
      <c r="DY9" s="315">
        <v>2108</v>
      </c>
      <c r="DZ9" s="315">
        <v>1637</v>
      </c>
      <c r="EA9" s="315">
        <v>903</v>
      </c>
      <c r="EB9" s="312">
        <v>9713</v>
      </c>
      <c r="EC9" s="317">
        <v>12651</v>
      </c>
      <c r="ED9" s="311">
        <v>131</v>
      </c>
      <c r="EE9" s="315">
        <v>120</v>
      </c>
      <c r="EF9" s="312">
        <v>251</v>
      </c>
      <c r="EG9" s="314">
        <v>0</v>
      </c>
      <c r="EH9" s="315">
        <v>340</v>
      </c>
      <c r="EI9" s="315">
        <v>272</v>
      </c>
      <c r="EJ9" s="315">
        <v>259</v>
      </c>
      <c r="EK9" s="315">
        <v>283</v>
      </c>
      <c r="EL9" s="315">
        <v>149</v>
      </c>
      <c r="EM9" s="312">
        <v>1303</v>
      </c>
      <c r="EN9" s="317">
        <v>1554</v>
      </c>
      <c r="EO9" s="311">
        <v>934</v>
      </c>
      <c r="EP9" s="315">
        <v>2420</v>
      </c>
      <c r="EQ9" s="312">
        <v>3354</v>
      </c>
      <c r="ER9" s="314">
        <v>0</v>
      </c>
      <c r="ES9" s="315">
        <v>3710</v>
      </c>
      <c r="ET9" s="315">
        <v>4442</v>
      </c>
      <c r="EU9" s="315">
        <v>2546</v>
      </c>
      <c r="EV9" s="315">
        <v>1787</v>
      </c>
      <c r="EW9" s="315">
        <v>942</v>
      </c>
      <c r="EX9" s="312">
        <v>13427</v>
      </c>
      <c r="EY9" s="317">
        <v>16781</v>
      </c>
    </row>
    <row r="10" spans="1:155" ht="19.5" customHeight="1" x14ac:dyDescent="0.2">
      <c r="A10" s="296" t="s">
        <v>7</v>
      </c>
      <c r="B10" s="311">
        <v>0</v>
      </c>
      <c r="C10" s="315">
        <v>0</v>
      </c>
      <c r="D10" s="437">
        <v>0</v>
      </c>
      <c r="E10" s="314">
        <v>0</v>
      </c>
      <c r="F10" s="315">
        <v>1487</v>
      </c>
      <c r="G10" s="315">
        <v>1104</v>
      </c>
      <c r="H10" s="315">
        <v>605</v>
      </c>
      <c r="I10" s="315">
        <v>536</v>
      </c>
      <c r="J10" s="315">
        <v>364</v>
      </c>
      <c r="K10" s="316">
        <v>4096</v>
      </c>
      <c r="L10" s="317">
        <v>4096</v>
      </c>
      <c r="M10" s="311">
        <v>0</v>
      </c>
      <c r="N10" s="315">
        <v>0</v>
      </c>
      <c r="O10" s="312">
        <v>0</v>
      </c>
      <c r="P10" s="314">
        <v>0</v>
      </c>
      <c r="Q10" s="315">
        <v>16</v>
      </c>
      <c r="R10" s="315">
        <v>40</v>
      </c>
      <c r="S10" s="315">
        <v>54</v>
      </c>
      <c r="T10" s="315">
        <v>118</v>
      </c>
      <c r="U10" s="315">
        <v>180</v>
      </c>
      <c r="V10" s="312">
        <v>408</v>
      </c>
      <c r="W10" s="317">
        <v>408</v>
      </c>
      <c r="X10" s="311">
        <v>11</v>
      </c>
      <c r="Y10" s="315">
        <v>24</v>
      </c>
      <c r="Z10" s="312">
        <v>35</v>
      </c>
      <c r="AA10" s="314">
        <v>0</v>
      </c>
      <c r="AB10" s="315">
        <v>431</v>
      </c>
      <c r="AC10" s="315">
        <v>468</v>
      </c>
      <c r="AD10" s="315">
        <v>314</v>
      </c>
      <c r="AE10" s="315">
        <v>301</v>
      </c>
      <c r="AF10" s="315">
        <v>258</v>
      </c>
      <c r="AG10" s="312">
        <v>1772</v>
      </c>
      <c r="AH10" s="317">
        <v>1807</v>
      </c>
      <c r="AI10" s="311">
        <v>4</v>
      </c>
      <c r="AJ10" s="315">
        <v>5</v>
      </c>
      <c r="AK10" s="312">
        <v>9</v>
      </c>
      <c r="AL10" s="314">
        <v>0</v>
      </c>
      <c r="AM10" s="315">
        <v>43</v>
      </c>
      <c r="AN10" s="315">
        <v>58</v>
      </c>
      <c r="AO10" s="315">
        <v>31</v>
      </c>
      <c r="AP10" s="315">
        <v>47</v>
      </c>
      <c r="AQ10" s="315">
        <v>24</v>
      </c>
      <c r="AR10" s="312">
        <v>203</v>
      </c>
      <c r="AS10" s="317">
        <v>212</v>
      </c>
      <c r="AT10" s="311">
        <v>125</v>
      </c>
      <c r="AU10" s="315">
        <v>101</v>
      </c>
      <c r="AV10" s="312">
        <v>226</v>
      </c>
      <c r="AW10" s="314">
        <v>0</v>
      </c>
      <c r="AX10" s="315">
        <v>1124</v>
      </c>
      <c r="AY10" s="315">
        <v>1049</v>
      </c>
      <c r="AZ10" s="315">
        <v>906</v>
      </c>
      <c r="BA10" s="315">
        <v>929</v>
      </c>
      <c r="BB10" s="315">
        <v>604</v>
      </c>
      <c r="BC10" s="316">
        <v>4612</v>
      </c>
      <c r="BD10" s="317">
        <v>4838</v>
      </c>
      <c r="BE10" s="311">
        <v>0</v>
      </c>
      <c r="BF10" s="315">
        <v>0</v>
      </c>
      <c r="BG10" s="312">
        <v>0</v>
      </c>
      <c r="BH10" s="314">
        <v>0</v>
      </c>
      <c r="BI10" s="315">
        <v>1592</v>
      </c>
      <c r="BJ10" s="315">
        <v>1070</v>
      </c>
      <c r="BK10" s="315">
        <v>495</v>
      </c>
      <c r="BL10" s="315">
        <v>328</v>
      </c>
      <c r="BM10" s="315">
        <v>139</v>
      </c>
      <c r="BN10" s="312">
        <v>3624</v>
      </c>
      <c r="BO10" s="317">
        <v>3624</v>
      </c>
      <c r="BP10" s="311">
        <v>38</v>
      </c>
      <c r="BQ10" s="315">
        <v>39</v>
      </c>
      <c r="BR10" s="312">
        <v>77</v>
      </c>
      <c r="BS10" s="314">
        <v>0</v>
      </c>
      <c r="BT10" s="315">
        <v>220</v>
      </c>
      <c r="BU10" s="315">
        <v>215</v>
      </c>
      <c r="BV10" s="315">
        <v>112</v>
      </c>
      <c r="BW10" s="315">
        <v>52</v>
      </c>
      <c r="BX10" s="315">
        <v>14</v>
      </c>
      <c r="BY10" s="312">
        <v>613</v>
      </c>
      <c r="BZ10" s="317">
        <v>690</v>
      </c>
      <c r="CA10" s="311">
        <v>2</v>
      </c>
      <c r="CB10" s="315">
        <v>2</v>
      </c>
      <c r="CC10" s="312">
        <v>4</v>
      </c>
      <c r="CD10" s="314">
        <v>0</v>
      </c>
      <c r="CE10" s="315">
        <v>177</v>
      </c>
      <c r="CF10" s="315">
        <v>234</v>
      </c>
      <c r="CG10" s="315">
        <v>229</v>
      </c>
      <c r="CH10" s="315">
        <v>140</v>
      </c>
      <c r="CI10" s="315">
        <v>90</v>
      </c>
      <c r="CJ10" s="312">
        <v>870</v>
      </c>
      <c r="CK10" s="317">
        <v>874</v>
      </c>
      <c r="CL10" s="311">
        <v>0</v>
      </c>
      <c r="CM10" s="315">
        <v>0</v>
      </c>
      <c r="CN10" s="312">
        <v>0</v>
      </c>
      <c r="CO10" s="314">
        <v>0</v>
      </c>
      <c r="CP10" s="315">
        <v>2</v>
      </c>
      <c r="CQ10" s="315">
        <v>12</v>
      </c>
      <c r="CR10" s="315">
        <v>13</v>
      </c>
      <c r="CS10" s="315">
        <v>6</v>
      </c>
      <c r="CT10" s="315">
        <v>5</v>
      </c>
      <c r="CU10" s="312">
        <v>38</v>
      </c>
      <c r="CV10" s="317">
        <v>38</v>
      </c>
      <c r="CW10" s="311">
        <v>0</v>
      </c>
      <c r="CX10" s="315">
        <v>0</v>
      </c>
      <c r="CY10" s="312">
        <v>0</v>
      </c>
      <c r="CZ10" s="314">
        <v>0</v>
      </c>
      <c r="DA10" s="315">
        <v>0</v>
      </c>
      <c r="DB10" s="315">
        <v>0</v>
      </c>
      <c r="DC10" s="315">
        <v>0</v>
      </c>
      <c r="DD10" s="315">
        <v>0</v>
      </c>
      <c r="DE10" s="315">
        <v>0</v>
      </c>
      <c r="DF10" s="312">
        <v>0</v>
      </c>
      <c r="DG10" s="317">
        <v>0</v>
      </c>
      <c r="DH10" s="311">
        <v>0</v>
      </c>
      <c r="DI10" s="315">
        <v>0</v>
      </c>
      <c r="DJ10" s="312">
        <v>0</v>
      </c>
      <c r="DK10" s="314">
        <v>0</v>
      </c>
      <c r="DL10" s="315">
        <v>0</v>
      </c>
      <c r="DM10" s="315">
        <v>0</v>
      </c>
      <c r="DN10" s="315">
        <v>0</v>
      </c>
      <c r="DO10" s="315">
        <v>0</v>
      </c>
      <c r="DP10" s="315">
        <v>0</v>
      </c>
      <c r="DQ10" s="312">
        <v>0</v>
      </c>
      <c r="DR10" s="317">
        <v>0</v>
      </c>
      <c r="DS10" s="311">
        <v>293</v>
      </c>
      <c r="DT10" s="315">
        <v>636</v>
      </c>
      <c r="DU10" s="312">
        <v>929</v>
      </c>
      <c r="DV10" s="314">
        <v>0</v>
      </c>
      <c r="DW10" s="315">
        <v>1900</v>
      </c>
      <c r="DX10" s="315">
        <v>2259</v>
      </c>
      <c r="DY10" s="315">
        <v>1260</v>
      </c>
      <c r="DZ10" s="315">
        <v>980</v>
      </c>
      <c r="EA10" s="315">
        <v>583</v>
      </c>
      <c r="EB10" s="312">
        <v>6982</v>
      </c>
      <c r="EC10" s="317">
        <v>7911</v>
      </c>
      <c r="ED10" s="311">
        <v>102</v>
      </c>
      <c r="EE10" s="315">
        <v>54</v>
      </c>
      <c r="EF10" s="312">
        <v>156</v>
      </c>
      <c r="EG10" s="314">
        <v>0</v>
      </c>
      <c r="EH10" s="315">
        <v>491</v>
      </c>
      <c r="EI10" s="315">
        <v>281</v>
      </c>
      <c r="EJ10" s="315">
        <v>248</v>
      </c>
      <c r="EK10" s="315">
        <v>282</v>
      </c>
      <c r="EL10" s="315">
        <v>129</v>
      </c>
      <c r="EM10" s="312">
        <v>1431</v>
      </c>
      <c r="EN10" s="317">
        <v>1587</v>
      </c>
      <c r="EO10" s="311">
        <v>339</v>
      </c>
      <c r="EP10" s="315">
        <v>684</v>
      </c>
      <c r="EQ10" s="312">
        <v>1023</v>
      </c>
      <c r="ER10" s="314">
        <v>0</v>
      </c>
      <c r="ES10" s="315">
        <v>4202</v>
      </c>
      <c r="ET10" s="315">
        <v>3034</v>
      </c>
      <c r="EU10" s="315">
        <v>1523</v>
      </c>
      <c r="EV10" s="315">
        <v>1062</v>
      </c>
      <c r="EW10" s="315">
        <v>606</v>
      </c>
      <c r="EX10" s="312">
        <v>10427</v>
      </c>
      <c r="EY10" s="317">
        <v>11450</v>
      </c>
    </row>
    <row r="11" spans="1:155" ht="19.5" customHeight="1" x14ac:dyDescent="0.2">
      <c r="A11" s="296" t="s">
        <v>8</v>
      </c>
      <c r="B11" s="311">
        <v>0</v>
      </c>
      <c r="C11" s="315">
        <v>0</v>
      </c>
      <c r="D11" s="437">
        <v>0</v>
      </c>
      <c r="E11" s="314">
        <v>0</v>
      </c>
      <c r="F11" s="315">
        <v>491</v>
      </c>
      <c r="G11" s="315">
        <v>611</v>
      </c>
      <c r="H11" s="315">
        <v>351</v>
      </c>
      <c r="I11" s="315">
        <v>285</v>
      </c>
      <c r="J11" s="315">
        <v>240</v>
      </c>
      <c r="K11" s="316">
        <v>1978</v>
      </c>
      <c r="L11" s="317">
        <v>1978</v>
      </c>
      <c r="M11" s="311">
        <v>0</v>
      </c>
      <c r="N11" s="315">
        <v>0</v>
      </c>
      <c r="O11" s="312">
        <v>0</v>
      </c>
      <c r="P11" s="314">
        <v>0</v>
      </c>
      <c r="Q11" s="315">
        <v>4</v>
      </c>
      <c r="R11" s="315">
        <v>18</v>
      </c>
      <c r="S11" s="315">
        <v>30</v>
      </c>
      <c r="T11" s="315">
        <v>49</v>
      </c>
      <c r="U11" s="315">
        <v>95</v>
      </c>
      <c r="V11" s="312">
        <v>196</v>
      </c>
      <c r="W11" s="317">
        <v>196</v>
      </c>
      <c r="X11" s="311">
        <v>53</v>
      </c>
      <c r="Y11" s="315">
        <v>75</v>
      </c>
      <c r="Z11" s="312">
        <v>128</v>
      </c>
      <c r="AA11" s="314">
        <v>0</v>
      </c>
      <c r="AB11" s="315">
        <v>264</v>
      </c>
      <c r="AC11" s="315">
        <v>360</v>
      </c>
      <c r="AD11" s="315">
        <v>238</v>
      </c>
      <c r="AE11" s="315">
        <v>206</v>
      </c>
      <c r="AF11" s="315">
        <v>184</v>
      </c>
      <c r="AG11" s="312">
        <v>1252</v>
      </c>
      <c r="AH11" s="317">
        <v>1380</v>
      </c>
      <c r="AI11" s="311">
        <v>5</v>
      </c>
      <c r="AJ11" s="315">
        <v>14</v>
      </c>
      <c r="AK11" s="312">
        <v>19</v>
      </c>
      <c r="AL11" s="314">
        <v>0</v>
      </c>
      <c r="AM11" s="315">
        <v>44</v>
      </c>
      <c r="AN11" s="315">
        <v>74</v>
      </c>
      <c r="AO11" s="315">
        <v>54</v>
      </c>
      <c r="AP11" s="315">
        <v>31</v>
      </c>
      <c r="AQ11" s="315">
        <v>25</v>
      </c>
      <c r="AR11" s="312">
        <v>228</v>
      </c>
      <c r="AS11" s="317">
        <v>247</v>
      </c>
      <c r="AT11" s="311">
        <v>73</v>
      </c>
      <c r="AU11" s="315">
        <v>49</v>
      </c>
      <c r="AV11" s="312">
        <v>122</v>
      </c>
      <c r="AW11" s="314">
        <v>0</v>
      </c>
      <c r="AX11" s="315">
        <v>444</v>
      </c>
      <c r="AY11" s="315">
        <v>526</v>
      </c>
      <c r="AZ11" s="315">
        <v>496</v>
      </c>
      <c r="BA11" s="315">
        <v>473</v>
      </c>
      <c r="BB11" s="315">
        <v>364</v>
      </c>
      <c r="BC11" s="316">
        <v>2303</v>
      </c>
      <c r="BD11" s="317">
        <v>2425</v>
      </c>
      <c r="BE11" s="311">
        <v>0</v>
      </c>
      <c r="BF11" s="315">
        <v>0</v>
      </c>
      <c r="BG11" s="312">
        <v>0</v>
      </c>
      <c r="BH11" s="314">
        <v>0</v>
      </c>
      <c r="BI11" s="315">
        <v>564</v>
      </c>
      <c r="BJ11" s="315">
        <v>597</v>
      </c>
      <c r="BK11" s="315">
        <v>353</v>
      </c>
      <c r="BL11" s="315">
        <v>181</v>
      </c>
      <c r="BM11" s="315">
        <v>115</v>
      </c>
      <c r="BN11" s="312">
        <v>1810</v>
      </c>
      <c r="BO11" s="317">
        <v>1810</v>
      </c>
      <c r="BP11" s="311">
        <v>54</v>
      </c>
      <c r="BQ11" s="315">
        <v>61</v>
      </c>
      <c r="BR11" s="312">
        <v>115</v>
      </c>
      <c r="BS11" s="314">
        <v>0</v>
      </c>
      <c r="BT11" s="315">
        <v>94</v>
      </c>
      <c r="BU11" s="315">
        <v>129</v>
      </c>
      <c r="BV11" s="315">
        <v>66</v>
      </c>
      <c r="BW11" s="315">
        <v>45</v>
      </c>
      <c r="BX11" s="315">
        <v>10</v>
      </c>
      <c r="BY11" s="312">
        <v>344</v>
      </c>
      <c r="BZ11" s="317">
        <v>459</v>
      </c>
      <c r="CA11" s="311">
        <v>0</v>
      </c>
      <c r="CB11" s="315">
        <v>10</v>
      </c>
      <c r="CC11" s="312">
        <v>10</v>
      </c>
      <c r="CD11" s="314">
        <v>0</v>
      </c>
      <c r="CE11" s="315">
        <v>63</v>
      </c>
      <c r="CF11" s="315">
        <v>136</v>
      </c>
      <c r="CG11" s="315">
        <v>170</v>
      </c>
      <c r="CH11" s="315">
        <v>93</v>
      </c>
      <c r="CI11" s="315">
        <v>57</v>
      </c>
      <c r="CJ11" s="312">
        <v>519</v>
      </c>
      <c r="CK11" s="317">
        <v>529</v>
      </c>
      <c r="CL11" s="311">
        <v>0</v>
      </c>
      <c r="CM11" s="315">
        <v>0</v>
      </c>
      <c r="CN11" s="312">
        <v>0</v>
      </c>
      <c r="CO11" s="314">
        <v>0</v>
      </c>
      <c r="CP11" s="315">
        <v>1</v>
      </c>
      <c r="CQ11" s="315">
        <v>4</v>
      </c>
      <c r="CR11" s="315">
        <v>8</v>
      </c>
      <c r="CS11" s="315">
        <v>0</v>
      </c>
      <c r="CT11" s="315">
        <v>1</v>
      </c>
      <c r="CU11" s="312">
        <v>14</v>
      </c>
      <c r="CV11" s="317">
        <v>14</v>
      </c>
      <c r="CW11" s="311">
        <v>0</v>
      </c>
      <c r="CX11" s="315">
        <v>0</v>
      </c>
      <c r="CY11" s="312">
        <v>0</v>
      </c>
      <c r="CZ11" s="314">
        <v>0</v>
      </c>
      <c r="DA11" s="315">
        <v>0</v>
      </c>
      <c r="DB11" s="315">
        <v>0</v>
      </c>
      <c r="DC11" s="315">
        <v>0</v>
      </c>
      <c r="DD11" s="315">
        <v>0</v>
      </c>
      <c r="DE11" s="315">
        <v>0</v>
      </c>
      <c r="DF11" s="312">
        <v>0</v>
      </c>
      <c r="DG11" s="317">
        <v>0</v>
      </c>
      <c r="DH11" s="311">
        <v>0</v>
      </c>
      <c r="DI11" s="315">
        <v>0</v>
      </c>
      <c r="DJ11" s="312">
        <v>0</v>
      </c>
      <c r="DK11" s="314">
        <v>0</v>
      </c>
      <c r="DL11" s="315">
        <v>0</v>
      </c>
      <c r="DM11" s="315">
        <v>0</v>
      </c>
      <c r="DN11" s="315">
        <v>0</v>
      </c>
      <c r="DO11" s="315">
        <v>0</v>
      </c>
      <c r="DP11" s="315">
        <v>0</v>
      </c>
      <c r="DQ11" s="312">
        <v>0</v>
      </c>
      <c r="DR11" s="317">
        <v>0</v>
      </c>
      <c r="DS11" s="311">
        <v>352</v>
      </c>
      <c r="DT11" s="315">
        <v>544</v>
      </c>
      <c r="DU11" s="312">
        <v>896</v>
      </c>
      <c r="DV11" s="314">
        <v>0</v>
      </c>
      <c r="DW11" s="315">
        <v>902</v>
      </c>
      <c r="DX11" s="315">
        <v>1419</v>
      </c>
      <c r="DY11" s="315">
        <v>827</v>
      </c>
      <c r="DZ11" s="315">
        <v>580</v>
      </c>
      <c r="EA11" s="315">
        <v>414</v>
      </c>
      <c r="EB11" s="312">
        <v>4142</v>
      </c>
      <c r="EC11" s="317">
        <v>5038</v>
      </c>
      <c r="ED11" s="311">
        <v>60</v>
      </c>
      <c r="EE11" s="315">
        <v>19</v>
      </c>
      <c r="EF11" s="312">
        <v>79</v>
      </c>
      <c r="EG11" s="314">
        <v>0</v>
      </c>
      <c r="EH11" s="315">
        <v>153</v>
      </c>
      <c r="EI11" s="315">
        <v>115</v>
      </c>
      <c r="EJ11" s="315">
        <v>104</v>
      </c>
      <c r="EK11" s="315">
        <v>134</v>
      </c>
      <c r="EL11" s="315">
        <v>70</v>
      </c>
      <c r="EM11" s="312">
        <v>576</v>
      </c>
      <c r="EN11" s="317">
        <v>655</v>
      </c>
      <c r="EO11" s="311">
        <v>436</v>
      </c>
      <c r="EP11" s="315">
        <v>619</v>
      </c>
      <c r="EQ11" s="312">
        <v>1055</v>
      </c>
      <c r="ER11" s="314">
        <v>0</v>
      </c>
      <c r="ES11" s="315">
        <v>1736</v>
      </c>
      <c r="ET11" s="315">
        <v>1838</v>
      </c>
      <c r="EU11" s="315">
        <v>987</v>
      </c>
      <c r="EV11" s="315">
        <v>620</v>
      </c>
      <c r="EW11" s="315">
        <v>423</v>
      </c>
      <c r="EX11" s="312">
        <v>5604</v>
      </c>
      <c r="EY11" s="317">
        <v>6659</v>
      </c>
    </row>
    <row r="12" spans="1:155" ht="19.5" customHeight="1" x14ac:dyDescent="0.2">
      <c r="A12" s="296" t="s">
        <v>9</v>
      </c>
      <c r="B12" s="311">
        <v>0</v>
      </c>
      <c r="C12" s="315">
        <v>0</v>
      </c>
      <c r="D12" s="437">
        <v>0</v>
      </c>
      <c r="E12" s="314">
        <v>0</v>
      </c>
      <c r="F12" s="315">
        <v>626</v>
      </c>
      <c r="G12" s="315">
        <v>524</v>
      </c>
      <c r="H12" s="315">
        <v>344</v>
      </c>
      <c r="I12" s="315">
        <v>350</v>
      </c>
      <c r="J12" s="315">
        <v>252</v>
      </c>
      <c r="K12" s="316">
        <v>2096</v>
      </c>
      <c r="L12" s="317">
        <v>2096</v>
      </c>
      <c r="M12" s="311">
        <v>0</v>
      </c>
      <c r="N12" s="315">
        <v>0</v>
      </c>
      <c r="O12" s="312">
        <v>0</v>
      </c>
      <c r="P12" s="314">
        <v>0</v>
      </c>
      <c r="Q12" s="315">
        <v>7</v>
      </c>
      <c r="R12" s="315">
        <v>9</v>
      </c>
      <c r="S12" s="315">
        <v>21</v>
      </c>
      <c r="T12" s="315">
        <v>61</v>
      </c>
      <c r="U12" s="315">
        <v>105</v>
      </c>
      <c r="V12" s="312">
        <v>203</v>
      </c>
      <c r="W12" s="317">
        <v>203</v>
      </c>
      <c r="X12" s="311">
        <v>31</v>
      </c>
      <c r="Y12" s="315">
        <v>67</v>
      </c>
      <c r="Z12" s="312">
        <v>98</v>
      </c>
      <c r="AA12" s="314">
        <v>0</v>
      </c>
      <c r="AB12" s="315">
        <v>341</v>
      </c>
      <c r="AC12" s="315">
        <v>283</v>
      </c>
      <c r="AD12" s="315">
        <v>227</v>
      </c>
      <c r="AE12" s="315">
        <v>254</v>
      </c>
      <c r="AF12" s="315">
        <v>179</v>
      </c>
      <c r="AG12" s="312">
        <v>1284</v>
      </c>
      <c r="AH12" s="317">
        <v>1382</v>
      </c>
      <c r="AI12" s="311">
        <v>6</v>
      </c>
      <c r="AJ12" s="315">
        <v>15</v>
      </c>
      <c r="AK12" s="312">
        <v>21</v>
      </c>
      <c r="AL12" s="314">
        <v>0</v>
      </c>
      <c r="AM12" s="315">
        <v>49</v>
      </c>
      <c r="AN12" s="315">
        <v>56</v>
      </c>
      <c r="AO12" s="315">
        <v>49</v>
      </c>
      <c r="AP12" s="315">
        <v>53</v>
      </c>
      <c r="AQ12" s="315">
        <v>42</v>
      </c>
      <c r="AR12" s="312">
        <v>249</v>
      </c>
      <c r="AS12" s="317">
        <v>270</v>
      </c>
      <c r="AT12" s="311">
        <v>75</v>
      </c>
      <c r="AU12" s="315">
        <v>67</v>
      </c>
      <c r="AV12" s="312">
        <v>142</v>
      </c>
      <c r="AW12" s="314">
        <v>0</v>
      </c>
      <c r="AX12" s="315">
        <v>487</v>
      </c>
      <c r="AY12" s="315">
        <v>516</v>
      </c>
      <c r="AZ12" s="315">
        <v>561</v>
      </c>
      <c r="BA12" s="315">
        <v>539</v>
      </c>
      <c r="BB12" s="315">
        <v>393</v>
      </c>
      <c r="BC12" s="316">
        <v>2496</v>
      </c>
      <c r="BD12" s="317">
        <v>2638</v>
      </c>
      <c r="BE12" s="311">
        <v>0</v>
      </c>
      <c r="BF12" s="315">
        <v>0</v>
      </c>
      <c r="BG12" s="312">
        <v>0</v>
      </c>
      <c r="BH12" s="314">
        <v>0</v>
      </c>
      <c r="BI12" s="315">
        <v>542</v>
      </c>
      <c r="BJ12" s="315">
        <v>377</v>
      </c>
      <c r="BK12" s="315">
        <v>220</v>
      </c>
      <c r="BL12" s="315">
        <v>157</v>
      </c>
      <c r="BM12" s="315">
        <v>62</v>
      </c>
      <c r="BN12" s="312">
        <v>1358</v>
      </c>
      <c r="BO12" s="317">
        <v>1358</v>
      </c>
      <c r="BP12" s="311">
        <v>34</v>
      </c>
      <c r="BQ12" s="315">
        <v>53</v>
      </c>
      <c r="BR12" s="312">
        <v>87</v>
      </c>
      <c r="BS12" s="314">
        <v>0</v>
      </c>
      <c r="BT12" s="315">
        <v>121</v>
      </c>
      <c r="BU12" s="315">
        <v>114</v>
      </c>
      <c r="BV12" s="315">
        <v>63</v>
      </c>
      <c r="BW12" s="315">
        <v>76</v>
      </c>
      <c r="BX12" s="315">
        <v>19</v>
      </c>
      <c r="BY12" s="312">
        <v>393</v>
      </c>
      <c r="BZ12" s="317">
        <v>480</v>
      </c>
      <c r="CA12" s="311">
        <v>2</v>
      </c>
      <c r="CB12" s="315">
        <v>1</v>
      </c>
      <c r="CC12" s="312">
        <v>3</v>
      </c>
      <c r="CD12" s="314">
        <v>0</v>
      </c>
      <c r="CE12" s="315">
        <v>42</v>
      </c>
      <c r="CF12" s="315">
        <v>78</v>
      </c>
      <c r="CG12" s="315">
        <v>111</v>
      </c>
      <c r="CH12" s="315">
        <v>100</v>
      </c>
      <c r="CI12" s="315">
        <v>57</v>
      </c>
      <c r="CJ12" s="312">
        <v>388</v>
      </c>
      <c r="CK12" s="317">
        <v>391</v>
      </c>
      <c r="CL12" s="311">
        <v>0</v>
      </c>
      <c r="CM12" s="315">
        <v>0</v>
      </c>
      <c r="CN12" s="312">
        <v>0</v>
      </c>
      <c r="CO12" s="314">
        <v>0</v>
      </c>
      <c r="CP12" s="315">
        <v>7</v>
      </c>
      <c r="CQ12" s="315">
        <v>18</v>
      </c>
      <c r="CR12" s="315">
        <v>20</v>
      </c>
      <c r="CS12" s="315">
        <v>20</v>
      </c>
      <c r="CT12" s="315">
        <v>8</v>
      </c>
      <c r="CU12" s="312">
        <v>73</v>
      </c>
      <c r="CV12" s="317">
        <v>73</v>
      </c>
      <c r="CW12" s="311">
        <v>0</v>
      </c>
      <c r="CX12" s="315">
        <v>0</v>
      </c>
      <c r="CY12" s="312">
        <v>0</v>
      </c>
      <c r="CZ12" s="314">
        <v>0</v>
      </c>
      <c r="DA12" s="315">
        <v>0</v>
      </c>
      <c r="DB12" s="315">
        <v>0</v>
      </c>
      <c r="DC12" s="315">
        <v>0</v>
      </c>
      <c r="DD12" s="315">
        <v>0</v>
      </c>
      <c r="DE12" s="315">
        <v>0</v>
      </c>
      <c r="DF12" s="312">
        <v>0</v>
      </c>
      <c r="DG12" s="317">
        <v>0</v>
      </c>
      <c r="DH12" s="311">
        <v>0</v>
      </c>
      <c r="DI12" s="315">
        <v>0</v>
      </c>
      <c r="DJ12" s="312">
        <v>0</v>
      </c>
      <c r="DK12" s="314">
        <v>0</v>
      </c>
      <c r="DL12" s="315">
        <v>0</v>
      </c>
      <c r="DM12" s="315">
        <v>0</v>
      </c>
      <c r="DN12" s="315">
        <v>0</v>
      </c>
      <c r="DO12" s="315">
        <v>0</v>
      </c>
      <c r="DP12" s="315">
        <v>0</v>
      </c>
      <c r="DQ12" s="312">
        <v>0</v>
      </c>
      <c r="DR12" s="317">
        <v>0</v>
      </c>
      <c r="DS12" s="311">
        <v>345</v>
      </c>
      <c r="DT12" s="315">
        <v>464</v>
      </c>
      <c r="DU12" s="312">
        <v>809</v>
      </c>
      <c r="DV12" s="314">
        <v>0</v>
      </c>
      <c r="DW12" s="315">
        <v>930</v>
      </c>
      <c r="DX12" s="315">
        <v>988</v>
      </c>
      <c r="DY12" s="315">
        <v>636</v>
      </c>
      <c r="DZ12" s="315">
        <v>583</v>
      </c>
      <c r="EA12" s="315">
        <v>364</v>
      </c>
      <c r="EB12" s="312">
        <v>3501</v>
      </c>
      <c r="EC12" s="317">
        <v>4310</v>
      </c>
      <c r="ED12" s="311">
        <v>52</v>
      </c>
      <c r="EE12" s="315">
        <v>34</v>
      </c>
      <c r="EF12" s="312">
        <v>86</v>
      </c>
      <c r="EG12" s="314">
        <v>0</v>
      </c>
      <c r="EH12" s="315">
        <v>181</v>
      </c>
      <c r="EI12" s="315">
        <v>156</v>
      </c>
      <c r="EJ12" s="315">
        <v>147</v>
      </c>
      <c r="EK12" s="315">
        <v>150</v>
      </c>
      <c r="EL12" s="315">
        <v>109</v>
      </c>
      <c r="EM12" s="312">
        <v>743</v>
      </c>
      <c r="EN12" s="317">
        <v>829</v>
      </c>
      <c r="EO12" s="311">
        <v>394</v>
      </c>
      <c r="EP12" s="315">
        <v>525</v>
      </c>
      <c r="EQ12" s="312">
        <v>919</v>
      </c>
      <c r="ER12" s="314">
        <v>0</v>
      </c>
      <c r="ES12" s="315">
        <v>1642</v>
      </c>
      <c r="ET12" s="315">
        <v>1267</v>
      </c>
      <c r="EU12" s="315">
        <v>753</v>
      </c>
      <c r="EV12" s="315">
        <v>613</v>
      </c>
      <c r="EW12" s="315">
        <v>366</v>
      </c>
      <c r="EX12" s="312">
        <v>4641</v>
      </c>
      <c r="EY12" s="317">
        <v>5560</v>
      </c>
    </row>
    <row r="13" spans="1:155" ht="19.5" customHeight="1" x14ac:dyDescent="0.2">
      <c r="A13" s="296" t="s">
        <v>10</v>
      </c>
      <c r="B13" s="311">
        <v>0</v>
      </c>
      <c r="C13" s="315">
        <v>0</v>
      </c>
      <c r="D13" s="437">
        <v>0</v>
      </c>
      <c r="E13" s="314">
        <v>0</v>
      </c>
      <c r="F13" s="315">
        <v>1313</v>
      </c>
      <c r="G13" s="315">
        <v>670</v>
      </c>
      <c r="H13" s="315">
        <v>428</v>
      </c>
      <c r="I13" s="315">
        <v>407</v>
      </c>
      <c r="J13" s="315">
        <v>325</v>
      </c>
      <c r="K13" s="316">
        <v>3143</v>
      </c>
      <c r="L13" s="317">
        <v>3143</v>
      </c>
      <c r="M13" s="311">
        <v>0</v>
      </c>
      <c r="N13" s="315">
        <v>0</v>
      </c>
      <c r="O13" s="312">
        <v>0</v>
      </c>
      <c r="P13" s="314">
        <v>0</v>
      </c>
      <c r="Q13" s="315">
        <v>12</v>
      </c>
      <c r="R13" s="315">
        <v>26</v>
      </c>
      <c r="S13" s="315">
        <v>30</v>
      </c>
      <c r="T13" s="315">
        <v>93</v>
      </c>
      <c r="U13" s="315">
        <v>145</v>
      </c>
      <c r="V13" s="312">
        <v>306</v>
      </c>
      <c r="W13" s="317">
        <v>306</v>
      </c>
      <c r="X13" s="311">
        <v>138</v>
      </c>
      <c r="Y13" s="315">
        <v>295</v>
      </c>
      <c r="Z13" s="312">
        <v>433</v>
      </c>
      <c r="AA13" s="314">
        <v>0</v>
      </c>
      <c r="AB13" s="315">
        <v>716</v>
      </c>
      <c r="AC13" s="315">
        <v>485</v>
      </c>
      <c r="AD13" s="315">
        <v>304</v>
      </c>
      <c r="AE13" s="315">
        <v>281</v>
      </c>
      <c r="AF13" s="315">
        <v>252</v>
      </c>
      <c r="AG13" s="312">
        <v>2038</v>
      </c>
      <c r="AH13" s="317">
        <v>2471</v>
      </c>
      <c r="AI13" s="311">
        <v>20</v>
      </c>
      <c r="AJ13" s="315">
        <v>47</v>
      </c>
      <c r="AK13" s="312">
        <v>67</v>
      </c>
      <c r="AL13" s="314">
        <v>0</v>
      </c>
      <c r="AM13" s="315">
        <v>101</v>
      </c>
      <c r="AN13" s="315">
        <v>90</v>
      </c>
      <c r="AO13" s="315">
        <v>60</v>
      </c>
      <c r="AP13" s="315">
        <v>61</v>
      </c>
      <c r="AQ13" s="315">
        <v>44</v>
      </c>
      <c r="AR13" s="312">
        <v>356</v>
      </c>
      <c r="AS13" s="317">
        <v>423</v>
      </c>
      <c r="AT13" s="311">
        <v>168</v>
      </c>
      <c r="AU13" s="315">
        <v>280</v>
      </c>
      <c r="AV13" s="312">
        <v>448</v>
      </c>
      <c r="AW13" s="314">
        <v>0</v>
      </c>
      <c r="AX13" s="315">
        <v>1186</v>
      </c>
      <c r="AY13" s="315">
        <v>978</v>
      </c>
      <c r="AZ13" s="315">
        <v>783</v>
      </c>
      <c r="BA13" s="315">
        <v>791</v>
      </c>
      <c r="BB13" s="315">
        <v>690</v>
      </c>
      <c r="BC13" s="316">
        <v>4428</v>
      </c>
      <c r="BD13" s="317">
        <v>4876</v>
      </c>
      <c r="BE13" s="311">
        <v>0</v>
      </c>
      <c r="BF13" s="315">
        <v>0</v>
      </c>
      <c r="BG13" s="312">
        <v>0</v>
      </c>
      <c r="BH13" s="314">
        <v>0</v>
      </c>
      <c r="BI13" s="315">
        <v>1453</v>
      </c>
      <c r="BJ13" s="315">
        <v>777</v>
      </c>
      <c r="BK13" s="315">
        <v>429</v>
      </c>
      <c r="BL13" s="315">
        <v>227</v>
      </c>
      <c r="BM13" s="315">
        <v>114</v>
      </c>
      <c r="BN13" s="312">
        <v>3000</v>
      </c>
      <c r="BO13" s="317">
        <v>3000</v>
      </c>
      <c r="BP13" s="311">
        <v>63</v>
      </c>
      <c r="BQ13" s="315">
        <v>76</v>
      </c>
      <c r="BR13" s="312">
        <v>139</v>
      </c>
      <c r="BS13" s="314">
        <v>0</v>
      </c>
      <c r="BT13" s="315">
        <v>213</v>
      </c>
      <c r="BU13" s="315">
        <v>145</v>
      </c>
      <c r="BV13" s="315">
        <v>79</v>
      </c>
      <c r="BW13" s="315">
        <v>54</v>
      </c>
      <c r="BX13" s="315">
        <v>17</v>
      </c>
      <c r="BY13" s="312">
        <v>508</v>
      </c>
      <c r="BZ13" s="317">
        <v>647</v>
      </c>
      <c r="CA13" s="311">
        <v>7</v>
      </c>
      <c r="CB13" s="315">
        <v>21</v>
      </c>
      <c r="CC13" s="312">
        <v>28</v>
      </c>
      <c r="CD13" s="314">
        <v>0</v>
      </c>
      <c r="CE13" s="315">
        <v>151</v>
      </c>
      <c r="CF13" s="315">
        <v>128</v>
      </c>
      <c r="CG13" s="315">
        <v>189</v>
      </c>
      <c r="CH13" s="315">
        <v>121</v>
      </c>
      <c r="CI13" s="315">
        <v>73</v>
      </c>
      <c r="CJ13" s="312">
        <v>662</v>
      </c>
      <c r="CK13" s="317">
        <v>690</v>
      </c>
      <c r="CL13" s="311">
        <v>0</v>
      </c>
      <c r="CM13" s="315">
        <v>1</v>
      </c>
      <c r="CN13" s="312">
        <v>1</v>
      </c>
      <c r="CO13" s="314">
        <v>0</v>
      </c>
      <c r="CP13" s="315">
        <v>4</v>
      </c>
      <c r="CQ13" s="315">
        <v>13</v>
      </c>
      <c r="CR13" s="315">
        <v>13</v>
      </c>
      <c r="CS13" s="315">
        <v>6</v>
      </c>
      <c r="CT13" s="315">
        <v>4</v>
      </c>
      <c r="CU13" s="312">
        <v>40</v>
      </c>
      <c r="CV13" s="317">
        <v>41</v>
      </c>
      <c r="CW13" s="311">
        <v>0</v>
      </c>
      <c r="CX13" s="315">
        <v>0</v>
      </c>
      <c r="CY13" s="312">
        <v>0</v>
      </c>
      <c r="CZ13" s="314">
        <v>0</v>
      </c>
      <c r="DA13" s="315">
        <v>0</v>
      </c>
      <c r="DB13" s="315">
        <v>0</v>
      </c>
      <c r="DC13" s="315">
        <v>0</v>
      </c>
      <c r="DD13" s="315">
        <v>0</v>
      </c>
      <c r="DE13" s="315">
        <v>0</v>
      </c>
      <c r="DF13" s="312">
        <v>0</v>
      </c>
      <c r="DG13" s="317">
        <v>0</v>
      </c>
      <c r="DH13" s="311">
        <v>0</v>
      </c>
      <c r="DI13" s="315">
        <v>0</v>
      </c>
      <c r="DJ13" s="312">
        <v>0</v>
      </c>
      <c r="DK13" s="314">
        <v>0</v>
      </c>
      <c r="DL13" s="315">
        <v>0</v>
      </c>
      <c r="DM13" s="315">
        <v>0</v>
      </c>
      <c r="DN13" s="315">
        <v>0</v>
      </c>
      <c r="DO13" s="315">
        <v>0</v>
      </c>
      <c r="DP13" s="315">
        <v>0</v>
      </c>
      <c r="DQ13" s="312">
        <v>0</v>
      </c>
      <c r="DR13" s="317">
        <v>0</v>
      </c>
      <c r="DS13" s="311">
        <v>918</v>
      </c>
      <c r="DT13" s="315">
        <v>1195</v>
      </c>
      <c r="DU13" s="312">
        <v>2113</v>
      </c>
      <c r="DV13" s="314">
        <v>0</v>
      </c>
      <c r="DW13" s="315">
        <v>1905</v>
      </c>
      <c r="DX13" s="315">
        <v>1538</v>
      </c>
      <c r="DY13" s="315">
        <v>982</v>
      </c>
      <c r="DZ13" s="315">
        <v>790</v>
      </c>
      <c r="EA13" s="315">
        <v>549</v>
      </c>
      <c r="EB13" s="312">
        <v>5764</v>
      </c>
      <c r="EC13" s="317">
        <v>7877</v>
      </c>
      <c r="ED13" s="311">
        <v>73</v>
      </c>
      <c r="EE13" s="315">
        <v>94</v>
      </c>
      <c r="EF13" s="312">
        <v>167</v>
      </c>
      <c r="EG13" s="314">
        <v>0</v>
      </c>
      <c r="EH13" s="315">
        <v>277</v>
      </c>
      <c r="EI13" s="315">
        <v>204</v>
      </c>
      <c r="EJ13" s="315">
        <v>189</v>
      </c>
      <c r="EK13" s="315">
        <v>197</v>
      </c>
      <c r="EL13" s="315">
        <v>148</v>
      </c>
      <c r="EM13" s="312">
        <v>1015</v>
      </c>
      <c r="EN13" s="317">
        <v>1182</v>
      </c>
      <c r="EO13" s="311">
        <v>1081</v>
      </c>
      <c r="EP13" s="315">
        <v>1395</v>
      </c>
      <c r="EQ13" s="312">
        <v>2476</v>
      </c>
      <c r="ER13" s="314">
        <v>0</v>
      </c>
      <c r="ES13" s="315">
        <v>3309</v>
      </c>
      <c r="ET13" s="315">
        <v>1851</v>
      </c>
      <c r="EU13" s="315">
        <v>1054</v>
      </c>
      <c r="EV13" s="315">
        <v>788</v>
      </c>
      <c r="EW13" s="315">
        <v>524</v>
      </c>
      <c r="EX13" s="312">
        <v>7526</v>
      </c>
      <c r="EY13" s="317">
        <v>10002</v>
      </c>
    </row>
    <row r="14" spans="1:155" ht="19.5" customHeight="1" x14ac:dyDescent="0.2">
      <c r="A14" s="296" t="s">
        <v>11</v>
      </c>
      <c r="B14" s="311">
        <v>0</v>
      </c>
      <c r="C14" s="315">
        <v>0</v>
      </c>
      <c r="D14" s="437">
        <v>0</v>
      </c>
      <c r="E14" s="314">
        <v>0</v>
      </c>
      <c r="F14" s="315">
        <v>532</v>
      </c>
      <c r="G14" s="315">
        <v>350</v>
      </c>
      <c r="H14" s="315">
        <v>243</v>
      </c>
      <c r="I14" s="315">
        <v>201</v>
      </c>
      <c r="J14" s="315">
        <v>152</v>
      </c>
      <c r="K14" s="316">
        <v>1478</v>
      </c>
      <c r="L14" s="317">
        <v>1478</v>
      </c>
      <c r="M14" s="311">
        <v>0</v>
      </c>
      <c r="N14" s="315">
        <v>1</v>
      </c>
      <c r="O14" s="312">
        <v>1</v>
      </c>
      <c r="P14" s="314">
        <v>0</v>
      </c>
      <c r="Q14" s="315">
        <v>4</v>
      </c>
      <c r="R14" s="315">
        <v>10</v>
      </c>
      <c r="S14" s="315">
        <v>22</v>
      </c>
      <c r="T14" s="315">
        <v>45</v>
      </c>
      <c r="U14" s="315">
        <v>67</v>
      </c>
      <c r="V14" s="312">
        <v>148</v>
      </c>
      <c r="W14" s="317">
        <v>149</v>
      </c>
      <c r="X14" s="311">
        <v>46</v>
      </c>
      <c r="Y14" s="315">
        <v>70</v>
      </c>
      <c r="Z14" s="312">
        <v>116</v>
      </c>
      <c r="AA14" s="314">
        <v>0</v>
      </c>
      <c r="AB14" s="315">
        <v>305</v>
      </c>
      <c r="AC14" s="315">
        <v>203</v>
      </c>
      <c r="AD14" s="315">
        <v>196</v>
      </c>
      <c r="AE14" s="315">
        <v>160</v>
      </c>
      <c r="AF14" s="315">
        <v>144</v>
      </c>
      <c r="AG14" s="312">
        <v>1008</v>
      </c>
      <c r="AH14" s="317">
        <v>1124</v>
      </c>
      <c r="AI14" s="311">
        <v>4</v>
      </c>
      <c r="AJ14" s="315">
        <v>9</v>
      </c>
      <c r="AK14" s="312">
        <v>13</v>
      </c>
      <c r="AL14" s="314">
        <v>0</v>
      </c>
      <c r="AM14" s="315">
        <v>34</v>
      </c>
      <c r="AN14" s="315">
        <v>25</v>
      </c>
      <c r="AO14" s="315">
        <v>17</v>
      </c>
      <c r="AP14" s="315">
        <v>22</v>
      </c>
      <c r="AQ14" s="315">
        <v>6</v>
      </c>
      <c r="AR14" s="312">
        <v>104</v>
      </c>
      <c r="AS14" s="317">
        <v>117</v>
      </c>
      <c r="AT14" s="311">
        <v>49</v>
      </c>
      <c r="AU14" s="315">
        <v>56</v>
      </c>
      <c r="AV14" s="312">
        <v>105</v>
      </c>
      <c r="AW14" s="314">
        <v>0</v>
      </c>
      <c r="AX14" s="315">
        <v>456</v>
      </c>
      <c r="AY14" s="315">
        <v>423</v>
      </c>
      <c r="AZ14" s="315">
        <v>382</v>
      </c>
      <c r="BA14" s="315">
        <v>398</v>
      </c>
      <c r="BB14" s="315">
        <v>288</v>
      </c>
      <c r="BC14" s="316">
        <v>1947</v>
      </c>
      <c r="BD14" s="317">
        <v>2052</v>
      </c>
      <c r="BE14" s="311">
        <v>0</v>
      </c>
      <c r="BF14" s="315">
        <v>0</v>
      </c>
      <c r="BG14" s="312">
        <v>0</v>
      </c>
      <c r="BH14" s="314">
        <v>0</v>
      </c>
      <c r="BI14" s="315">
        <v>678</v>
      </c>
      <c r="BJ14" s="315">
        <v>381</v>
      </c>
      <c r="BK14" s="315">
        <v>219</v>
      </c>
      <c r="BL14" s="315">
        <v>156</v>
      </c>
      <c r="BM14" s="315">
        <v>83</v>
      </c>
      <c r="BN14" s="312">
        <v>1517</v>
      </c>
      <c r="BO14" s="317">
        <v>1517</v>
      </c>
      <c r="BP14" s="311">
        <v>68</v>
      </c>
      <c r="BQ14" s="315">
        <v>60</v>
      </c>
      <c r="BR14" s="312">
        <v>128</v>
      </c>
      <c r="BS14" s="314">
        <v>0</v>
      </c>
      <c r="BT14" s="315">
        <v>184</v>
      </c>
      <c r="BU14" s="315">
        <v>109</v>
      </c>
      <c r="BV14" s="315">
        <v>70</v>
      </c>
      <c r="BW14" s="315">
        <v>55</v>
      </c>
      <c r="BX14" s="315">
        <v>19</v>
      </c>
      <c r="BY14" s="312">
        <v>437</v>
      </c>
      <c r="BZ14" s="317">
        <v>565</v>
      </c>
      <c r="CA14" s="311">
        <v>1</v>
      </c>
      <c r="CB14" s="315">
        <v>10</v>
      </c>
      <c r="CC14" s="312">
        <v>11</v>
      </c>
      <c r="CD14" s="314">
        <v>0</v>
      </c>
      <c r="CE14" s="315">
        <v>61</v>
      </c>
      <c r="CF14" s="315">
        <v>59</v>
      </c>
      <c r="CG14" s="315">
        <v>81</v>
      </c>
      <c r="CH14" s="315">
        <v>54</v>
      </c>
      <c r="CI14" s="315">
        <v>26</v>
      </c>
      <c r="CJ14" s="312">
        <v>281</v>
      </c>
      <c r="CK14" s="317">
        <v>292</v>
      </c>
      <c r="CL14" s="311">
        <v>0</v>
      </c>
      <c r="CM14" s="315">
        <v>0</v>
      </c>
      <c r="CN14" s="312">
        <v>0</v>
      </c>
      <c r="CO14" s="314">
        <v>0</v>
      </c>
      <c r="CP14" s="315">
        <v>7</v>
      </c>
      <c r="CQ14" s="315">
        <v>4</v>
      </c>
      <c r="CR14" s="315">
        <v>10</v>
      </c>
      <c r="CS14" s="315">
        <v>8</v>
      </c>
      <c r="CT14" s="315">
        <v>7</v>
      </c>
      <c r="CU14" s="312">
        <v>36</v>
      </c>
      <c r="CV14" s="317">
        <v>36</v>
      </c>
      <c r="CW14" s="311">
        <v>0</v>
      </c>
      <c r="CX14" s="315">
        <v>0</v>
      </c>
      <c r="CY14" s="312">
        <v>0</v>
      </c>
      <c r="CZ14" s="314">
        <v>0</v>
      </c>
      <c r="DA14" s="315">
        <v>0</v>
      </c>
      <c r="DB14" s="315">
        <v>0</v>
      </c>
      <c r="DC14" s="315">
        <v>0</v>
      </c>
      <c r="DD14" s="315">
        <v>0</v>
      </c>
      <c r="DE14" s="315">
        <v>0</v>
      </c>
      <c r="DF14" s="312">
        <v>0</v>
      </c>
      <c r="DG14" s="317">
        <v>0</v>
      </c>
      <c r="DH14" s="311">
        <v>0</v>
      </c>
      <c r="DI14" s="315">
        <v>0</v>
      </c>
      <c r="DJ14" s="312">
        <v>0</v>
      </c>
      <c r="DK14" s="314">
        <v>0</v>
      </c>
      <c r="DL14" s="315">
        <v>0</v>
      </c>
      <c r="DM14" s="315">
        <v>0</v>
      </c>
      <c r="DN14" s="315">
        <v>0</v>
      </c>
      <c r="DO14" s="315">
        <v>0</v>
      </c>
      <c r="DP14" s="315">
        <v>0</v>
      </c>
      <c r="DQ14" s="312">
        <v>0</v>
      </c>
      <c r="DR14" s="317">
        <v>0</v>
      </c>
      <c r="DS14" s="311">
        <v>394</v>
      </c>
      <c r="DT14" s="315">
        <v>444</v>
      </c>
      <c r="DU14" s="312">
        <v>838</v>
      </c>
      <c r="DV14" s="314">
        <v>0</v>
      </c>
      <c r="DW14" s="315">
        <v>988</v>
      </c>
      <c r="DX14" s="315">
        <v>819</v>
      </c>
      <c r="DY14" s="315">
        <v>571</v>
      </c>
      <c r="DZ14" s="315">
        <v>451</v>
      </c>
      <c r="EA14" s="315">
        <v>278</v>
      </c>
      <c r="EB14" s="312">
        <v>3107</v>
      </c>
      <c r="EC14" s="317">
        <v>3945</v>
      </c>
      <c r="ED14" s="311">
        <v>39</v>
      </c>
      <c r="EE14" s="315">
        <v>35</v>
      </c>
      <c r="EF14" s="312">
        <v>74</v>
      </c>
      <c r="EG14" s="314">
        <v>0</v>
      </c>
      <c r="EH14" s="315">
        <v>199</v>
      </c>
      <c r="EI14" s="315">
        <v>144</v>
      </c>
      <c r="EJ14" s="315">
        <v>120</v>
      </c>
      <c r="EK14" s="315">
        <v>156</v>
      </c>
      <c r="EL14" s="315">
        <v>84</v>
      </c>
      <c r="EM14" s="312">
        <v>703</v>
      </c>
      <c r="EN14" s="317">
        <v>777</v>
      </c>
      <c r="EO14" s="311">
        <v>480</v>
      </c>
      <c r="EP14" s="315">
        <v>518</v>
      </c>
      <c r="EQ14" s="312">
        <v>998</v>
      </c>
      <c r="ER14" s="314">
        <v>0</v>
      </c>
      <c r="ES14" s="315">
        <v>1875</v>
      </c>
      <c r="ET14" s="315">
        <v>1060</v>
      </c>
      <c r="EU14" s="315">
        <v>670</v>
      </c>
      <c r="EV14" s="315">
        <v>468</v>
      </c>
      <c r="EW14" s="315">
        <v>286</v>
      </c>
      <c r="EX14" s="312">
        <v>4359</v>
      </c>
      <c r="EY14" s="317">
        <v>5357</v>
      </c>
    </row>
    <row r="15" spans="1:155" ht="19.5" customHeight="1" x14ac:dyDescent="0.2">
      <c r="A15" s="296" t="s">
        <v>12</v>
      </c>
      <c r="B15" s="311">
        <v>0</v>
      </c>
      <c r="C15" s="315">
        <v>0</v>
      </c>
      <c r="D15" s="437">
        <v>0</v>
      </c>
      <c r="E15" s="314">
        <v>0</v>
      </c>
      <c r="F15" s="315">
        <v>501</v>
      </c>
      <c r="G15" s="315">
        <v>418</v>
      </c>
      <c r="H15" s="315">
        <v>293</v>
      </c>
      <c r="I15" s="315">
        <v>284</v>
      </c>
      <c r="J15" s="315">
        <v>202</v>
      </c>
      <c r="K15" s="316">
        <v>1698</v>
      </c>
      <c r="L15" s="317">
        <v>1698</v>
      </c>
      <c r="M15" s="311">
        <v>0</v>
      </c>
      <c r="N15" s="315">
        <v>4</v>
      </c>
      <c r="O15" s="312">
        <v>4</v>
      </c>
      <c r="P15" s="314">
        <v>0</v>
      </c>
      <c r="Q15" s="315">
        <v>2</v>
      </c>
      <c r="R15" s="315">
        <v>19</v>
      </c>
      <c r="S15" s="315">
        <v>26</v>
      </c>
      <c r="T15" s="315">
        <v>56</v>
      </c>
      <c r="U15" s="315">
        <v>75</v>
      </c>
      <c r="V15" s="312">
        <v>178</v>
      </c>
      <c r="W15" s="317">
        <v>182</v>
      </c>
      <c r="X15" s="311">
        <v>108</v>
      </c>
      <c r="Y15" s="315">
        <v>185</v>
      </c>
      <c r="Z15" s="312">
        <v>293</v>
      </c>
      <c r="AA15" s="314">
        <v>0</v>
      </c>
      <c r="AB15" s="315">
        <v>289</v>
      </c>
      <c r="AC15" s="315">
        <v>315</v>
      </c>
      <c r="AD15" s="315">
        <v>199</v>
      </c>
      <c r="AE15" s="315">
        <v>204</v>
      </c>
      <c r="AF15" s="315">
        <v>157</v>
      </c>
      <c r="AG15" s="312">
        <v>1164</v>
      </c>
      <c r="AH15" s="317">
        <v>1457</v>
      </c>
      <c r="AI15" s="311">
        <v>2</v>
      </c>
      <c r="AJ15" s="315">
        <v>18</v>
      </c>
      <c r="AK15" s="312">
        <v>20</v>
      </c>
      <c r="AL15" s="314">
        <v>0</v>
      </c>
      <c r="AM15" s="315">
        <v>12</v>
      </c>
      <c r="AN15" s="315">
        <v>38</v>
      </c>
      <c r="AO15" s="315">
        <v>23</v>
      </c>
      <c r="AP15" s="315">
        <v>22</v>
      </c>
      <c r="AQ15" s="315">
        <v>17</v>
      </c>
      <c r="AR15" s="312">
        <v>112</v>
      </c>
      <c r="AS15" s="317">
        <v>132</v>
      </c>
      <c r="AT15" s="311">
        <v>80</v>
      </c>
      <c r="AU15" s="315">
        <v>105</v>
      </c>
      <c r="AV15" s="312">
        <v>185</v>
      </c>
      <c r="AW15" s="314">
        <v>0</v>
      </c>
      <c r="AX15" s="315">
        <v>321</v>
      </c>
      <c r="AY15" s="315">
        <v>334</v>
      </c>
      <c r="AZ15" s="315">
        <v>319</v>
      </c>
      <c r="BA15" s="315">
        <v>399</v>
      </c>
      <c r="BB15" s="315">
        <v>305</v>
      </c>
      <c r="BC15" s="316">
        <v>1678</v>
      </c>
      <c r="BD15" s="317">
        <v>1863</v>
      </c>
      <c r="BE15" s="311">
        <v>0</v>
      </c>
      <c r="BF15" s="315">
        <v>0</v>
      </c>
      <c r="BG15" s="312">
        <v>0</v>
      </c>
      <c r="BH15" s="314">
        <v>0</v>
      </c>
      <c r="BI15" s="315">
        <v>546</v>
      </c>
      <c r="BJ15" s="315">
        <v>364</v>
      </c>
      <c r="BK15" s="315">
        <v>264</v>
      </c>
      <c r="BL15" s="315">
        <v>181</v>
      </c>
      <c r="BM15" s="315">
        <v>75</v>
      </c>
      <c r="BN15" s="312">
        <v>1430</v>
      </c>
      <c r="BO15" s="317">
        <v>1430</v>
      </c>
      <c r="BP15" s="311">
        <v>121</v>
      </c>
      <c r="BQ15" s="315">
        <v>110</v>
      </c>
      <c r="BR15" s="312">
        <v>231</v>
      </c>
      <c r="BS15" s="314">
        <v>0</v>
      </c>
      <c r="BT15" s="315">
        <v>112</v>
      </c>
      <c r="BU15" s="315">
        <v>142</v>
      </c>
      <c r="BV15" s="315">
        <v>109</v>
      </c>
      <c r="BW15" s="315">
        <v>73</v>
      </c>
      <c r="BX15" s="315">
        <v>35</v>
      </c>
      <c r="BY15" s="312">
        <v>471</v>
      </c>
      <c r="BZ15" s="317">
        <v>702</v>
      </c>
      <c r="CA15" s="311">
        <v>2</v>
      </c>
      <c r="CB15" s="315">
        <v>7</v>
      </c>
      <c r="CC15" s="312">
        <v>9</v>
      </c>
      <c r="CD15" s="314">
        <v>0</v>
      </c>
      <c r="CE15" s="315">
        <v>60</v>
      </c>
      <c r="CF15" s="315">
        <v>65</v>
      </c>
      <c r="CG15" s="315">
        <v>115</v>
      </c>
      <c r="CH15" s="315">
        <v>83</v>
      </c>
      <c r="CI15" s="315">
        <v>39</v>
      </c>
      <c r="CJ15" s="312">
        <v>362</v>
      </c>
      <c r="CK15" s="317">
        <v>371</v>
      </c>
      <c r="CL15" s="311">
        <v>0</v>
      </c>
      <c r="CM15" s="315">
        <v>0</v>
      </c>
      <c r="CN15" s="312">
        <v>0</v>
      </c>
      <c r="CO15" s="314">
        <v>0</v>
      </c>
      <c r="CP15" s="315">
        <v>1</v>
      </c>
      <c r="CQ15" s="315">
        <v>2</v>
      </c>
      <c r="CR15" s="315">
        <v>3</v>
      </c>
      <c r="CS15" s="315">
        <v>4</v>
      </c>
      <c r="CT15" s="315">
        <v>1</v>
      </c>
      <c r="CU15" s="312">
        <v>11</v>
      </c>
      <c r="CV15" s="317">
        <v>11</v>
      </c>
      <c r="CW15" s="311">
        <v>0</v>
      </c>
      <c r="CX15" s="315">
        <v>0</v>
      </c>
      <c r="CY15" s="312">
        <v>0</v>
      </c>
      <c r="CZ15" s="314">
        <v>0</v>
      </c>
      <c r="DA15" s="315">
        <v>0</v>
      </c>
      <c r="DB15" s="315">
        <v>0</v>
      </c>
      <c r="DC15" s="315">
        <v>0</v>
      </c>
      <c r="DD15" s="315">
        <v>0</v>
      </c>
      <c r="DE15" s="315">
        <v>0</v>
      </c>
      <c r="DF15" s="312">
        <v>0</v>
      </c>
      <c r="DG15" s="317">
        <v>0</v>
      </c>
      <c r="DH15" s="311">
        <v>0</v>
      </c>
      <c r="DI15" s="315">
        <v>0</v>
      </c>
      <c r="DJ15" s="312">
        <v>0</v>
      </c>
      <c r="DK15" s="314">
        <v>0</v>
      </c>
      <c r="DL15" s="315">
        <v>0</v>
      </c>
      <c r="DM15" s="315">
        <v>0</v>
      </c>
      <c r="DN15" s="315">
        <v>0</v>
      </c>
      <c r="DO15" s="315">
        <v>0</v>
      </c>
      <c r="DP15" s="315">
        <v>0</v>
      </c>
      <c r="DQ15" s="312">
        <v>0</v>
      </c>
      <c r="DR15" s="317">
        <v>0</v>
      </c>
      <c r="DS15" s="311">
        <v>493</v>
      </c>
      <c r="DT15" s="315">
        <v>786</v>
      </c>
      <c r="DU15" s="312">
        <v>1279</v>
      </c>
      <c r="DV15" s="314">
        <v>0</v>
      </c>
      <c r="DW15" s="315">
        <v>538</v>
      </c>
      <c r="DX15" s="315">
        <v>904</v>
      </c>
      <c r="DY15" s="315">
        <v>674</v>
      </c>
      <c r="DZ15" s="315">
        <v>579</v>
      </c>
      <c r="EA15" s="315">
        <v>345</v>
      </c>
      <c r="EB15" s="312">
        <v>3040</v>
      </c>
      <c r="EC15" s="317">
        <v>4319</v>
      </c>
      <c r="ED15" s="311">
        <v>42</v>
      </c>
      <c r="EE15" s="315">
        <v>47</v>
      </c>
      <c r="EF15" s="312">
        <v>89</v>
      </c>
      <c r="EG15" s="314">
        <v>0</v>
      </c>
      <c r="EH15" s="315">
        <v>109</v>
      </c>
      <c r="EI15" s="315">
        <v>99</v>
      </c>
      <c r="EJ15" s="315">
        <v>85</v>
      </c>
      <c r="EK15" s="315">
        <v>127</v>
      </c>
      <c r="EL15" s="315">
        <v>75</v>
      </c>
      <c r="EM15" s="312">
        <v>495</v>
      </c>
      <c r="EN15" s="317">
        <v>584</v>
      </c>
      <c r="EO15" s="311">
        <v>664</v>
      </c>
      <c r="EP15" s="315">
        <v>927</v>
      </c>
      <c r="EQ15" s="312">
        <v>1591</v>
      </c>
      <c r="ER15" s="314">
        <v>0</v>
      </c>
      <c r="ES15" s="315">
        <v>1445</v>
      </c>
      <c r="ET15" s="315">
        <v>1145</v>
      </c>
      <c r="EU15" s="315">
        <v>757</v>
      </c>
      <c r="EV15" s="315">
        <v>583</v>
      </c>
      <c r="EW15" s="315">
        <v>326</v>
      </c>
      <c r="EX15" s="312">
        <v>4256</v>
      </c>
      <c r="EY15" s="317">
        <v>5847</v>
      </c>
    </row>
    <row r="16" spans="1:155" ht="19.5" customHeight="1" x14ac:dyDescent="0.2">
      <c r="A16" s="296" t="s">
        <v>13</v>
      </c>
      <c r="B16" s="311">
        <v>0</v>
      </c>
      <c r="C16" s="315">
        <v>0</v>
      </c>
      <c r="D16" s="437">
        <v>0</v>
      </c>
      <c r="E16" s="314">
        <v>0</v>
      </c>
      <c r="F16" s="315">
        <v>211</v>
      </c>
      <c r="G16" s="315">
        <v>238</v>
      </c>
      <c r="H16" s="315">
        <v>134</v>
      </c>
      <c r="I16" s="315">
        <v>101</v>
      </c>
      <c r="J16" s="315">
        <v>101</v>
      </c>
      <c r="K16" s="316">
        <v>785</v>
      </c>
      <c r="L16" s="317">
        <v>785</v>
      </c>
      <c r="M16" s="311">
        <v>1</v>
      </c>
      <c r="N16" s="315">
        <v>0</v>
      </c>
      <c r="O16" s="312">
        <v>1</v>
      </c>
      <c r="P16" s="314">
        <v>0</v>
      </c>
      <c r="Q16" s="315">
        <v>0</v>
      </c>
      <c r="R16" s="315">
        <v>5</v>
      </c>
      <c r="S16" s="315">
        <v>4</v>
      </c>
      <c r="T16" s="315">
        <v>15</v>
      </c>
      <c r="U16" s="315">
        <v>30</v>
      </c>
      <c r="V16" s="312">
        <v>54</v>
      </c>
      <c r="W16" s="317">
        <v>55</v>
      </c>
      <c r="X16" s="311">
        <v>7</v>
      </c>
      <c r="Y16" s="315">
        <v>23</v>
      </c>
      <c r="Z16" s="312">
        <v>30</v>
      </c>
      <c r="AA16" s="314">
        <v>0</v>
      </c>
      <c r="AB16" s="315">
        <v>87</v>
      </c>
      <c r="AC16" s="315">
        <v>133</v>
      </c>
      <c r="AD16" s="315">
        <v>87</v>
      </c>
      <c r="AE16" s="315">
        <v>72</v>
      </c>
      <c r="AF16" s="315">
        <v>74</v>
      </c>
      <c r="AG16" s="312">
        <v>453</v>
      </c>
      <c r="AH16" s="317">
        <v>483</v>
      </c>
      <c r="AI16" s="311">
        <v>4</v>
      </c>
      <c r="AJ16" s="315">
        <v>5</v>
      </c>
      <c r="AK16" s="312">
        <v>9</v>
      </c>
      <c r="AL16" s="314">
        <v>0</v>
      </c>
      <c r="AM16" s="315">
        <v>16</v>
      </c>
      <c r="AN16" s="315">
        <v>24</v>
      </c>
      <c r="AO16" s="315">
        <v>14</v>
      </c>
      <c r="AP16" s="315">
        <v>15</v>
      </c>
      <c r="AQ16" s="315">
        <v>5</v>
      </c>
      <c r="AR16" s="312">
        <v>74</v>
      </c>
      <c r="AS16" s="317">
        <v>83</v>
      </c>
      <c r="AT16" s="311">
        <v>35</v>
      </c>
      <c r="AU16" s="315">
        <v>32</v>
      </c>
      <c r="AV16" s="312">
        <v>67</v>
      </c>
      <c r="AW16" s="314">
        <v>0</v>
      </c>
      <c r="AX16" s="315">
        <v>167</v>
      </c>
      <c r="AY16" s="315">
        <v>182</v>
      </c>
      <c r="AZ16" s="315">
        <v>176</v>
      </c>
      <c r="BA16" s="315">
        <v>165</v>
      </c>
      <c r="BB16" s="315">
        <v>140</v>
      </c>
      <c r="BC16" s="316">
        <v>830</v>
      </c>
      <c r="BD16" s="317">
        <v>897</v>
      </c>
      <c r="BE16" s="311">
        <v>0</v>
      </c>
      <c r="BF16" s="315">
        <v>0</v>
      </c>
      <c r="BG16" s="312">
        <v>0</v>
      </c>
      <c r="BH16" s="314">
        <v>0</v>
      </c>
      <c r="BI16" s="315">
        <v>163</v>
      </c>
      <c r="BJ16" s="315">
        <v>181</v>
      </c>
      <c r="BK16" s="315">
        <v>93</v>
      </c>
      <c r="BL16" s="315">
        <v>60</v>
      </c>
      <c r="BM16" s="315">
        <v>30</v>
      </c>
      <c r="BN16" s="312">
        <v>527</v>
      </c>
      <c r="BO16" s="317">
        <v>527</v>
      </c>
      <c r="BP16" s="311">
        <v>9</v>
      </c>
      <c r="BQ16" s="315">
        <v>23</v>
      </c>
      <c r="BR16" s="312">
        <v>32</v>
      </c>
      <c r="BS16" s="314">
        <v>0</v>
      </c>
      <c r="BT16" s="315">
        <v>28</v>
      </c>
      <c r="BU16" s="315">
        <v>30</v>
      </c>
      <c r="BV16" s="315">
        <v>27</v>
      </c>
      <c r="BW16" s="315">
        <v>25</v>
      </c>
      <c r="BX16" s="315">
        <v>11</v>
      </c>
      <c r="BY16" s="312">
        <v>121</v>
      </c>
      <c r="BZ16" s="317">
        <v>153</v>
      </c>
      <c r="CA16" s="311">
        <v>0</v>
      </c>
      <c r="CB16" s="315">
        <v>0</v>
      </c>
      <c r="CC16" s="312">
        <v>0</v>
      </c>
      <c r="CD16" s="314">
        <v>0</v>
      </c>
      <c r="CE16" s="315">
        <v>16</v>
      </c>
      <c r="CF16" s="315">
        <v>24</v>
      </c>
      <c r="CG16" s="315">
        <v>35</v>
      </c>
      <c r="CH16" s="315">
        <v>40</v>
      </c>
      <c r="CI16" s="315">
        <v>24</v>
      </c>
      <c r="CJ16" s="312">
        <v>139</v>
      </c>
      <c r="CK16" s="317">
        <v>139</v>
      </c>
      <c r="CL16" s="311">
        <v>0</v>
      </c>
      <c r="CM16" s="315">
        <v>0</v>
      </c>
      <c r="CN16" s="312">
        <v>0</v>
      </c>
      <c r="CO16" s="314">
        <v>0</v>
      </c>
      <c r="CP16" s="315">
        <v>2</v>
      </c>
      <c r="CQ16" s="315">
        <v>4</v>
      </c>
      <c r="CR16" s="315">
        <v>1</v>
      </c>
      <c r="CS16" s="315">
        <v>3</v>
      </c>
      <c r="CT16" s="315">
        <v>0</v>
      </c>
      <c r="CU16" s="312">
        <v>10</v>
      </c>
      <c r="CV16" s="317">
        <v>10</v>
      </c>
      <c r="CW16" s="311">
        <v>0</v>
      </c>
      <c r="CX16" s="315">
        <v>0</v>
      </c>
      <c r="CY16" s="312">
        <v>0</v>
      </c>
      <c r="CZ16" s="314">
        <v>0</v>
      </c>
      <c r="DA16" s="315">
        <v>0</v>
      </c>
      <c r="DB16" s="315">
        <v>0</v>
      </c>
      <c r="DC16" s="315">
        <v>0</v>
      </c>
      <c r="DD16" s="315">
        <v>0</v>
      </c>
      <c r="DE16" s="315">
        <v>0</v>
      </c>
      <c r="DF16" s="312">
        <v>0</v>
      </c>
      <c r="DG16" s="317">
        <v>0</v>
      </c>
      <c r="DH16" s="311">
        <v>0</v>
      </c>
      <c r="DI16" s="315">
        <v>0</v>
      </c>
      <c r="DJ16" s="312">
        <v>0</v>
      </c>
      <c r="DK16" s="314">
        <v>0</v>
      </c>
      <c r="DL16" s="315">
        <v>0</v>
      </c>
      <c r="DM16" s="315">
        <v>0</v>
      </c>
      <c r="DN16" s="315">
        <v>0</v>
      </c>
      <c r="DO16" s="315">
        <v>0</v>
      </c>
      <c r="DP16" s="315">
        <v>0</v>
      </c>
      <c r="DQ16" s="312">
        <v>0</v>
      </c>
      <c r="DR16" s="317">
        <v>0</v>
      </c>
      <c r="DS16" s="311">
        <v>63</v>
      </c>
      <c r="DT16" s="315">
        <v>160</v>
      </c>
      <c r="DU16" s="312">
        <v>223</v>
      </c>
      <c r="DV16" s="314">
        <v>0</v>
      </c>
      <c r="DW16" s="315">
        <v>233</v>
      </c>
      <c r="DX16" s="315">
        <v>402</v>
      </c>
      <c r="DY16" s="315">
        <v>226</v>
      </c>
      <c r="DZ16" s="315">
        <v>199</v>
      </c>
      <c r="EA16" s="315">
        <v>135</v>
      </c>
      <c r="EB16" s="312">
        <v>1195</v>
      </c>
      <c r="EC16" s="317">
        <v>1418</v>
      </c>
      <c r="ED16" s="311">
        <v>29</v>
      </c>
      <c r="EE16" s="315">
        <v>21</v>
      </c>
      <c r="EF16" s="312">
        <v>50</v>
      </c>
      <c r="EG16" s="314">
        <v>0</v>
      </c>
      <c r="EH16" s="315">
        <v>85</v>
      </c>
      <c r="EI16" s="315">
        <v>66</v>
      </c>
      <c r="EJ16" s="315">
        <v>72</v>
      </c>
      <c r="EK16" s="315">
        <v>69</v>
      </c>
      <c r="EL16" s="315">
        <v>46</v>
      </c>
      <c r="EM16" s="312">
        <v>338</v>
      </c>
      <c r="EN16" s="317">
        <v>388</v>
      </c>
      <c r="EO16" s="311">
        <v>81</v>
      </c>
      <c r="EP16" s="315">
        <v>190</v>
      </c>
      <c r="EQ16" s="312">
        <v>271</v>
      </c>
      <c r="ER16" s="314">
        <v>0</v>
      </c>
      <c r="ES16" s="315">
        <v>518</v>
      </c>
      <c r="ET16" s="315">
        <v>539</v>
      </c>
      <c r="EU16" s="315">
        <v>291</v>
      </c>
      <c r="EV16" s="315">
        <v>222</v>
      </c>
      <c r="EW16" s="315">
        <v>154</v>
      </c>
      <c r="EX16" s="312">
        <v>1724</v>
      </c>
      <c r="EY16" s="317">
        <v>1995</v>
      </c>
    </row>
    <row r="17" spans="1:155" ht="19.5" customHeight="1" x14ac:dyDescent="0.2">
      <c r="A17" s="296" t="s">
        <v>15</v>
      </c>
      <c r="B17" s="311">
        <v>0</v>
      </c>
      <c r="C17" s="315">
        <v>0</v>
      </c>
      <c r="D17" s="437">
        <v>0</v>
      </c>
      <c r="E17" s="314">
        <v>0</v>
      </c>
      <c r="F17" s="315">
        <v>115</v>
      </c>
      <c r="G17" s="315">
        <v>149</v>
      </c>
      <c r="H17" s="315">
        <v>65</v>
      </c>
      <c r="I17" s="315">
        <v>42</v>
      </c>
      <c r="J17" s="315">
        <v>43</v>
      </c>
      <c r="K17" s="316">
        <v>414</v>
      </c>
      <c r="L17" s="317">
        <v>414</v>
      </c>
      <c r="M17" s="311">
        <v>0</v>
      </c>
      <c r="N17" s="315">
        <v>0</v>
      </c>
      <c r="O17" s="312">
        <v>0</v>
      </c>
      <c r="P17" s="314">
        <v>0</v>
      </c>
      <c r="Q17" s="315">
        <v>0</v>
      </c>
      <c r="R17" s="315">
        <v>5</v>
      </c>
      <c r="S17" s="315">
        <v>5</v>
      </c>
      <c r="T17" s="315">
        <v>20</v>
      </c>
      <c r="U17" s="315">
        <v>36</v>
      </c>
      <c r="V17" s="312">
        <v>66</v>
      </c>
      <c r="W17" s="317">
        <v>66</v>
      </c>
      <c r="X17" s="311">
        <v>3</v>
      </c>
      <c r="Y17" s="315">
        <v>8</v>
      </c>
      <c r="Z17" s="312">
        <v>11</v>
      </c>
      <c r="AA17" s="314">
        <v>0</v>
      </c>
      <c r="AB17" s="315">
        <v>35</v>
      </c>
      <c r="AC17" s="315">
        <v>66</v>
      </c>
      <c r="AD17" s="315">
        <v>36</v>
      </c>
      <c r="AE17" s="315">
        <v>34</v>
      </c>
      <c r="AF17" s="315">
        <v>43</v>
      </c>
      <c r="AG17" s="312">
        <v>214</v>
      </c>
      <c r="AH17" s="317">
        <v>225</v>
      </c>
      <c r="AI17" s="311">
        <v>0</v>
      </c>
      <c r="AJ17" s="315">
        <v>1</v>
      </c>
      <c r="AK17" s="312">
        <v>1</v>
      </c>
      <c r="AL17" s="314">
        <v>0</v>
      </c>
      <c r="AM17" s="315">
        <v>7</v>
      </c>
      <c r="AN17" s="315">
        <v>10</v>
      </c>
      <c r="AO17" s="315">
        <v>5</v>
      </c>
      <c r="AP17" s="315">
        <v>4</v>
      </c>
      <c r="AQ17" s="315">
        <v>8</v>
      </c>
      <c r="AR17" s="312">
        <v>34</v>
      </c>
      <c r="AS17" s="317">
        <v>35</v>
      </c>
      <c r="AT17" s="311">
        <v>11</v>
      </c>
      <c r="AU17" s="315">
        <v>18</v>
      </c>
      <c r="AV17" s="312">
        <v>29</v>
      </c>
      <c r="AW17" s="314">
        <v>0</v>
      </c>
      <c r="AX17" s="315">
        <v>117</v>
      </c>
      <c r="AY17" s="315">
        <v>105</v>
      </c>
      <c r="AZ17" s="315">
        <v>102</v>
      </c>
      <c r="BA17" s="315">
        <v>87</v>
      </c>
      <c r="BB17" s="315">
        <v>66</v>
      </c>
      <c r="BC17" s="316">
        <v>477</v>
      </c>
      <c r="BD17" s="317">
        <v>506</v>
      </c>
      <c r="BE17" s="311">
        <v>0</v>
      </c>
      <c r="BF17" s="315">
        <v>0</v>
      </c>
      <c r="BG17" s="312">
        <v>0</v>
      </c>
      <c r="BH17" s="314">
        <v>0</v>
      </c>
      <c r="BI17" s="315">
        <v>110</v>
      </c>
      <c r="BJ17" s="315">
        <v>139</v>
      </c>
      <c r="BK17" s="315">
        <v>63</v>
      </c>
      <c r="BL17" s="315">
        <v>18</v>
      </c>
      <c r="BM17" s="315">
        <v>12</v>
      </c>
      <c r="BN17" s="312">
        <v>342</v>
      </c>
      <c r="BO17" s="317">
        <v>342</v>
      </c>
      <c r="BP17" s="311">
        <v>0</v>
      </c>
      <c r="BQ17" s="315">
        <v>4</v>
      </c>
      <c r="BR17" s="312">
        <v>4</v>
      </c>
      <c r="BS17" s="314">
        <v>0</v>
      </c>
      <c r="BT17" s="315">
        <v>27</v>
      </c>
      <c r="BU17" s="315">
        <v>31</v>
      </c>
      <c r="BV17" s="315">
        <v>15</v>
      </c>
      <c r="BW17" s="315">
        <v>6</v>
      </c>
      <c r="BX17" s="315">
        <v>1</v>
      </c>
      <c r="BY17" s="312">
        <v>80</v>
      </c>
      <c r="BZ17" s="317">
        <v>84</v>
      </c>
      <c r="CA17" s="311">
        <v>0</v>
      </c>
      <c r="CB17" s="315">
        <v>0</v>
      </c>
      <c r="CC17" s="312">
        <v>0</v>
      </c>
      <c r="CD17" s="314">
        <v>0</v>
      </c>
      <c r="CE17" s="315">
        <v>10</v>
      </c>
      <c r="CF17" s="315">
        <v>24</v>
      </c>
      <c r="CG17" s="315">
        <v>42</v>
      </c>
      <c r="CH17" s="315">
        <v>32</v>
      </c>
      <c r="CI17" s="315">
        <v>14</v>
      </c>
      <c r="CJ17" s="312">
        <v>122</v>
      </c>
      <c r="CK17" s="317">
        <v>122</v>
      </c>
      <c r="CL17" s="311">
        <v>0</v>
      </c>
      <c r="CM17" s="315">
        <v>0</v>
      </c>
      <c r="CN17" s="312">
        <v>0</v>
      </c>
      <c r="CO17" s="314">
        <v>0</v>
      </c>
      <c r="CP17" s="315">
        <v>4</v>
      </c>
      <c r="CQ17" s="315">
        <v>0</v>
      </c>
      <c r="CR17" s="315">
        <v>1</v>
      </c>
      <c r="CS17" s="315">
        <v>0</v>
      </c>
      <c r="CT17" s="315">
        <v>0</v>
      </c>
      <c r="CU17" s="312">
        <v>5</v>
      </c>
      <c r="CV17" s="317">
        <v>5</v>
      </c>
      <c r="CW17" s="311">
        <v>0</v>
      </c>
      <c r="CX17" s="315">
        <v>0</v>
      </c>
      <c r="CY17" s="312">
        <v>0</v>
      </c>
      <c r="CZ17" s="314">
        <v>0</v>
      </c>
      <c r="DA17" s="315">
        <v>0</v>
      </c>
      <c r="DB17" s="315">
        <v>0</v>
      </c>
      <c r="DC17" s="315">
        <v>0</v>
      </c>
      <c r="DD17" s="315">
        <v>0</v>
      </c>
      <c r="DE17" s="315">
        <v>0</v>
      </c>
      <c r="DF17" s="312">
        <v>0</v>
      </c>
      <c r="DG17" s="317">
        <v>0</v>
      </c>
      <c r="DH17" s="311">
        <v>0</v>
      </c>
      <c r="DI17" s="315">
        <v>0</v>
      </c>
      <c r="DJ17" s="312">
        <v>0</v>
      </c>
      <c r="DK17" s="314">
        <v>0</v>
      </c>
      <c r="DL17" s="315">
        <v>0</v>
      </c>
      <c r="DM17" s="315">
        <v>0</v>
      </c>
      <c r="DN17" s="315">
        <v>0</v>
      </c>
      <c r="DO17" s="315">
        <v>0</v>
      </c>
      <c r="DP17" s="315">
        <v>0</v>
      </c>
      <c r="DQ17" s="312">
        <v>0</v>
      </c>
      <c r="DR17" s="317">
        <v>0</v>
      </c>
      <c r="DS17" s="311">
        <v>58</v>
      </c>
      <c r="DT17" s="315">
        <v>153</v>
      </c>
      <c r="DU17" s="312">
        <v>211</v>
      </c>
      <c r="DV17" s="314">
        <v>0</v>
      </c>
      <c r="DW17" s="315">
        <v>200</v>
      </c>
      <c r="DX17" s="315">
        <v>362</v>
      </c>
      <c r="DY17" s="315">
        <v>161</v>
      </c>
      <c r="DZ17" s="315">
        <v>110</v>
      </c>
      <c r="EA17" s="315">
        <v>77</v>
      </c>
      <c r="EB17" s="312">
        <v>910</v>
      </c>
      <c r="EC17" s="317">
        <v>1121</v>
      </c>
      <c r="ED17" s="311">
        <v>17</v>
      </c>
      <c r="EE17" s="315">
        <v>18</v>
      </c>
      <c r="EF17" s="312">
        <v>35</v>
      </c>
      <c r="EG17" s="314">
        <v>0</v>
      </c>
      <c r="EH17" s="315">
        <v>51</v>
      </c>
      <c r="EI17" s="315">
        <v>34</v>
      </c>
      <c r="EJ17" s="315">
        <v>34</v>
      </c>
      <c r="EK17" s="315">
        <v>39</v>
      </c>
      <c r="EL17" s="315">
        <v>20</v>
      </c>
      <c r="EM17" s="312">
        <v>178</v>
      </c>
      <c r="EN17" s="317">
        <v>213</v>
      </c>
      <c r="EO17" s="311">
        <v>60</v>
      </c>
      <c r="EP17" s="315">
        <v>154</v>
      </c>
      <c r="EQ17" s="312">
        <v>214</v>
      </c>
      <c r="ER17" s="314">
        <v>0</v>
      </c>
      <c r="ES17" s="315">
        <v>388</v>
      </c>
      <c r="ET17" s="315">
        <v>475</v>
      </c>
      <c r="EU17" s="315">
        <v>204</v>
      </c>
      <c r="EV17" s="315">
        <v>130</v>
      </c>
      <c r="EW17" s="315">
        <v>84</v>
      </c>
      <c r="EX17" s="312">
        <v>1281</v>
      </c>
      <c r="EY17" s="317">
        <v>1495</v>
      </c>
    </row>
    <row r="18" spans="1:155" ht="19.5" customHeight="1" x14ac:dyDescent="0.2">
      <c r="A18" s="296" t="s">
        <v>16</v>
      </c>
      <c r="B18" s="311">
        <v>0</v>
      </c>
      <c r="C18" s="315">
        <v>0</v>
      </c>
      <c r="D18" s="437">
        <v>0</v>
      </c>
      <c r="E18" s="314">
        <v>0</v>
      </c>
      <c r="F18" s="315">
        <v>215</v>
      </c>
      <c r="G18" s="315">
        <v>293</v>
      </c>
      <c r="H18" s="315">
        <v>187</v>
      </c>
      <c r="I18" s="315">
        <v>117</v>
      </c>
      <c r="J18" s="315">
        <v>86</v>
      </c>
      <c r="K18" s="316">
        <v>898</v>
      </c>
      <c r="L18" s="317">
        <v>898</v>
      </c>
      <c r="M18" s="311">
        <v>0</v>
      </c>
      <c r="N18" s="315">
        <v>0</v>
      </c>
      <c r="O18" s="312">
        <v>0</v>
      </c>
      <c r="P18" s="314">
        <v>0</v>
      </c>
      <c r="Q18" s="315">
        <v>1</v>
      </c>
      <c r="R18" s="315">
        <v>10</v>
      </c>
      <c r="S18" s="315">
        <v>14</v>
      </c>
      <c r="T18" s="315">
        <v>29</v>
      </c>
      <c r="U18" s="315">
        <v>46</v>
      </c>
      <c r="V18" s="312">
        <v>100</v>
      </c>
      <c r="W18" s="317">
        <v>100</v>
      </c>
      <c r="X18" s="311">
        <v>20</v>
      </c>
      <c r="Y18" s="315">
        <v>63</v>
      </c>
      <c r="Z18" s="312">
        <v>83</v>
      </c>
      <c r="AA18" s="314">
        <v>0</v>
      </c>
      <c r="AB18" s="315">
        <v>140</v>
      </c>
      <c r="AC18" s="315">
        <v>264</v>
      </c>
      <c r="AD18" s="315">
        <v>168</v>
      </c>
      <c r="AE18" s="315">
        <v>132</v>
      </c>
      <c r="AF18" s="315">
        <v>100</v>
      </c>
      <c r="AG18" s="312">
        <v>804</v>
      </c>
      <c r="AH18" s="317">
        <v>887</v>
      </c>
      <c r="AI18" s="311">
        <v>0</v>
      </c>
      <c r="AJ18" s="315">
        <v>6</v>
      </c>
      <c r="AK18" s="312">
        <v>6</v>
      </c>
      <c r="AL18" s="314">
        <v>0</v>
      </c>
      <c r="AM18" s="315">
        <v>6</v>
      </c>
      <c r="AN18" s="315">
        <v>19</v>
      </c>
      <c r="AO18" s="315">
        <v>20</v>
      </c>
      <c r="AP18" s="315">
        <v>11</v>
      </c>
      <c r="AQ18" s="315">
        <v>11</v>
      </c>
      <c r="AR18" s="312">
        <v>67</v>
      </c>
      <c r="AS18" s="317">
        <v>73</v>
      </c>
      <c r="AT18" s="311">
        <v>41</v>
      </c>
      <c r="AU18" s="315">
        <v>22</v>
      </c>
      <c r="AV18" s="312">
        <v>63</v>
      </c>
      <c r="AW18" s="314">
        <v>0</v>
      </c>
      <c r="AX18" s="315">
        <v>202</v>
      </c>
      <c r="AY18" s="315">
        <v>243</v>
      </c>
      <c r="AZ18" s="315">
        <v>260</v>
      </c>
      <c r="BA18" s="315">
        <v>254</v>
      </c>
      <c r="BB18" s="315">
        <v>207</v>
      </c>
      <c r="BC18" s="316">
        <v>1166</v>
      </c>
      <c r="BD18" s="317">
        <v>1229</v>
      </c>
      <c r="BE18" s="311">
        <v>0</v>
      </c>
      <c r="BF18" s="315">
        <v>0</v>
      </c>
      <c r="BG18" s="312">
        <v>0</v>
      </c>
      <c r="BH18" s="314">
        <v>0</v>
      </c>
      <c r="BI18" s="315">
        <v>287</v>
      </c>
      <c r="BJ18" s="315">
        <v>384</v>
      </c>
      <c r="BK18" s="315">
        <v>251</v>
      </c>
      <c r="BL18" s="315">
        <v>136</v>
      </c>
      <c r="BM18" s="315">
        <v>74</v>
      </c>
      <c r="BN18" s="312">
        <v>1132</v>
      </c>
      <c r="BO18" s="317">
        <v>1132</v>
      </c>
      <c r="BP18" s="311">
        <v>44</v>
      </c>
      <c r="BQ18" s="315">
        <v>92</v>
      </c>
      <c r="BR18" s="312">
        <v>136</v>
      </c>
      <c r="BS18" s="314">
        <v>0</v>
      </c>
      <c r="BT18" s="315">
        <v>153</v>
      </c>
      <c r="BU18" s="315">
        <v>244</v>
      </c>
      <c r="BV18" s="315">
        <v>103</v>
      </c>
      <c r="BW18" s="315">
        <v>62</v>
      </c>
      <c r="BX18" s="315">
        <v>25</v>
      </c>
      <c r="BY18" s="312">
        <v>587</v>
      </c>
      <c r="BZ18" s="317">
        <v>723</v>
      </c>
      <c r="CA18" s="311">
        <v>0</v>
      </c>
      <c r="CB18" s="315">
        <v>1</v>
      </c>
      <c r="CC18" s="312">
        <v>1</v>
      </c>
      <c r="CD18" s="314">
        <v>0</v>
      </c>
      <c r="CE18" s="315">
        <v>37</v>
      </c>
      <c r="CF18" s="315">
        <v>63</v>
      </c>
      <c r="CG18" s="315">
        <v>84</v>
      </c>
      <c r="CH18" s="315">
        <v>37</v>
      </c>
      <c r="CI18" s="315">
        <v>24</v>
      </c>
      <c r="CJ18" s="312">
        <v>245</v>
      </c>
      <c r="CK18" s="317">
        <v>246</v>
      </c>
      <c r="CL18" s="311">
        <v>0</v>
      </c>
      <c r="CM18" s="315">
        <v>0</v>
      </c>
      <c r="CN18" s="312">
        <v>0</v>
      </c>
      <c r="CO18" s="314">
        <v>0</v>
      </c>
      <c r="CP18" s="315">
        <v>3</v>
      </c>
      <c r="CQ18" s="315">
        <v>6</v>
      </c>
      <c r="CR18" s="315">
        <v>4</v>
      </c>
      <c r="CS18" s="315">
        <v>9</v>
      </c>
      <c r="CT18" s="315">
        <v>1</v>
      </c>
      <c r="CU18" s="312">
        <v>23</v>
      </c>
      <c r="CV18" s="317">
        <v>23</v>
      </c>
      <c r="CW18" s="311">
        <v>0</v>
      </c>
      <c r="CX18" s="315">
        <v>0</v>
      </c>
      <c r="CY18" s="312">
        <v>0</v>
      </c>
      <c r="CZ18" s="314">
        <v>0</v>
      </c>
      <c r="DA18" s="315">
        <v>0</v>
      </c>
      <c r="DB18" s="315">
        <v>0</v>
      </c>
      <c r="DC18" s="315">
        <v>0</v>
      </c>
      <c r="DD18" s="315">
        <v>0</v>
      </c>
      <c r="DE18" s="315">
        <v>0</v>
      </c>
      <c r="DF18" s="312">
        <v>0</v>
      </c>
      <c r="DG18" s="317">
        <v>0</v>
      </c>
      <c r="DH18" s="311">
        <v>0</v>
      </c>
      <c r="DI18" s="315">
        <v>0</v>
      </c>
      <c r="DJ18" s="312">
        <v>0</v>
      </c>
      <c r="DK18" s="314">
        <v>0</v>
      </c>
      <c r="DL18" s="315">
        <v>0</v>
      </c>
      <c r="DM18" s="315">
        <v>0</v>
      </c>
      <c r="DN18" s="315">
        <v>0</v>
      </c>
      <c r="DO18" s="315">
        <v>0</v>
      </c>
      <c r="DP18" s="315">
        <v>0</v>
      </c>
      <c r="DQ18" s="312">
        <v>0</v>
      </c>
      <c r="DR18" s="317">
        <v>0</v>
      </c>
      <c r="DS18" s="311">
        <v>154</v>
      </c>
      <c r="DT18" s="315">
        <v>310</v>
      </c>
      <c r="DU18" s="312">
        <v>464</v>
      </c>
      <c r="DV18" s="314">
        <v>0</v>
      </c>
      <c r="DW18" s="315">
        <v>403</v>
      </c>
      <c r="DX18" s="315">
        <v>846</v>
      </c>
      <c r="DY18" s="315">
        <v>511</v>
      </c>
      <c r="DZ18" s="315">
        <v>330</v>
      </c>
      <c r="EA18" s="315">
        <v>216</v>
      </c>
      <c r="EB18" s="312">
        <v>2306</v>
      </c>
      <c r="EC18" s="317">
        <v>2770</v>
      </c>
      <c r="ED18" s="311">
        <v>29</v>
      </c>
      <c r="EE18" s="315">
        <v>16</v>
      </c>
      <c r="EF18" s="312">
        <v>45</v>
      </c>
      <c r="EG18" s="314">
        <v>0</v>
      </c>
      <c r="EH18" s="315">
        <v>97</v>
      </c>
      <c r="EI18" s="315">
        <v>93</v>
      </c>
      <c r="EJ18" s="315">
        <v>78</v>
      </c>
      <c r="EK18" s="315">
        <v>117</v>
      </c>
      <c r="EL18" s="315">
        <v>78</v>
      </c>
      <c r="EM18" s="312">
        <v>463</v>
      </c>
      <c r="EN18" s="317">
        <v>508</v>
      </c>
      <c r="EO18" s="311">
        <v>196</v>
      </c>
      <c r="EP18" s="315">
        <v>381</v>
      </c>
      <c r="EQ18" s="312">
        <v>577</v>
      </c>
      <c r="ER18" s="314">
        <v>0</v>
      </c>
      <c r="ES18" s="315">
        <v>846</v>
      </c>
      <c r="ET18" s="315">
        <v>1129</v>
      </c>
      <c r="EU18" s="315">
        <v>611</v>
      </c>
      <c r="EV18" s="315">
        <v>358</v>
      </c>
      <c r="EW18" s="315">
        <v>215</v>
      </c>
      <c r="EX18" s="312">
        <v>3159</v>
      </c>
      <c r="EY18" s="317">
        <v>3736</v>
      </c>
    </row>
    <row r="19" spans="1:155" ht="19.5" customHeight="1" x14ac:dyDescent="0.2">
      <c r="A19" s="296" t="s">
        <v>17</v>
      </c>
      <c r="B19" s="311">
        <v>0</v>
      </c>
      <c r="C19" s="315">
        <v>0</v>
      </c>
      <c r="D19" s="437">
        <v>0</v>
      </c>
      <c r="E19" s="314">
        <v>0</v>
      </c>
      <c r="F19" s="315">
        <v>232</v>
      </c>
      <c r="G19" s="315">
        <v>432</v>
      </c>
      <c r="H19" s="315">
        <v>268</v>
      </c>
      <c r="I19" s="315">
        <v>198</v>
      </c>
      <c r="J19" s="315">
        <v>157</v>
      </c>
      <c r="K19" s="316">
        <v>1287</v>
      </c>
      <c r="L19" s="317">
        <v>1287</v>
      </c>
      <c r="M19" s="311">
        <v>0</v>
      </c>
      <c r="N19" s="315">
        <v>2</v>
      </c>
      <c r="O19" s="312">
        <v>2</v>
      </c>
      <c r="P19" s="314">
        <v>0</v>
      </c>
      <c r="Q19" s="315">
        <v>0</v>
      </c>
      <c r="R19" s="315">
        <v>17</v>
      </c>
      <c r="S19" s="315">
        <v>24</v>
      </c>
      <c r="T19" s="315">
        <v>38</v>
      </c>
      <c r="U19" s="315">
        <v>75</v>
      </c>
      <c r="V19" s="312">
        <v>154</v>
      </c>
      <c r="W19" s="317">
        <v>156</v>
      </c>
      <c r="X19" s="311">
        <v>33</v>
      </c>
      <c r="Y19" s="315">
        <v>87</v>
      </c>
      <c r="Z19" s="312">
        <v>120</v>
      </c>
      <c r="AA19" s="314">
        <v>0</v>
      </c>
      <c r="AB19" s="315">
        <v>157</v>
      </c>
      <c r="AC19" s="315">
        <v>300</v>
      </c>
      <c r="AD19" s="315">
        <v>174</v>
      </c>
      <c r="AE19" s="315">
        <v>165</v>
      </c>
      <c r="AF19" s="315">
        <v>136</v>
      </c>
      <c r="AG19" s="312">
        <v>932</v>
      </c>
      <c r="AH19" s="317">
        <v>1052</v>
      </c>
      <c r="AI19" s="311">
        <v>2</v>
      </c>
      <c r="AJ19" s="315">
        <v>7</v>
      </c>
      <c r="AK19" s="312">
        <v>9</v>
      </c>
      <c r="AL19" s="314">
        <v>0</v>
      </c>
      <c r="AM19" s="315">
        <v>9</v>
      </c>
      <c r="AN19" s="315">
        <v>31</v>
      </c>
      <c r="AO19" s="315">
        <v>23</v>
      </c>
      <c r="AP19" s="315">
        <v>13</v>
      </c>
      <c r="AQ19" s="315">
        <v>11</v>
      </c>
      <c r="AR19" s="312">
        <v>87</v>
      </c>
      <c r="AS19" s="317">
        <v>96</v>
      </c>
      <c r="AT19" s="311">
        <v>40</v>
      </c>
      <c r="AU19" s="315">
        <v>55</v>
      </c>
      <c r="AV19" s="312">
        <v>95</v>
      </c>
      <c r="AW19" s="314">
        <v>0</v>
      </c>
      <c r="AX19" s="315">
        <v>248</v>
      </c>
      <c r="AY19" s="315">
        <v>416</v>
      </c>
      <c r="AZ19" s="315">
        <v>349</v>
      </c>
      <c r="BA19" s="315">
        <v>355</v>
      </c>
      <c r="BB19" s="315">
        <v>283</v>
      </c>
      <c r="BC19" s="316">
        <v>1651</v>
      </c>
      <c r="BD19" s="317">
        <v>1746</v>
      </c>
      <c r="BE19" s="311">
        <v>0</v>
      </c>
      <c r="BF19" s="315">
        <v>0</v>
      </c>
      <c r="BG19" s="312">
        <v>0</v>
      </c>
      <c r="BH19" s="314">
        <v>0</v>
      </c>
      <c r="BI19" s="315">
        <v>334</v>
      </c>
      <c r="BJ19" s="315">
        <v>503</v>
      </c>
      <c r="BK19" s="315">
        <v>288</v>
      </c>
      <c r="BL19" s="315">
        <v>177</v>
      </c>
      <c r="BM19" s="315">
        <v>71</v>
      </c>
      <c r="BN19" s="312">
        <v>1373</v>
      </c>
      <c r="BO19" s="317">
        <v>1373</v>
      </c>
      <c r="BP19" s="311">
        <v>15</v>
      </c>
      <c r="BQ19" s="315">
        <v>52</v>
      </c>
      <c r="BR19" s="312">
        <v>67</v>
      </c>
      <c r="BS19" s="314">
        <v>0</v>
      </c>
      <c r="BT19" s="315">
        <v>63</v>
      </c>
      <c r="BU19" s="315">
        <v>152</v>
      </c>
      <c r="BV19" s="315">
        <v>74</v>
      </c>
      <c r="BW19" s="315">
        <v>44</v>
      </c>
      <c r="BX19" s="315">
        <v>14</v>
      </c>
      <c r="BY19" s="312">
        <v>347</v>
      </c>
      <c r="BZ19" s="317">
        <v>414</v>
      </c>
      <c r="CA19" s="311">
        <v>0</v>
      </c>
      <c r="CB19" s="315">
        <v>3</v>
      </c>
      <c r="CC19" s="312">
        <v>3</v>
      </c>
      <c r="CD19" s="314">
        <v>0</v>
      </c>
      <c r="CE19" s="315">
        <v>62</v>
      </c>
      <c r="CF19" s="315">
        <v>93</v>
      </c>
      <c r="CG19" s="315">
        <v>91</v>
      </c>
      <c r="CH19" s="315">
        <v>83</v>
      </c>
      <c r="CI19" s="315">
        <v>48</v>
      </c>
      <c r="CJ19" s="312">
        <v>377</v>
      </c>
      <c r="CK19" s="317">
        <v>380</v>
      </c>
      <c r="CL19" s="311">
        <v>0</v>
      </c>
      <c r="CM19" s="315">
        <v>0</v>
      </c>
      <c r="CN19" s="312">
        <v>0</v>
      </c>
      <c r="CO19" s="314">
        <v>0</v>
      </c>
      <c r="CP19" s="315">
        <v>2</v>
      </c>
      <c r="CQ19" s="315">
        <v>8</v>
      </c>
      <c r="CR19" s="315">
        <v>10</v>
      </c>
      <c r="CS19" s="315">
        <v>6</v>
      </c>
      <c r="CT19" s="315">
        <v>10</v>
      </c>
      <c r="CU19" s="312">
        <v>36</v>
      </c>
      <c r="CV19" s="317">
        <v>36</v>
      </c>
      <c r="CW19" s="311">
        <v>0</v>
      </c>
      <c r="CX19" s="315">
        <v>0</v>
      </c>
      <c r="CY19" s="312">
        <v>0</v>
      </c>
      <c r="CZ19" s="314">
        <v>0</v>
      </c>
      <c r="DA19" s="315">
        <v>0</v>
      </c>
      <c r="DB19" s="315">
        <v>0</v>
      </c>
      <c r="DC19" s="315">
        <v>0</v>
      </c>
      <c r="DD19" s="315">
        <v>0</v>
      </c>
      <c r="DE19" s="315">
        <v>0</v>
      </c>
      <c r="DF19" s="312">
        <v>0</v>
      </c>
      <c r="DG19" s="317">
        <v>0</v>
      </c>
      <c r="DH19" s="311">
        <v>0</v>
      </c>
      <c r="DI19" s="315">
        <v>0</v>
      </c>
      <c r="DJ19" s="312">
        <v>0</v>
      </c>
      <c r="DK19" s="314">
        <v>0</v>
      </c>
      <c r="DL19" s="315">
        <v>0</v>
      </c>
      <c r="DM19" s="315">
        <v>0</v>
      </c>
      <c r="DN19" s="315">
        <v>0</v>
      </c>
      <c r="DO19" s="315">
        <v>0</v>
      </c>
      <c r="DP19" s="315">
        <v>0</v>
      </c>
      <c r="DQ19" s="312">
        <v>0</v>
      </c>
      <c r="DR19" s="317">
        <v>0</v>
      </c>
      <c r="DS19" s="311">
        <v>195</v>
      </c>
      <c r="DT19" s="315">
        <v>475</v>
      </c>
      <c r="DU19" s="312">
        <v>670</v>
      </c>
      <c r="DV19" s="314">
        <v>0</v>
      </c>
      <c r="DW19" s="315">
        <v>405</v>
      </c>
      <c r="DX19" s="315">
        <v>1061</v>
      </c>
      <c r="DY19" s="315">
        <v>632</v>
      </c>
      <c r="DZ19" s="315">
        <v>514</v>
      </c>
      <c r="EA19" s="315">
        <v>328</v>
      </c>
      <c r="EB19" s="312">
        <v>2940</v>
      </c>
      <c r="EC19" s="317">
        <v>3610</v>
      </c>
      <c r="ED19" s="311">
        <v>29</v>
      </c>
      <c r="EE19" s="315">
        <v>36</v>
      </c>
      <c r="EF19" s="312">
        <v>65</v>
      </c>
      <c r="EG19" s="314">
        <v>0</v>
      </c>
      <c r="EH19" s="315">
        <v>98</v>
      </c>
      <c r="EI19" s="315">
        <v>90</v>
      </c>
      <c r="EJ19" s="315">
        <v>86</v>
      </c>
      <c r="EK19" s="315">
        <v>86</v>
      </c>
      <c r="EL19" s="315">
        <v>49</v>
      </c>
      <c r="EM19" s="312">
        <v>409</v>
      </c>
      <c r="EN19" s="317">
        <v>474</v>
      </c>
      <c r="EO19" s="311">
        <v>229</v>
      </c>
      <c r="EP19" s="315">
        <v>541</v>
      </c>
      <c r="EQ19" s="312">
        <v>770</v>
      </c>
      <c r="ER19" s="314">
        <v>0</v>
      </c>
      <c r="ES19" s="315">
        <v>909</v>
      </c>
      <c r="ET19" s="315">
        <v>1388</v>
      </c>
      <c r="EU19" s="315">
        <v>756</v>
      </c>
      <c r="EV19" s="315">
        <v>542</v>
      </c>
      <c r="EW19" s="315">
        <v>333</v>
      </c>
      <c r="EX19" s="312">
        <v>3928</v>
      </c>
      <c r="EY19" s="317">
        <v>4698</v>
      </c>
    </row>
    <row r="20" spans="1:155" ht="19.5" customHeight="1" x14ac:dyDescent="0.2">
      <c r="A20" s="296" t="s">
        <v>18</v>
      </c>
      <c r="B20" s="311">
        <v>0</v>
      </c>
      <c r="C20" s="315">
        <v>0</v>
      </c>
      <c r="D20" s="437">
        <v>0</v>
      </c>
      <c r="E20" s="314">
        <v>0</v>
      </c>
      <c r="F20" s="315">
        <v>497</v>
      </c>
      <c r="G20" s="315">
        <v>489</v>
      </c>
      <c r="H20" s="315">
        <v>271</v>
      </c>
      <c r="I20" s="315">
        <v>229</v>
      </c>
      <c r="J20" s="315">
        <v>140</v>
      </c>
      <c r="K20" s="316">
        <v>1626</v>
      </c>
      <c r="L20" s="317">
        <v>1626</v>
      </c>
      <c r="M20" s="311">
        <v>1</v>
      </c>
      <c r="N20" s="315">
        <v>1</v>
      </c>
      <c r="O20" s="312">
        <v>2</v>
      </c>
      <c r="P20" s="314">
        <v>0</v>
      </c>
      <c r="Q20" s="315">
        <v>1</v>
      </c>
      <c r="R20" s="315">
        <v>16</v>
      </c>
      <c r="S20" s="315">
        <v>20</v>
      </c>
      <c r="T20" s="315">
        <v>40</v>
      </c>
      <c r="U20" s="315">
        <v>75</v>
      </c>
      <c r="V20" s="312">
        <v>152</v>
      </c>
      <c r="W20" s="317">
        <v>154</v>
      </c>
      <c r="X20" s="311">
        <v>49</v>
      </c>
      <c r="Y20" s="315">
        <v>113</v>
      </c>
      <c r="Z20" s="312">
        <v>162</v>
      </c>
      <c r="AA20" s="314">
        <v>0</v>
      </c>
      <c r="AB20" s="315">
        <v>324</v>
      </c>
      <c r="AC20" s="315">
        <v>334</v>
      </c>
      <c r="AD20" s="315">
        <v>208</v>
      </c>
      <c r="AE20" s="315">
        <v>181</v>
      </c>
      <c r="AF20" s="315">
        <v>133</v>
      </c>
      <c r="AG20" s="312">
        <v>1180</v>
      </c>
      <c r="AH20" s="317">
        <v>1342</v>
      </c>
      <c r="AI20" s="311">
        <v>5</v>
      </c>
      <c r="AJ20" s="315">
        <v>6</v>
      </c>
      <c r="AK20" s="312">
        <v>11</v>
      </c>
      <c r="AL20" s="314">
        <v>0</v>
      </c>
      <c r="AM20" s="315">
        <v>39</v>
      </c>
      <c r="AN20" s="315">
        <v>38</v>
      </c>
      <c r="AO20" s="315">
        <v>30</v>
      </c>
      <c r="AP20" s="315">
        <v>28</v>
      </c>
      <c r="AQ20" s="315">
        <v>13</v>
      </c>
      <c r="AR20" s="312">
        <v>148</v>
      </c>
      <c r="AS20" s="317">
        <v>159</v>
      </c>
      <c r="AT20" s="311">
        <v>62</v>
      </c>
      <c r="AU20" s="315">
        <v>61</v>
      </c>
      <c r="AV20" s="312">
        <v>123</v>
      </c>
      <c r="AW20" s="314">
        <v>0</v>
      </c>
      <c r="AX20" s="315">
        <v>434</v>
      </c>
      <c r="AY20" s="315">
        <v>492</v>
      </c>
      <c r="AZ20" s="315">
        <v>461</v>
      </c>
      <c r="BA20" s="315">
        <v>417</v>
      </c>
      <c r="BB20" s="315">
        <v>322</v>
      </c>
      <c r="BC20" s="316">
        <v>2126</v>
      </c>
      <c r="BD20" s="317">
        <v>2249</v>
      </c>
      <c r="BE20" s="311">
        <v>0</v>
      </c>
      <c r="BF20" s="315">
        <v>0</v>
      </c>
      <c r="BG20" s="312">
        <v>0</v>
      </c>
      <c r="BH20" s="314">
        <v>0</v>
      </c>
      <c r="BI20" s="315">
        <v>556</v>
      </c>
      <c r="BJ20" s="315">
        <v>544</v>
      </c>
      <c r="BK20" s="315">
        <v>300</v>
      </c>
      <c r="BL20" s="315">
        <v>183</v>
      </c>
      <c r="BM20" s="315">
        <v>70</v>
      </c>
      <c r="BN20" s="312">
        <v>1653</v>
      </c>
      <c r="BO20" s="317">
        <v>1653</v>
      </c>
      <c r="BP20" s="311">
        <v>48</v>
      </c>
      <c r="BQ20" s="315">
        <v>76</v>
      </c>
      <c r="BR20" s="312">
        <v>124</v>
      </c>
      <c r="BS20" s="314">
        <v>0</v>
      </c>
      <c r="BT20" s="315">
        <v>164</v>
      </c>
      <c r="BU20" s="315">
        <v>166</v>
      </c>
      <c r="BV20" s="315">
        <v>90</v>
      </c>
      <c r="BW20" s="315">
        <v>68</v>
      </c>
      <c r="BX20" s="315">
        <v>18</v>
      </c>
      <c r="BY20" s="312">
        <v>506</v>
      </c>
      <c r="BZ20" s="317">
        <v>630</v>
      </c>
      <c r="CA20" s="311">
        <v>0</v>
      </c>
      <c r="CB20" s="315">
        <v>3</v>
      </c>
      <c r="CC20" s="312">
        <v>3</v>
      </c>
      <c r="CD20" s="314">
        <v>0</v>
      </c>
      <c r="CE20" s="315">
        <v>49</v>
      </c>
      <c r="CF20" s="315">
        <v>90</v>
      </c>
      <c r="CG20" s="315">
        <v>109</v>
      </c>
      <c r="CH20" s="315">
        <v>96</v>
      </c>
      <c r="CI20" s="315">
        <v>48</v>
      </c>
      <c r="CJ20" s="312">
        <v>392</v>
      </c>
      <c r="CK20" s="317">
        <v>395</v>
      </c>
      <c r="CL20" s="311">
        <v>0</v>
      </c>
      <c r="CM20" s="315">
        <v>0</v>
      </c>
      <c r="CN20" s="312">
        <v>0</v>
      </c>
      <c r="CO20" s="314">
        <v>0</v>
      </c>
      <c r="CP20" s="315">
        <v>2</v>
      </c>
      <c r="CQ20" s="315">
        <v>2</v>
      </c>
      <c r="CR20" s="315">
        <v>0</v>
      </c>
      <c r="CS20" s="315">
        <v>4</v>
      </c>
      <c r="CT20" s="315">
        <v>0</v>
      </c>
      <c r="CU20" s="312">
        <v>8</v>
      </c>
      <c r="CV20" s="317">
        <v>8</v>
      </c>
      <c r="CW20" s="311">
        <v>0</v>
      </c>
      <c r="CX20" s="315">
        <v>0</v>
      </c>
      <c r="CY20" s="312">
        <v>0</v>
      </c>
      <c r="CZ20" s="314">
        <v>0</v>
      </c>
      <c r="DA20" s="315">
        <v>0</v>
      </c>
      <c r="DB20" s="315">
        <v>0</v>
      </c>
      <c r="DC20" s="315">
        <v>0</v>
      </c>
      <c r="DD20" s="315">
        <v>0</v>
      </c>
      <c r="DE20" s="315">
        <v>0</v>
      </c>
      <c r="DF20" s="312">
        <v>0</v>
      </c>
      <c r="DG20" s="317">
        <v>0</v>
      </c>
      <c r="DH20" s="311">
        <v>0</v>
      </c>
      <c r="DI20" s="315">
        <v>0</v>
      </c>
      <c r="DJ20" s="312">
        <v>0</v>
      </c>
      <c r="DK20" s="314">
        <v>0</v>
      </c>
      <c r="DL20" s="315">
        <v>0</v>
      </c>
      <c r="DM20" s="315">
        <v>0</v>
      </c>
      <c r="DN20" s="315">
        <v>0</v>
      </c>
      <c r="DO20" s="315">
        <v>0</v>
      </c>
      <c r="DP20" s="315">
        <v>0</v>
      </c>
      <c r="DQ20" s="312">
        <v>0</v>
      </c>
      <c r="DR20" s="317">
        <v>0</v>
      </c>
      <c r="DS20" s="311">
        <v>215</v>
      </c>
      <c r="DT20" s="315">
        <v>484</v>
      </c>
      <c r="DU20" s="312">
        <v>699</v>
      </c>
      <c r="DV20" s="314">
        <v>0</v>
      </c>
      <c r="DW20" s="315">
        <v>791</v>
      </c>
      <c r="DX20" s="315">
        <v>1060</v>
      </c>
      <c r="DY20" s="315">
        <v>644</v>
      </c>
      <c r="DZ20" s="315">
        <v>510</v>
      </c>
      <c r="EA20" s="315">
        <v>283</v>
      </c>
      <c r="EB20" s="312">
        <v>3288</v>
      </c>
      <c r="EC20" s="317">
        <v>3987</v>
      </c>
      <c r="ED20" s="311">
        <v>25</v>
      </c>
      <c r="EE20" s="315">
        <v>16</v>
      </c>
      <c r="EF20" s="312">
        <v>41</v>
      </c>
      <c r="EG20" s="314">
        <v>0</v>
      </c>
      <c r="EH20" s="315">
        <v>126</v>
      </c>
      <c r="EI20" s="315">
        <v>98</v>
      </c>
      <c r="EJ20" s="315">
        <v>91</v>
      </c>
      <c r="EK20" s="315">
        <v>84</v>
      </c>
      <c r="EL20" s="315">
        <v>71</v>
      </c>
      <c r="EM20" s="312">
        <v>470</v>
      </c>
      <c r="EN20" s="317">
        <v>511</v>
      </c>
      <c r="EO20" s="311">
        <v>283</v>
      </c>
      <c r="EP20" s="315">
        <v>596</v>
      </c>
      <c r="EQ20" s="312">
        <v>879</v>
      </c>
      <c r="ER20" s="314">
        <v>0</v>
      </c>
      <c r="ES20" s="315">
        <v>1547</v>
      </c>
      <c r="ET20" s="315">
        <v>1429</v>
      </c>
      <c r="EU20" s="315">
        <v>783</v>
      </c>
      <c r="EV20" s="315">
        <v>545</v>
      </c>
      <c r="EW20" s="315">
        <v>283</v>
      </c>
      <c r="EX20" s="312">
        <v>4587</v>
      </c>
      <c r="EY20" s="317">
        <v>5466</v>
      </c>
    </row>
    <row r="21" spans="1:155" ht="19.5" customHeight="1" x14ac:dyDescent="0.2">
      <c r="A21" s="296" t="s">
        <v>19</v>
      </c>
      <c r="B21" s="311">
        <v>0</v>
      </c>
      <c r="C21" s="315">
        <v>0</v>
      </c>
      <c r="D21" s="437">
        <v>0</v>
      </c>
      <c r="E21" s="314">
        <v>0</v>
      </c>
      <c r="F21" s="315">
        <v>182</v>
      </c>
      <c r="G21" s="315">
        <v>157</v>
      </c>
      <c r="H21" s="315">
        <v>96</v>
      </c>
      <c r="I21" s="315">
        <v>81</v>
      </c>
      <c r="J21" s="315">
        <v>55</v>
      </c>
      <c r="K21" s="316">
        <v>571</v>
      </c>
      <c r="L21" s="317">
        <v>571</v>
      </c>
      <c r="M21" s="311">
        <v>0</v>
      </c>
      <c r="N21" s="315">
        <v>0</v>
      </c>
      <c r="O21" s="312">
        <v>0</v>
      </c>
      <c r="P21" s="314">
        <v>0</v>
      </c>
      <c r="Q21" s="315">
        <v>4</v>
      </c>
      <c r="R21" s="315">
        <v>5</v>
      </c>
      <c r="S21" s="315">
        <v>11</v>
      </c>
      <c r="T21" s="315">
        <v>19</v>
      </c>
      <c r="U21" s="315">
        <v>29</v>
      </c>
      <c r="V21" s="312">
        <v>68</v>
      </c>
      <c r="W21" s="317">
        <v>68</v>
      </c>
      <c r="X21" s="311">
        <v>35</v>
      </c>
      <c r="Y21" s="315">
        <v>50</v>
      </c>
      <c r="Z21" s="312">
        <v>85</v>
      </c>
      <c r="AA21" s="314">
        <v>0</v>
      </c>
      <c r="AB21" s="315">
        <v>143</v>
      </c>
      <c r="AC21" s="315">
        <v>135</v>
      </c>
      <c r="AD21" s="315">
        <v>86</v>
      </c>
      <c r="AE21" s="315">
        <v>70</v>
      </c>
      <c r="AF21" s="315">
        <v>63</v>
      </c>
      <c r="AG21" s="312">
        <v>497</v>
      </c>
      <c r="AH21" s="317">
        <v>582</v>
      </c>
      <c r="AI21" s="311">
        <v>4</v>
      </c>
      <c r="AJ21" s="315">
        <v>8</v>
      </c>
      <c r="AK21" s="312">
        <v>12</v>
      </c>
      <c r="AL21" s="314">
        <v>0</v>
      </c>
      <c r="AM21" s="315">
        <v>20</v>
      </c>
      <c r="AN21" s="315">
        <v>10</v>
      </c>
      <c r="AO21" s="315">
        <v>8</v>
      </c>
      <c r="AP21" s="315">
        <v>7</v>
      </c>
      <c r="AQ21" s="315">
        <v>3</v>
      </c>
      <c r="AR21" s="312">
        <v>48</v>
      </c>
      <c r="AS21" s="317">
        <v>60</v>
      </c>
      <c r="AT21" s="311">
        <v>38</v>
      </c>
      <c r="AU21" s="315">
        <v>30</v>
      </c>
      <c r="AV21" s="312">
        <v>68</v>
      </c>
      <c r="AW21" s="314">
        <v>0</v>
      </c>
      <c r="AX21" s="315">
        <v>168</v>
      </c>
      <c r="AY21" s="315">
        <v>188</v>
      </c>
      <c r="AZ21" s="315">
        <v>157</v>
      </c>
      <c r="BA21" s="315">
        <v>166</v>
      </c>
      <c r="BB21" s="315">
        <v>128</v>
      </c>
      <c r="BC21" s="316">
        <v>807</v>
      </c>
      <c r="BD21" s="317">
        <v>875</v>
      </c>
      <c r="BE21" s="311">
        <v>0</v>
      </c>
      <c r="BF21" s="315">
        <v>0</v>
      </c>
      <c r="BG21" s="312">
        <v>0</v>
      </c>
      <c r="BH21" s="314">
        <v>0</v>
      </c>
      <c r="BI21" s="315">
        <v>261</v>
      </c>
      <c r="BJ21" s="315">
        <v>230</v>
      </c>
      <c r="BK21" s="315">
        <v>122</v>
      </c>
      <c r="BL21" s="315">
        <v>57</v>
      </c>
      <c r="BM21" s="315">
        <v>41</v>
      </c>
      <c r="BN21" s="312">
        <v>711</v>
      </c>
      <c r="BO21" s="317">
        <v>711</v>
      </c>
      <c r="BP21" s="311">
        <v>13</v>
      </c>
      <c r="BQ21" s="315">
        <v>35</v>
      </c>
      <c r="BR21" s="312">
        <v>48</v>
      </c>
      <c r="BS21" s="314">
        <v>0</v>
      </c>
      <c r="BT21" s="315">
        <v>78</v>
      </c>
      <c r="BU21" s="315">
        <v>77</v>
      </c>
      <c r="BV21" s="315">
        <v>40</v>
      </c>
      <c r="BW21" s="315">
        <v>28</v>
      </c>
      <c r="BX21" s="315">
        <v>10</v>
      </c>
      <c r="BY21" s="312">
        <v>233</v>
      </c>
      <c r="BZ21" s="317">
        <v>281</v>
      </c>
      <c r="CA21" s="311">
        <v>0</v>
      </c>
      <c r="CB21" s="315">
        <v>4</v>
      </c>
      <c r="CC21" s="312">
        <v>4</v>
      </c>
      <c r="CD21" s="314">
        <v>0</v>
      </c>
      <c r="CE21" s="315">
        <v>26</v>
      </c>
      <c r="CF21" s="315">
        <v>42</v>
      </c>
      <c r="CG21" s="315">
        <v>56</v>
      </c>
      <c r="CH21" s="315">
        <v>21</v>
      </c>
      <c r="CI21" s="315">
        <v>13</v>
      </c>
      <c r="CJ21" s="312">
        <v>158</v>
      </c>
      <c r="CK21" s="317">
        <v>162</v>
      </c>
      <c r="CL21" s="311">
        <v>0</v>
      </c>
      <c r="CM21" s="315">
        <v>0</v>
      </c>
      <c r="CN21" s="312">
        <v>0</v>
      </c>
      <c r="CO21" s="314">
        <v>0</v>
      </c>
      <c r="CP21" s="315">
        <v>5</v>
      </c>
      <c r="CQ21" s="315">
        <v>10</v>
      </c>
      <c r="CR21" s="315">
        <v>7</v>
      </c>
      <c r="CS21" s="315">
        <v>8</v>
      </c>
      <c r="CT21" s="315">
        <v>3</v>
      </c>
      <c r="CU21" s="312">
        <v>33</v>
      </c>
      <c r="CV21" s="317">
        <v>33</v>
      </c>
      <c r="CW21" s="311">
        <v>0</v>
      </c>
      <c r="CX21" s="315">
        <v>0</v>
      </c>
      <c r="CY21" s="312">
        <v>0</v>
      </c>
      <c r="CZ21" s="314">
        <v>0</v>
      </c>
      <c r="DA21" s="315">
        <v>0</v>
      </c>
      <c r="DB21" s="315">
        <v>0</v>
      </c>
      <c r="DC21" s="315">
        <v>0</v>
      </c>
      <c r="DD21" s="315">
        <v>0</v>
      </c>
      <c r="DE21" s="315">
        <v>0</v>
      </c>
      <c r="DF21" s="312">
        <v>0</v>
      </c>
      <c r="DG21" s="317">
        <v>0</v>
      </c>
      <c r="DH21" s="311">
        <v>0</v>
      </c>
      <c r="DI21" s="315">
        <v>0</v>
      </c>
      <c r="DJ21" s="312">
        <v>0</v>
      </c>
      <c r="DK21" s="314">
        <v>0</v>
      </c>
      <c r="DL21" s="315">
        <v>0</v>
      </c>
      <c r="DM21" s="315">
        <v>0</v>
      </c>
      <c r="DN21" s="315">
        <v>0</v>
      </c>
      <c r="DO21" s="315">
        <v>0</v>
      </c>
      <c r="DP21" s="315">
        <v>0</v>
      </c>
      <c r="DQ21" s="312">
        <v>0</v>
      </c>
      <c r="DR21" s="317">
        <v>0</v>
      </c>
      <c r="DS21" s="311">
        <v>88</v>
      </c>
      <c r="DT21" s="315">
        <v>212</v>
      </c>
      <c r="DU21" s="312">
        <v>300</v>
      </c>
      <c r="DV21" s="314">
        <v>0</v>
      </c>
      <c r="DW21" s="315">
        <v>380</v>
      </c>
      <c r="DX21" s="315">
        <v>436</v>
      </c>
      <c r="DY21" s="315">
        <v>266</v>
      </c>
      <c r="DZ21" s="315">
        <v>179</v>
      </c>
      <c r="EA21" s="315">
        <v>135</v>
      </c>
      <c r="EB21" s="312">
        <v>1396</v>
      </c>
      <c r="EC21" s="317">
        <v>1696</v>
      </c>
      <c r="ED21" s="311">
        <v>14</v>
      </c>
      <c r="EE21" s="315">
        <v>15</v>
      </c>
      <c r="EF21" s="312">
        <v>29</v>
      </c>
      <c r="EG21" s="314">
        <v>0</v>
      </c>
      <c r="EH21" s="315">
        <v>67</v>
      </c>
      <c r="EI21" s="315">
        <v>49</v>
      </c>
      <c r="EJ21" s="315">
        <v>47</v>
      </c>
      <c r="EK21" s="315">
        <v>56</v>
      </c>
      <c r="EL21" s="315">
        <v>24</v>
      </c>
      <c r="EM21" s="312">
        <v>243</v>
      </c>
      <c r="EN21" s="317">
        <v>272</v>
      </c>
      <c r="EO21" s="311">
        <v>132</v>
      </c>
      <c r="EP21" s="315">
        <v>251</v>
      </c>
      <c r="EQ21" s="312">
        <v>383</v>
      </c>
      <c r="ER21" s="314">
        <v>0</v>
      </c>
      <c r="ES21" s="315">
        <v>684</v>
      </c>
      <c r="ET21" s="315">
        <v>573</v>
      </c>
      <c r="EU21" s="315">
        <v>304</v>
      </c>
      <c r="EV21" s="315">
        <v>173</v>
      </c>
      <c r="EW21" s="315">
        <v>119</v>
      </c>
      <c r="EX21" s="312">
        <v>1853</v>
      </c>
      <c r="EY21" s="317">
        <v>2236</v>
      </c>
    </row>
    <row r="22" spans="1:155" ht="19.5" customHeight="1" x14ac:dyDescent="0.2">
      <c r="A22" s="296" t="s">
        <v>20</v>
      </c>
      <c r="B22" s="311">
        <v>0</v>
      </c>
      <c r="C22" s="315">
        <v>0</v>
      </c>
      <c r="D22" s="437">
        <v>0</v>
      </c>
      <c r="E22" s="314">
        <v>0</v>
      </c>
      <c r="F22" s="315">
        <v>258</v>
      </c>
      <c r="G22" s="315">
        <v>172</v>
      </c>
      <c r="H22" s="315">
        <v>116</v>
      </c>
      <c r="I22" s="315">
        <v>77</v>
      </c>
      <c r="J22" s="315">
        <v>60</v>
      </c>
      <c r="K22" s="316">
        <v>683</v>
      </c>
      <c r="L22" s="317">
        <v>683</v>
      </c>
      <c r="M22" s="311">
        <v>0</v>
      </c>
      <c r="N22" s="315">
        <v>0</v>
      </c>
      <c r="O22" s="312">
        <v>0</v>
      </c>
      <c r="P22" s="314">
        <v>0</v>
      </c>
      <c r="Q22" s="315">
        <v>1</v>
      </c>
      <c r="R22" s="315">
        <v>10</v>
      </c>
      <c r="S22" s="315">
        <v>12</v>
      </c>
      <c r="T22" s="315">
        <v>18</v>
      </c>
      <c r="U22" s="315">
        <v>37</v>
      </c>
      <c r="V22" s="312">
        <v>78</v>
      </c>
      <c r="W22" s="317">
        <v>78</v>
      </c>
      <c r="X22" s="311">
        <v>21</v>
      </c>
      <c r="Y22" s="315">
        <v>56</v>
      </c>
      <c r="Z22" s="312">
        <v>77</v>
      </c>
      <c r="AA22" s="314">
        <v>0</v>
      </c>
      <c r="AB22" s="315">
        <v>244</v>
      </c>
      <c r="AC22" s="315">
        <v>152</v>
      </c>
      <c r="AD22" s="315">
        <v>99</v>
      </c>
      <c r="AE22" s="315">
        <v>77</v>
      </c>
      <c r="AF22" s="315">
        <v>48</v>
      </c>
      <c r="AG22" s="312">
        <v>620</v>
      </c>
      <c r="AH22" s="317">
        <v>697</v>
      </c>
      <c r="AI22" s="311">
        <v>11</v>
      </c>
      <c r="AJ22" s="315">
        <v>34</v>
      </c>
      <c r="AK22" s="312">
        <v>45</v>
      </c>
      <c r="AL22" s="314">
        <v>0</v>
      </c>
      <c r="AM22" s="315">
        <v>53</v>
      </c>
      <c r="AN22" s="315">
        <v>54</v>
      </c>
      <c r="AO22" s="315">
        <v>35</v>
      </c>
      <c r="AP22" s="315">
        <v>24</v>
      </c>
      <c r="AQ22" s="315">
        <v>12</v>
      </c>
      <c r="AR22" s="312">
        <v>178</v>
      </c>
      <c r="AS22" s="317">
        <v>223</v>
      </c>
      <c r="AT22" s="311">
        <v>19</v>
      </c>
      <c r="AU22" s="315">
        <v>49</v>
      </c>
      <c r="AV22" s="312">
        <v>68</v>
      </c>
      <c r="AW22" s="314">
        <v>0</v>
      </c>
      <c r="AX22" s="315">
        <v>221</v>
      </c>
      <c r="AY22" s="315">
        <v>219</v>
      </c>
      <c r="AZ22" s="315">
        <v>182</v>
      </c>
      <c r="BA22" s="315">
        <v>190</v>
      </c>
      <c r="BB22" s="315">
        <v>121</v>
      </c>
      <c r="BC22" s="316">
        <v>933</v>
      </c>
      <c r="BD22" s="317">
        <v>1001</v>
      </c>
      <c r="BE22" s="311">
        <v>0</v>
      </c>
      <c r="BF22" s="315">
        <v>0</v>
      </c>
      <c r="BG22" s="312">
        <v>0</v>
      </c>
      <c r="BH22" s="314">
        <v>0</v>
      </c>
      <c r="BI22" s="315">
        <v>284</v>
      </c>
      <c r="BJ22" s="315">
        <v>166</v>
      </c>
      <c r="BK22" s="315">
        <v>129</v>
      </c>
      <c r="BL22" s="315">
        <v>70</v>
      </c>
      <c r="BM22" s="315">
        <v>30</v>
      </c>
      <c r="BN22" s="312">
        <v>679</v>
      </c>
      <c r="BO22" s="317">
        <v>679</v>
      </c>
      <c r="BP22" s="311">
        <v>21</v>
      </c>
      <c r="BQ22" s="315">
        <v>48</v>
      </c>
      <c r="BR22" s="312">
        <v>69</v>
      </c>
      <c r="BS22" s="314">
        <v>0</v>
      </c>
      <c r="BT22" s="315">
        <v>166</v>
      </c>
      <c r="BU22" s="315">
        <v>101</v>
      </c>
      <c r="BV22" s="315">
        <v>64</v>
      </c>
      <c r="BW22" s="315">
        <v>35</v>
      </c>
      <c r="BX22" s="315">
        <v>14</v>
      </c>
      <c r="BY22" s="312">
        <v>380</v>
      </c>
      <c r="BZ22" s="317">
        <v>449</v>
      </c>
      <c r="CA22" s="311">
        <v>2</v>
      </c>
      <c r="CB22" s="315">
        <v>6</v>
      </c>
      <c r="CC22" s="312">
        <v>8</v>
      </c>
      <c r="CD22" s="314">
        <v>0</v>
      </c>
      <c r="CE22" s="315">
        <v>41</v>
      </c>
      <c r="CF22" s="315">
        <v>34</v>
      </c>
      <c r="CG22" s="315">
        <v>77</v>
      </c>
      <c r="CH22" s="315">
        <v>43</v>
      </c>
      <c r="CI22" s="315">
        <v>15</v>
      </c>
      <c r="CJ22" s="312">
        <v>210</v>
      </c>
      <c r="CK22" s="317">
        <v>218</v>
      </c>
      <c r="CL22" s="311">
        <v>0</v>
      </c>
      <c r="CM22" s="315">
        <v>0</v>
      </c>
      <c r="CN22" s="312">
        <v>0</v>
      </c>
      <c r="CO22" s="314">
        <v>0</v>
      </c>
      <c r="CP22" s="315">
        <v>1</v>
      </c>
      <c r="CQ22" s="315">
        <v>4</v>
      </c>
      <c r="CR22" s="315">
        <v>8</v>
      </c>
      <c r="CS22" s="315">
        <v>6</v>
      </c>
      <c r="CT22" s="315">
        <v>4</v>
      </c>
      <c r="CU22" s="312">
        <v>23</v>
      </c>
      <c r="CV22" s="317">
        <v>23</v>
      </c>
      <c r="CW22" s="311">
        <v>0</v>
      </c>
      <c r="CX22" s="315">
        <v>0</v>
      </c>
      <c r="CY22" s="312">
        <v>0</v>
      </c>
      <c r="CZ22" s="314">
        <v>0</v>
      </c>
      <c r="DA22" s="315">
        <v>0</v>
      </c>
      <c r="DB22" s="315">
        <v>0</v>
      </c>
      <c r="DC22" s="315">
        <v>0</v>
      </c>
      <c r="DD22" s="315">
        <v>0</v>
      </c>
      <c r="DE22" s="315">
        <v>0</v>
      </c>
      <c r="DF22" s="312">
        <v>0</v>
      </c>
      <c r="DG22" s="317">
        <v>0</v>
      </c>
      <c r="DH22" s="311">
        <v>0</v>
      </c>
      <c r="DI22" s="315">
        <v>0</v>
      </c>
      <c r="DJ22" s="312">
        <v>0</v>
      </c>
      <c r="DK22" s="314">
        <v>0</v>
      </c>
      <c r="DL22" s="315">
        <v>0</v>
      </c>
      <c r="DM22" s="315">
        <v>0</v>
      </c>
      <c r="DN22" s="315">
        <v>0</v>
      </c>
      <c r="DO22" s="315">
        <v>0</v>
      </c>
      <c r="DP22" s="315">
        <v>0</v>
      </c>
      <c r="DQ22" s="312">
        <v>0</v>
      </c>
      <c r="DR22" s="317">
        <v>0</v>
      </c>
      <c r="DS22" s="311">
        <v>127</v>
      </c>
      <c r="DT22" s="315">
        <v>308</v>
      </c>
      <c r="DU22" s="312">
        <v>435</v>
      </c>
      <c r="DV22" s="314">
        <v>0</v>
      </c>
      <c r="DW22" s="315">
        <v>533</v>
      </c>
      <c r="DX22" s="315">
        <v>427</v>
      </c>
      <c r="DY22" s="315">
        <v>280</v>
      </c>
      <c r="DZ22" s="315">
        <v>206</v>
      </c>
      <c r="EA22" s="315">
        <v>109</v>
      </c>
      <c r="EB22" s="312">
        <v>1555</v>
      </c>
      <c r="EC22" s="317">
        <v>1990</v>
      </c>
      <c r="ED22" s="311">
        <v>9</v>
      </c>
      <c r="EE22" s="315">
        <v>28</v>
      </c>
      <c r="EF22" s="312">
        <v>37</v>
      </c>
      <c r="EG22" s="314">
        <v>0</v>
      </c>
      <c r="EH22" s="315">
        <v>69</v>
      </c>
      <c r="EI22" s="315">
        <v>71</v>
      </c>
      <c r="EJ22" s="315">
        <v>47</v>
      </c>
      <c r="EK22" s="315">
        <v>72</v>
      </c>
      <c r="EL22" s="315">
        <v>32</v>
      </c>
      <c r="EM22" s="312">
        <v>291</v>
      </c>
      <c r="EN22" s="317">
        <v>328</v>
      </c>
      <c r="EO22" s="311">
        <v>178</v>
      </c>
      <c r="EP22" s="315">
        <v>404</v>
      </c>
      <c r="EQ22" s="312">
        <v>582</v>
      </c>
      <c r="ER22" s="314">
        <v>0</v>
      </c>
      <c r="ES22" s="315">
        <v>961</v>
      </c>
      <c r="ET22" s="315">
        <v>555</v>
      </c>
      <c r="EU22" s="315">
        <v>358</v>
      </c>
      <c r="EV22" s="315">
        <v>224</v>
      </c>
      <c r="EW22" s="315">
        <v>114</v>
      </c>
      <c r="EX22" s="312">
        <v>2212</v>
      </c>
      <c r="EY22" s="317">
        <v>2794</v>
      </c>
    </row>
    <row r="23" spans="1:155" ht="19.5" customHeight="1" x14ac:dyDescent="0.2">
      <c r="A23" s="296" t="s">
        <v>21</v>
      </c>
      <c r="B23" s="311">
        <v>0</v>
      </c>
      <c r="C23" s="315">
        <v>0</v>
      </c>
      <c r="D23" s="437">
        <v>0</v>
      </c>
      <c r="E23" s="314">
        <v>0</v>
      </c>
      <c r="F23" s="315">
        <v>246</v>
      </c>
      <c r="G23" s="315">
        <v>320</v>
      </c>
      <c r="H23" s="315">
        <v>188</v>
      </c>
      <c r="I23" s="315">
        <v>112</v>
      </c>
      <c r="J23" s="315">
        <v>80</v>
      </c>
      <c r="K23" s="316">
        <v>946</v>
      </c>
      <c r="L23" s="317">
        <v>946</v>
      </c>
      <c r="M23" s="311">
        <v>0</v>
      </c>
      <c r="N23" s="315">
        <v>0</v>
      </c>
      <c r="O23" s="312">
        <v>0</v>
      </c>
      <c r="P23" s="314">
        <v>0</v>
      </c>
      <c r="Q23" s="315">
        <v>1</v>
      </c>
      <c r="R23" s="315">
        <v>2</v>
      </c>
      <c r="S23" s="315">
        <v>13</v>
      </c>
      <c r="T23" s="315">
        <v>25</v>
      </c>
      <c r="U23" s="315">
        <v>48</v>
      </c>
      <c r="V23" s="312">
        <v>89</v>
      </c>
      <c r="W23" s="317">
        <v>89</v>
      </c>
      <c r="X23" s="311">
        <v>50</v>
      </c>
      <c r="Y23" s="315">
        <v>78</v>
      </c>
      <c r="Z23" s="312">
        <v>128</v>
      </c>
      <c r="AA23" s="314">
        <v>0</v>
      </c>
      <c r="AB23" s="315">
        <v>196</v>
      </c>
      <c r="AC23" s="315">
        <v>244</v>
      </c>
      <c r="AD23" s="315">
        <v>141</v>
      </c>
      <c r="AE23" s="315">
        <v>114</v>
      </c>
      <c r="AF23" s="315">
        <v>65</v>
      </c>
      <c r="AG23" s="312">
        <v>760</v>
      </c>
      <c r="AH23" s="317">
        <v>888</v>
      </c>
      <c r="AI23" s="311">
        <v>16</v>
      </c>
      <c r="AJ23" s="315">
        <v>27</v>
      </c>
      <c r="AK23" s="312">
        <v>43</v>
      </c>
      <c r="AL23" s="314">
        <v>0</v>
      </c>
      <c r="AM23" s="315">
        <v>22</v>
      </c>
      <c r="AN23" s="315">
        <v>35</v>
      </c>
      <c r="AO23" s="315">
        <v>16</v>
      </c>
      <c r="AP23" s="315">
        <v>14</v>
      </c>
      <c r="AQ23" s="315">
        <v>7</v>
      </c>
      <c r="AR23" s="312">
        <v>94</v>
      </c>
      <c r="AS23" s="317">
        <v>137</v>
      </c>
      <c r="AT23" s="311">
        <v>43</v>
      </c>
      <c r="AU23" s="315">
        <v>44</v>
      </c>
      <c r="AV23" s="312">
        <v>87</v>
      </c>
      <c r="AW23" s="314">
        <v>0</v>
      </c>
      <c r="AX23" s="315">
        <v>213</v>
      </c>
      <c r="AY23" s="315">
        <v>319</v>
      </c>
      <c r="AZ23" s="315">
        <v>259</v>
      </c>
      <c r="BA23" s="315">
        <v>216</v>
      </c>
      <c r="BB23" s="315">
        <v>168</v>
      </c>
      <c r="BC23" s="316">
        <v>1175</v>
      </c>
      <c r="BD23" s="317">
        <v>1262</v>
      </c>
      <c r="BE23" s="311">
        <v>0</v>
      </c>
      <c r="BF23" s="315">
        <v>0</v>
      </c>
      <c r="BG23" s="312">
        <v>0</v>
      </c>
      <c r="BH23" s="314">
        <v>0</v>
      </c>
      <c r="BI23" s="315">
        <v>248</v>
      </c>
      <c r="BJ23" s="315">
        <v>323</v>
      </c>
      <c r="BK23" s="315">
        <v>167</v>
      </c>
      <c r="BL23" s="315">
        <v>95</v>
      </c>
      <c r="BM23" s="315">
        <v>32</v>
      </c>
      <c r="BN23" s="312">
        <v>865</v>
      </c>
      <c r="BO23" s="317">
        <v>865</v>
      </c>
      <c r="BP23" s="311">
        <v>27</v>
      </c>
      <c r="BQ23" s="315">
        <v>42</v>
      </c>
      <c r="BR23" s="312">
        <v>69</v>
      </c>
      <c r="BS23" s="314">
        <v>0</v>
      </c>
      <c r="BT23" s="315">
        <v>51</v>
      </c>
      <c r="BU23" s="315">
        <v>69</v>
      </c>
      <c r="BV23" s="315">
        <v>38</v>
      </c>
      <c r="BW23" s="315">
        <v>14</v>
      </c>
      <c r="BX23" s="315">
        <v>16</v>
      </c>
      <c r="BY23" s="312">
        <v>188</v>
      </c>
      <c r="BZ23" s="317">
        <v>257</v>
      </c>
      <c r="CA23" s="311">
        <v>1</v>
      </c>
      <c r="CB23" s="315">
        <v>2</v>
      </c>
      <c r="CC23" s="312">
        <v>3</v>
      </c>
      <c r="CD23" s="314">
        <v>0</v>
      </c>
      <c r="CE23" s="315">
        <v>24</v>
      </c>
      <c r="CF23" s="315">
        <v>48</v>
      </c>
      <c r="CG23" s="315">
        <v>80</v>
      </c>
      <c r="CH23" s="315">
        <v>63</v>
      </c>
      <c r="CI23" s="315">
        <v>31</v>
      </c>
      <c r="CJ23" s="312">
        <v>246</v>
      </c>
      <c r="CK23" s="317">
        <v>249</v>
      </c>
      <c r="CL23" s="311">
        <v>0</v>
      </c>
      <c r="CM23" s="315">
        <v>0</v>
      </c>
      <c r="CN23" s="312">
        <v>0</v>
      </c>
      <c r="CO23" s="314">
        <v>0</v>
      </c>
      <c r="CP23" s="315">
        <v>1</v>
      </c>
      <c r="CQ23" s="315">
        <v>3</v>
      </c>
      <c r="CR23" s="315">
        <v>2</v>
      </c>
      <c r="CS23" s="315">
        <v>1</v>
      </c>
      <c r="CT23" s="315">
        <v>1</v>
      </c>
      <c r="CU23" s="312">
        <v>8</v>
      </c>
      <c r="CV23" s="317">
        <v>8</v>
      </c>
      <c r="CW23" s="311">
        <v>0</v>
      </c>
      <c r="CX23" s="315">
        <v>0</v>
      </c>
      <c r="CY23" s="312">
        <v>0</v>
      </c>
      <c r="CZ23" s="314">
        <v>0</v>
      </c>
      <c r="DA23" s="315">
        <v>0</v>
      </c>
      <c r="DB23" s="315">
        <v>0</v>
      </c>
      <c r="DC23" s="315">
        <v>0</v>
      </c>
      <c r="DD23" s="315">
        <v>0</v>
      </c>
      <c r="DE23" s="315">
        <v>0</v>
      </c>
      <c r="DF23" s="312">
        <v>0</v>
      </c>
      <c r="DG23" s="317">
        <v>0</v>
      </c>
      <c r="DH23" s="311">
        <v>0</v>
      </c>
      <c r="DI23" s="315">
        <v>0</v>
      </c>
      <c r="DJ23" s="312">
        <v>0</v>
      </c>
      <c r="DK23" s="314">
        <v>0</v>
      </c>
      <c r="DL23" s="315">
        <v>0</v>
      </c>
      <c r="DM23" s="315">
        <v>0</v>
      </c>
      <c r="DN23" s="315">
        <v>0</v>
      </c>
      <c r="DO23" s="315">
        <v>0</v>
      </c>
      <c r="DP23" s="315">
        <v>0</v>
      </c>
      <c r="DQ23" s="312">
        <v>0</v>
      </c>
      <c r="DR23" s="317">
        <v>0</v>
      </c>
      <c r="DS23" s="311">
        <v>179</v>
      </c>
      <c r="DT23" s="315">
        <v>315</v>
      </c>
      <c r="DU23" s="312">
        <v>494</v>
      </c>
      <c r="DV23" s="314">
        <v>0</v>
      </c>
      <c r="DW23" s="315">
        <v>335</v>
      </c>
      <c r="DX23" s="315">
        <v>642</v>
      </c>
      <c r="DY23" s="315">
        <v>377</v>
      </c>
      <c r="DZ23" s="315">
        <v>263</v>
      </c>
      <c r="EA23" s="315">
        <v>146</v>
      </c>
      <c r="EB23" s="312">
        <v>1763</v>
      </c>
      <c r="EC23" s="317">
        <v>2257</v>
      </c>
      <c r="ED23" s="311">
        <v>22</v>
      </c>
      <c r="EE23" s="315">
        <v>18</v>
      </c>
      <c r="EF23" s="312">
        <v>40</v>
      </c>
      <c r="EG23" s="314">
        <v>0</v>
      </c>
      <c r="EH23" s="315">
        <v>57</v>
      </c>
      <c r="EI23" s="315">
        <v>73</v>
      </c>
      <c r="EJ23" s="315">
        <v>57</v>
      </c>
      <c r="EK23" s="315">
        <v>42</v>
      </c>
      <c r="EL23" s="315">
        <v>42</v>
      </c>
      <c r="EM23" s="312">
        <v>271</v>
      </c>
      <c r="EN23" s="317">
        <v>311</v>
      </c>
      <c r="EO23" s="311">
        <v>241</v>
      </c>
      <c r="EP23" s="315">
        <v>394</v>
      </c>
      <c r="EQ23" s="312">
        <v>635</v>
      </c>
      <c r="ER23" s="314">
        <v>0</v>
      </c>
      <c r="ES23" s="315">
        <v>736</v>
      </c>
      <c r="ET23" s="315">
        <v>901</v>
      </c>
      <c r="EU23" s="315">
        <v>461</v>
      </c>
      <c r="EV23" s="315">
        <v>294</v>
      </c>
      <c r="EW23" s="315">
        <v>152</v>
      </c>
      <c r="EX23" s="312">
        <v>2544</v>
      </c>
      <c r="EY23" s="317">
        <v>3179</v>
      </c>
    </row>
    <row r="24" spans="1:155" ht="19.5" customHeight="1" x14ac:dyDescent="0.2">
      <c r="A24" s="296" t="s">
        <v>22</v>
      </c>
      <c r="B24" s="311">
        <v>0</v>
      </c>
      <c r="C24" s="315">
        <v>0</v>
      </c>
      <c r="D24" s="437">
        <v>0</v>
      </c>
      <c r="E24" s="314">
        <v>0</v>
      </c>
      <c r="F24" s="315">
        <v>73</v>
      </c>
      <c r="G24" s="315">
        <v>69</v>
      </c>
      <c r="H24" s="315">
        <v>33</v>
      </c>
      <c r="I24" s="315">
        <v>36</v>
      </c>
      <c r="J24" s="315">
        <v>25</v>
      </c>
      <c r="K24" s="316">
        <v>236</v>
      </c>
      <c r="L24" s="317">
        <v>236</v>
      </c>
      <c r="M24" s="311">
        <v>0</v>
      </c>
      <c r="N24" s="315">
        <v>0</v>
      </c>
      <c r="O24" s="312">
        <v>0</v>
      </c>
      <c r="P24" s="314">
        <v>0</v>
      </c>
      <c r="Q24" s="315">
        <v>0</v>
      </c>
      <c r="R24" s="315">
        <v>2</v>
      </c>
      <c r="S24" s="315">
        <v>6</v>
      </c>
      <c r="T24" s="315">
        <v>8</v>
      </c>
      <c r="U24" s="315">
        <v>20</v>
      </c>
      <c r="V24" s="312">
        <v>36</v>
      </c>
      <c r="W24" s="317">
        <v>36</v>
      </c>
      <c r="X24" s="311">
        <v>5</v>
      </c>
      <c r="Y24" s="315">
        <v>14</v>
      </c>
      <c r="Z24" s="312">
        <v>19</v>
      </c>
      <c r="AA24" s="314">
        <v>0</v>
      </c>
      <c r="AB24" s="315">
        <v>46</v>
      </c>
      <c r="AC24" s="315">
        <v>72</v>
      </c>
      <c r="AD24" s="315">
        <v>24</v>
      </c>
      <c r="AE24" s="315">
        <v>41</v>
      </c>
      <c r="AF24" s="315">
        <v>34</v>
      </c>
      <c r="AG24" s="312">
        <v>217</v>
      </c>
      <c r="AH24" s="317">
        <v>236</v>
      </c>
      <c r="AI24" s="311">
        <v>0</v>
      </c>
      <c r="AJ24" s="315">
        <v>2</v>
      </c>
      <c r="AK24" s="312">
        <v>2</v>
      </c>
      <c r="AL24" s="314">
        <v>0</v>
      </c>
      <c r="AM24" s="315">
        <v>7</v>
      </c>
      <c r="AN24" s="315">
        <v>8</v>
      </c>
      <c r="AO24" s="315">
        <v>3</v>
      </c>
      <c r="AP24" s="315">
        <v>4</v>
      </c>
      <c r="AQ24" s="315">
        <v>2</v>
      </c>
      <c r="AR24" s="312">
        <v>24</v>
      </c>
      <c r="AS24" s="317">
        <v>26</v>
      </c>
      <c r="AT24" s="311">
        <v>3</v>
      </c>
      <c r="AU24" s="315">
        <v>9</v>
      </c>
      <c r="AV24" s="312">
        <v>12</v>
      </c>
      <c r="AW24" s="314">
        <v>0</v>
      </c>
      <c r="AX24" s="315">
        <v>67</v>
      </c>
      <c r="AY24" s="315">
        <v>76</v>
      </c>
      <c r="AZ24" s="315">
        <v>51</v>
      </c>
      <c r="BA24" s="315">
        <v>53</v>
      </c>
      <c r="BB24" s="315">
        <v>28</v>
      </c>
      <c r="BC24" s="316">
        <v>275</v>
      </c>
      <c r="BD24" s="317">
        <v>287</v>
      </c>
      <c r="BE24" s="311">
        <v>0</v>
      </c>
      <c r="BF24" s="315">
        <v>0</v>
      </c>
      <c r="BG24" s="312">
        <v>0</v>
      </c>
      <c r="BH24" s="314">
        <v>0</v>
      </c>
      <c r="BI24" s="315">
        <v>118</v>
      </c>
      <c r="BJ24" s="315">
        <v>108</v>
      </c>
      <c r="BK24" s="315">
        <v>39</v>
      </c>
      <c r="BL24" s="315">
        <v>34</v>
      </c>
      <c r="BM24" s="315">
        <v>14</v>
      </c>
      <c r="BN24" s="312">
        <v>313</v>
      </c>
      <c r="BO24" s="317">
        <v>313</v>
      </c>
      <c r="BP24" s="311">
        <v>1</v>
      </c>
      <c r="BQ24" s="315">
        <v>8</v>
      </c>
      <c r="BR24" s="312">
        <v>9</v>
      </c>
      <c r="BS24" s="314">
        <v>0</v>
      </c>
      <c r="BT24" s="315">
        <v>17</v>
      </c>
      <c r="BU24" s="315">
        <v>20</v>
      </c>
      <c r="BV24" s="315">
        <v>16</v>
      </c>
      <c r="BW24" s="315">
        <v>12</v>
      </c>
      <c r="BX24" s="315">
        <v>5</v>
      </c>
      <c r="BY24" s="312">
        <v>70</v>
      </c>
      <c r="BZ24" s="317">
        <v>79</v>
      </c>
      <c r="CA24" s="311">
        <v>0</v>
      </c>
      <c r="CB24" s="315">
        <v>1</v>
      </c>
      <c r="CC24" s="312">
        <v>1</v>
      </c>
      <c r="CD24" s="314">
        <v>0</v>
      </c>
      <c r="CE24" s="315">
        <v>10</v>
      </c>
      <c r="CF24" s="315">
        <v>18</v>
      </c>
      <c r="CG24" s="315">
        <v>22</v>
      </c>
      <c r="CH24" s="315">
        <v>16</v>
      </c>
      <c r="CI24" s="315">
        <v>6</v>
      </c>
      <c r="CJ24" s="312">
        <v>72</v>
      </c>
      <c r="CK24" s="317">
        <v>73</v>
      </c>
      <c r="CL24" s="311">
        <v>0</v>
      </c>
      <c r="CM24" s="315">
        <v>0</v>
      </c>
      <c r="CN24" s="312">
        <v>0</v>
      </c>
      <c r="CO24" s="314">
        <v>0</v>
      </c>
      <c r="CP24" s="315">
        <v>1</v>
      </c>
      <c r="CQ24" s="315">
        <v>5</v>
      </c>
      <c r="CR24" s="315">
        <v>6</v>
      </c>
      <c r="CS24" s="315">
        <v>2</v>
      </c>
      <c r="CT24" s="315">
        <v>1</v>
      </c>
      <c r="CU24" s="312">
        <v>15</v>
      </c>
      <c r="CV24" s="317">
        <v>15</v>
      </c>
      <c r="CW24" s="311">
        <v>0</v>
      </c>
      <c r="CX24" s="315">
        <v>0</v>
      </c>
      <c r="CY24" s="312">
        <v>0</v>
      </c>
      <c r="CZ24" s="314">
        <v>0</v>
      </c>
      <c r="DA24" s="315">
        <v>0</v>
      </c>
      <c r="DB24" s="315">
        <v>0</v>
      </c>
      <c r="DC24" s="315">
        <v>0</v>
      </c>
      <c r="DD24" s="315">
        <v>0</v>
      </c>
      <c r="DE24" s="315">
        <v>0</v>
      </c>
      <c r="DF24" s="312">
        <v>0</v>
      </c>
      <c r="DG24" s="317">
        <v>0</v>
      </c>
      <c r="DH24" s="311">
        <v>0</v>
      </c>
      <c r="DI24" s="315">
        <v>0</v>
      </c>
      <c r="DJ24" s="312">
        <v>0</v>
      </c>
      <c r="DK24" s="314">
        <v>0</v>
      </c>
      <c r="DL24" s="315">
        <v>0</v>
      </c>
      <c r="DM24" s="315">
        <v>0</v>
      </c>
      <c r="DN24" s="315">
        <v>0</v>
      </c>
      <c r="DO24" s="315">
        <v>0</v>
      </c>
      <c r="DP24" s="315">
        <v>0</v>
      </c>
      <c r="DQ24" s="312">
        <v>0</v>
      </c>
      <c r="DR24" s="317">
        <v>0</v>
      </c>
      <c r="DS24" s="311">
        <v>42</v>
      </c>
      <c r="DT24" s="315">
        <v>134</v>
      </c>
      <c r="DU24" s="312">
        <v>176</v>
      </c>
      <c r="DV24" s="314">
        <v>0</v>
      </c>
      <c r="DW24" s="315">
        <v>196</v>
      </c>
      <c r="DX24" s="315">
        <v>223</v>
      </c>
      <c r="DY24" s="315">
        <v>116</v>
      </c>
      <c r="DZ24" s="315">
        <v>100</v>
      </c>
      <c r="EA24" s="315">
        <v>63</v>
      </c>
      <c r="EB24" s="312">
        <v>698</v>
      </c>
      <c r="EC24" s="317">
        <v>874</v>
      </c>
      <c r="ED24" s="311">
        <v>6</v>
      </c>
      <c r="EE24" s="315">
        <v>6</v>
      </c>
      <c r="EF24" s="312">
        <v>12</v>
      </c>
      <c r="EG24" s="314">
        <v>0</v>
      </c>
      <c r="EH24" s="315">
        <v>31</v>
      </c>
      <c r="EI24" s="315">
        <v>28</v>
      </c>
      <c r="EJ24" s="315">
        <v>22</v>
      </c>
      <c r="EK24" s="315">
        <v>21</v>
      </c>
      <c r="EL24" s="315">
        <v>10</v>
      </c>
      <c r="EM24" s="312">
        <v>112</v>
      </c>
      <c r="EN24" s="317">
        <v>124</v>
      </c>
      <c r="EO24" s="311">
        <v>46</v>
      </c>
      <c r="EP24" s="315">
        <v>146</v>
      </c>
      <c r="EQ24" s="312">
        <v>192</v>
      </c>
      <c r="ER24" s="314">
        <v>0</v>
      </c>
      <c r="ES24" s="315">
        <v>375</v>
      </c>
      <c r="ET24" s="315">
        <v>315</v>
      </c>
      <c r="EU24" s="315">
        <v>129</v>
      </c>
      <c r="EV24" s="315">
        <v>103</v>
      </c>
      <c r="EW24" s="315">
        <v>59</v>
      </c>
      <c r="EX24" s="312">
        <v>981</v>
      </c>
      <c r="EY24" s="317">
        <v>1173</v>
      </c>
    </row>
    <row r="25" spans="1:155" ht="19.5" customHeight="1" x14ac:dyDescent="0.2">
      <c r="A25" s="296" t="s">
        <v>23</v>
      </c>
      <c r="B25" s="311">
        <v>0</v>
      </c>
      <c r="C25" s="315">
        <v>0</v>
      </c>
      <c r="D25" s="437">
        <v>0</v>
      </c>
      <c r="E25" s="314">
        <v>0</v>
      </c>
      <c r="F25" s="315">
        <v>145</v>
      </c>
      <c r="G25" s="315">
        <v>130</v>
      </c>
      <c r="H25" s="315">
        <v>67</v>
      </c>
      <c r="I25" s="315">
        <v>63</v>
      </c>
      <c r="J25" s="315">
        <v>43</v>
      </c>
      <c r="K25" s="316">
        <v>448</v>
      </c>
      <c r="L25" s="317">
        <v>448</v>
      </c>
      <c r="M25" s="311">
        <v>0</v>
      </c>
      <c r="N25" s="315">
        <v>0</v>
      </c>
      <c r="O25" s="312">
        <v>0</v>
      </c>
      <c r="P25" s="314">
        <v>0</v>
      </c>
      <c r="Q25" s="315">
        <v>3</v>
      </c>
      <c r="R25" s="315">
        <v>1</v>
      </c>
      <c r="S25" s="315">
        <v>7</v>
      </c>
      <c r="T25" s="315">
        <v>13</v>
      </c>
      <c r="U25" s="315">
        <v>15</v>
      </c>
      <c r="V25" s="312">
        <v>39</v>
      </c>
      <c r="W25" s="317">
        <v>39</v>
      </c>
      <c r="X25" s="311">
        <v>32</v>
      </c>
      <c r="Y25" s="315">
        <v>44</v>
      </c>
      <c r="Z25" s="312">
        <v>76</v>
      </c>
      <c r="AA25" s="314">
        <v>0</v>
      </c>
      <c r="AB25" s="315">
        <v>93</v>
      </c>
      <c r="AC25" s="315">
        <v>126</v>
      </c>
      <c r="AD25" s="315">
        <v>60</v>
      </c>
      <c r="AE25" s="315">
        <v>66</v>
      </c>
      <c r="AF25" s="315">
        <v>44</v>
      </c>
      <c r="AG25" s="312">
        <v>389</v>
      </c>
      <c r="AH25" s="317">
        <v>465</v>
      </c>
      <c r="AI25" s="311">
        <v>0</v>
      </c>
      <c r="AJ25" s="315">
        <v>12</v>
      </c>
      <c r="AK25" s="312">
        <v>12</v>
      </c>
      <c r="AL25" s="314">
        <v>0</v>
      </c>
      <c r="AM25" s="315">
        <v>6</v>
      </c>
      <c r="AN25" s="315">
        <v>19</v>
      </c>
      <c r="AO25" s="315">
        <v>8</v>
      </c>
      <c r="AP25" s="315">
        <v>5</v>
      </c>
      <c r="AQ25" s="315">
        <v>3</v>
      </c>
      <c r="AR25" s="312">
        <v>41</v>
      </c>
      <c r="AS25" s="317">
        <v>53</v>
      </c>
      <c r="AT25" s="311">
        <v>12</v>
      </c>
      <c r="AU25" s="315">
        <v>13</v>
      </c>
      <c r="AV25" s="312">
        <v>25</v>
      </c>
      <c r="AW25" s="314">
        <v>0</v>
      </c>
      <c r="AX25" s="315">
        <v>147</v>
      </c>
      <c r="AY25" s="315">
        <v>150</v>
      </c>
      <c r="AZ25" s="315">
        <v>120</v>
      </c>
      <c r="BA25" s="315">
        <v>132</v>
      </c>
      <c r="BB25" s="315">
        <v>91</v>
      </c>
      <c r="BC25" s="316">
        <v>640</v>
      </c>
      <c r="BD25" s="317">
        <v>665</v>
      </c>
      <c r="BE25" s="311">
        <v>0</v>
      </c>
      <c r="BF25" s="315">
        <v>0</v>
      </c>
      <c r="BG25" s="312">
        <v>0</v>
      </c>
      <c r="BH25" s="314">
        <v>0</v>
      </c>
      <c r="BI25" s="315">
        <v>282</v>
      </c>
      <c r="BJ25" s="315">
        <v>228</v>
      </c>
      <c r="BK25" s="315">
        <v>92</v>
      </c>
      <c r="BL25" s="315">
        <v>74</v>
      </c>
      <c r="BM25" s="315">
        <v>32</v>
      </c>
      <c r="BN25" s="312">
        <v>708</v>
      </c>
      <c r="BO25" s="317">
        <v>708</v>
      </c>
      <c r="BP25" s="311">
        <v>4</v>
      </c>
      <c r="BQ25" s="315">
        <v>13</v>
      </c>
      <c r="BR25" s="312">
        <v>17</v>
      </c>
      <c r="BS25" s="314">
        <v>0</v>
      </c>
      <c r="BT25" s="315">
        <v>37</v>
      </c>
      <c r="BU25" s="315">
        <v>55</v>
      </c>
      <c r="BV25" s="315">
        <v>24</v>
      </c>
      <c r="BW25" s="315">
        <v>22</v>
      </c>
      <c r="BX25" s="315">
        <v>6</v>
      </c>
      <c r="BY25" s="312">
        <v>144</v>
      </c>
      <c r="BZ25" s="317">
        <v>161</v>
      </c>
      <c r="CA25" s="311">
        <v>1</v>
      </c>
      <c r="CB25" s="315">
        <v>1</v>
      </c>
      <c r="CC25" s="312">
        <v>2</v>
      </c>
      <c r="CD25" s="314">
        <v>0</v>
      </c>
      <c r="CE25" s="315">
        <v>14</v>
      </c>
      <c r="CF25" s="315">
        <v>28</v>
      </c>
      <c r="CG25" s="315">
        <v>36</v>
      </c>
      <c r="CH25" s="315">
        <v>29</v>
      </c>
      <c r="CI25" s="315">
        <v>8</v>
      </c>
      <c r="CJ25" s="312">
        <v>115</v>
      </c>
      <c r="CK25" s="317">
        <v>117</v>
      </c>
      <c r="CL25" s="311">
        <v>0</v>
      </c>
      <c r="CM25" s="315">
        <v>0</v>
      </c>
      <c r="CN25" s="312">
        <v>0</v>
      </c>
      <c r="CO25" s="314">
        <v>0</v>
      </c>
      <c r="CP25" s="315">
        <v>1</v>
      </c>
      <c r="CQ25" s="315">
        <v>3</v>
      </c>
      <c r="CR25" s="315">
        <v>1</v>
      </c>
      <c r="CS25" s="315">
        <v>1</v>
      </c>
      <c r="CT25" s="315">
        <v>4</v>
      </c>
      <c r="CU25" s="312">
        <v>10</v>
      </c>
      <c r="CV25" s="317">
        <v>10</v>
      </c>
      <c r="CW25" s="311">
        <v>0</v>
      </c>
      <c r="CX25" s="315">
        <v>0</v>
      </c>
      <c r="CY25" s="312">
        <v>0</v>
      </c>
      <c r="CZ25" s="314">
        <v>0</v>
      </c>
      <c r="DA25" s="315">
        <v>0</v>
      </c>
      <c r="DB25" s="315">
        <v>0</v>
      </c>
      <c r="DC25" s="315">
        <v>0</v>
      </c>
      <c r="DD25" s="315">
        <v>0</v>
      </c>
      <c r="DE25" s="315">
        <v>0</v>
      </c>
      <c r="DF25" s="312">
        <v>0</v>
      </c>
      <c r="DG25" s="317">
        <v>0</v>
      </c>
      <c r="DH25" s="311">
        <v>0</v>
      </c>
      <c r="DI25" s="315">
        <v>0</v>
      </c>
      <c r="DJ25" s="312">
        <v>0</v>
      </c>
      <c r="DK25" s="314">
        <v>0</v>
      </c>
      <c r="DL25" s="315">
        <v>0</v>
      </c>
      <c r="DM25" s="315">
        <v>0</v>
      </c>
      <c r="DN25" s="315">
        <v>0</v>
      </c>
      <c r="DO25" s="315">
        <v>0</v>
      </c>
      <c r="DP25" s="315">
        <v>0</v>
      </c>
      <c r="DQ25" s="312">
        <v>0</v>
      </c>
      <c r="DR25" s="317">
        <v>0</v>
      </c>
      <c r="DS25" s="311">
        <v>89</v>
      </c>
      <c r="DT25" s="315">
        <v>187</v>
      </c>
      <c r="DU25" s="312">
        <v>276</v>
      </c>
      <c r="DV25" s="314">
        <v>0</v>
      </c>
      <c r="DW25" s="315">
        <v>270</v>
      </c>
      <c r="DX25" s="315">
        <v>368</v>
      </c>
      <c r="DY25" s="315">
        <v>187</v>
      </c>
      <c r="DZ25" s="315">
        <v>169</v>
      </c>
      <c r="EA25" s="315">
        <v>86</v>
      </c>
      <c r="EB25" s="312">
        <v>1080</v>
      </c>
      <c r="EC25" s="317">
        <v>1356</v>
      </c>
      <c r="ED25" s="311">
        <v>6</v>
      </c>
      <c r="EE25" s="315">
        <v>5</v>
      </c>
      <c r="EF25" s="312">
        <v>11</v>
      </c>
      <c r="EG25" s="314">
        <v>0</v>
      </c>
      <c r="EH25" s="315">
        <v>44</v>
      </c>
      <c r="EI25" s="315">
        <v>44</v>
      </c>
      <c r="EJ25" s="315">
        <v>32</v>
      </c>
      <c r="EK25" s="315">
        <v>40</v>
      </c>
      <c r="EL25" s="315">
        <v>26</v>
      </c>
      <c r="EM25" s="312">
        <v>186</v>
      </c>
      <c r="EN25" s="317">
        <v>197</v>
      </c>
      <c r="EO25" s="311">
        <v>122</v>
      </c>
      <c r="EP25" s="315">
        <v>220</v>
      </c>
      <c r="EQ25" s="312">
        <v>342</v>
      </c>
      <c r="ER25" s="314">
        <v>0</v>
      </c>
      <c r="ES25" s="315">
        <v>541</v>
      </c>
      <c r="ET25" s="315">
        <v>494</v>
      </c>
      <c r="EU25" s="315">
        <v>235</v>
      </c>
      <c r="EV25" s="315">
        <v>197</v>
      </c>
      <c r="EW25" s="315">
        <v>95</v>
      </c>
      <c r="EX25" s="312">
        <v>1562</v>
      </c>
      <c r="EY25" s="317">
        <v>1904</v>
      </c>
    </row>
    <row r="26" spans="1:155" ht="19.5" customHeight="1" x14ac:dyDescent="0.2">
      <c r="A26" s="296" t="s">
        <v>24</v>
      </c>
      <c r="B26" s="311">
        <v>0</v>
      </c>
      <c r="C26" s="315">
        <v>0</v>
      </c>
      <c r="D26" s="437">
        <v>0</v>
      </c>
      <c r="E26" s="314">
        <v>0</v>
      </c>
      <c r="F26" s="315">
        <v>81</v>
      </c>
      <c r="G26" s="315">
        <v>46</v>
      </c>
      <c r="H26" s="315">
        <v>36</v>
      </c>
      <c r="I26" s="315">
        <v>34</v>
      </c>
      <c r="J26" s="315">
        <v>35</v>
      </c>
      <c r="K26" s="316">
        <v>232</v>
      </c>
      <c r="L26" s="317">
        <v>232</v>
      </c>
      <c r="M26" s="311">
        <v>0</v>
      </c>
      <c r="N26" s="315">
        <v>0</v>
      </c>
      <c r="O26" s="312">
        <v>0</v>
      </c>
      <c r="P26" s="314">
        <v>0</v>
      </c>
      <c r="Q26" s="315">
        <v>1</v>
      </c>
      <c r="R26" s="315">
        <v>3</v>
      </c>
      <c r="S26" s="315">
        <v>2</v>
      </c>
      <c r="T26" s="315">
        <v>10</v>
      </c>
      <c r="U26" s="315">
        <v>17</v>
      </c>
      <c r="V26" s="312">
        <v>33</v>
      </c>
      <c r="W26" s="317">
        <v>33</v>
      </c>
      <c r="X26" s="311">
        <v>12</v>
      </c>
      <c r="Y26" s="315">
        <v>13</v>
      </c>
      <c r="Z26" s="312">
        <v>25</v>
      </c>
      <c r="AA26" s="314">
        <v>0</v>
      </c>
      <c r="AB26" s="315">
        <v>66</v>
      </c>
      <c r="AC26" s="315">
        <v>47</v>
      </c>
      <c r="AD26" s="315">
        <v>39</v>
      </c>
      <c r="AE26" s="315">
        <v>36</v>
      </c>
      <c r="AF26" s="315">
        <v>25</v>
      </c>
      <c r="AG26" s="312">
        <v>213</v>
      </c>
      <c r="AH26" s="317">
        <v>238</v>
      </c>
      <c r="AI26" s="311">
        <v>1</v>
      </c>
      <c r="AJ26" s="315">
        <v>2</v>
      </c>
      <c r="AK26" s="312">
        <v>3</v>
      </c>
      <c r="AL26" s="314">
        <v>0</v>
      </c>
      <c r="AM26" s="315">
        <v>5</v>
      </c>
      <c r="AN26" s="315">
        <v>3</v>
      </c>
      <c r="AO26" s="315">
        <v>1</v>
      </c>
      <c r="AP26" s="315">
        <v>4</v>
      </c>
      <c r="AQ26" s="315">
        <v>8</v>
      </c>
      <c r="AR26" s="312">
        <v>21</v>
      </c>
      <c r="AS26" s="317">
        <v>24</v>
      </c>
      <c r="AT26" s="311">
        <v>23</v>
      </c>
      <c r="AU26" s="315">
        <v>16</v>
      </c>
      <c r="AV26" s="312">
        <v>39</v>
      </c>
      <c r="AW26" s="314">
        <v>0</v>
      </c>
      <c r="AX26" s="315">
        <v>82</v>
      </c>
      <c r="AY26" s="315">
        <v>70</v>
      </c>
      <c r="AZ26" s="315">
        <v>74</v>
      </c>
      <c r="BA26" s="315">
        <v>74</v>
      </c>
      <c r="BB26" s="315">
        <v>66</v>
      </c>
      <c r="BC26" s="316">
        <v>366</v>
      </c>
      <c r="BD26" s="317">
        <v>405</v>
      </c>
      <c r="BE26" s="311">
        <v>0</v>
      </c>
      <c r="BF26" s="315">
        <v>0</v>
      </c>
      <c r="BG26" s="312">
        <v>0</v>
      </c>
      <c r="BH26" s="314">
        <v>0</v>
      </c>
      <c r="BI26" s="315">
        <v>95</v>
      </c>
      <c r="BJ26" s="315">
        <v>61</v>
      </c>
      <c r="BK26" s="315">
        <v>41</v>
      </c>
      <c r="BL26" s="315">
        <v>16</v>
      </c>
      <c r="BM26" s="315">
        <v>4</v>
      </c>
      <c r="BN26" s="312">
        <v>217</v>
      </c>
      <c r="BO26" s="317">
        <v>217</v>
      </c>
      <c r="BP26" s="311">
        <v>12</v>
      </c>
      <c r="BQ26" s="315">
        <v>13</v>
      </c>
      <c r="BR26" s="312">
        <v>25</v>
      </c>
      <c r="BS26" s="314">
        <v>0</v>
      </c>
      <c r="BT26" s="315">
        <v>45</v>
      </c>
      <c r="BU26" s="315">
        <v>32</v>
      </c>
      <c r="BV26" s="315">
        <v>21</v>
      </c>
      <c r="BW26" s="315">
        <v>11</v>
      </c>
      <c r="BX26" s="315">
        <v>12</v>
      </c>
      <c r="BY26" s="312">
        <v>121</v>
      </c>
      <c r="BZ26" s="317">
        <v>146</v>
      </c>
      <c r="CA26" s="311">
        <v>1</v>
      </c>
      <c r="CB26" s="315">
        <v>1</v>
      </c>
      <c r="CC26" s="312">
        <v>2</v>
      </c>
      <c r="CD26" s="314">
        <v>0</v>
      </c>
      <c r="CE26" s="315">
        <v>18</v>
      </c>
      <c r="CF26" s="315">
        <v>18</v>
      </c>
      <c r="CG26" s="315">
        <v>26</v>
      </c>
      <c r="CH26" s="315">
        <v>17</v>
      </c>
      <c r="CI26" s="315">
        <v>13</v>
      </c>
      <c r="CJ26" s="312">
        <v>92</v>
      </c>
      <c r="CK26" s="317">
        <v>94</v>
      </c>
      <c r="CL26" s="311">
        <v>0</v>
      </c>
      <c r="CM26" s="315">
        <v>0</v>
      </c>
      <c r="CN26" s="312">
        <v>0</v>
      </c>
      <c r="CO26" s="314">
        <v>0</v>
      </c>
      <c r="CP26" s="315">
        <v>1</v>
      </c>
      <c r="CQ26" s="315">
        <v>0</v>
      </c>
      <c r="CR26" s="315">
        <v>0</v>
      </c>
      <c r="CS26" s="315">
        <v>1</v>
      </c>
      <c r="CT26" s="315">
        <v>1</v>
      </c>
      <c r="CU26" s="312">
        <v>3</v>
      </c>
      <c r="CV26" s="317">
        <v>3</v>
      </c>
      <c r="CW26" s="311">
        <v>0</v>
      </c>
      <c r="CX26" s="315">
        <v>0</v>
      </c>
      <c r="CY26" s="312">
        <v>0</v>
      </c>
      <c r="CZ26" s="314">
        <v>0</v>
      </c>
      <c r="DA26" s="315">
        <v>0</v>
      </c>
      <c r="DB26" s="315">
        <v>0</v>
      </c>
      <c r="DC26" s="315">
        <v>0</v>
      </c>
      <c r="DD26" s="315">
        <v>0</v>
      </c>
      <c r="DE26" s="315">
        <v>0</v>
      </c>
      <c r="DF26" s="312">
        <v>0</v>
      </c>
      <c r="DG26" s="317">
        <v>0</v>
      </c>
      <c r="DH26" s="311">
        <v>0</v>
      </c>
      <c r="DI26" s="315">
        <v>0</v>
      </c>
      <c r="DJ26" s="312">
        <v>0</v>
      </c>
      <c r="DK26" s="314">
        <v>0</v>
      </c>
      <c r="DL26" s="315">
        <v>0</v>
      </c>
      <c r="DM26" s="315">
        <v>0</v>
      </c>
      <c r="DN26" s="315">
        <v>0</v>
      </c>
      <c r="DO26" s="315">
        <v>0</v>
      </c>
      <c r="DP26" s="315">
        <v>0</v>
      </c>
      <c r="DQ26" s="312">
        <v>0</v>
      </c>
      <c r="DR26" s="317">
        <v>0</v>
      </c>
      <c r="DS26" s="311">
        <v>68</v>
      </c>
      <c r="DT26" s="315">
        <v>69</v>
      </c>
      <c r="DU26" s="312">
        <v>137</v>
      </c>
      <c r="DV26" s="314">
        <v>0</v>
      </c>
      <c r="DW26" s="315">
        <v>163</v>
      </c>
      <c r="DX26" s="315">
        <v>138</v>
      </c>
      <c r="DY26" s="315">
        <v>101</v>
      </c>
      <c r="DZ26" s="315">
        <v>71</v>
      </c>
      <c r="EA26" s="315">
        <v>56</v>
      </c>
      <c r="EB26" s="312">
        <v>529</v>
      </c>
      <c r="EC26" s="317">
        <v>666</v>
      </c>
      <c r="ED26" s="311">
        <v>13</v>
      </c>
      <c r="EE26" s="315">
        <v>7</v>
      </c>
      <c r="EF26" s="312">
        <v>20</v>
      </c>
      <c r="EG26" s="314">
        <v>0</v>
      </c>
      <c r="EH26" s="315">
        <v>31</v>
      </c>
      <c r="EI26" s="315">
        <v>31</v>
      </c>
      <c r="EJ26" s="315">
        <v>21</v>
      </c>
      <c r="EK26" s="315">
        <v>31</v>
      </c>
      <c r="EL26" s="315">
        <v>23</v>
      </c>
      <c r="EM26" s="312">
        <v>137</v>
      </c>
      <c r="EN26" s="317">
        <v>157</v>
      </c>
      <c r="EO26" s="311">
        <v>86</v>
      </c>
      <c r="EP26" s="315">
        <v>84</v>
      </c>
      <c r="EQ26" s="312">
        <v>170</v>
      </c>
      <c r="ER26" s="314">
        <v>0</v>
      </c>
      <c r="ES26" s="315">
        <v>293</v>
      </c>
      <c r="ET26" s="315">
        <v>177</v>
      </c>
      <c r="EU26" s="315">
        <v>121</v>
      </c>
      <c r="EV26" s="315">
        <v>75</v>
      </c>
      <c r="EW26" s="315">
        <v>58</v>
      </c>
      <c r="EX26" s="312">
        <v>724</v>
      </c>
      <c r="EY26" s="317">
        <v>894</v>
      </c>
    </row>
    <row r="27" spans="1:155" ht="19.5" customHeight="1" x14ac:dyDescent="0.2">
      <c r="A27" s="296" t="s">
        <v>25</v>
      </c>
      <c r="B27" s="311">
        <v>0</v>
      </c>
      <c r="C27" s="315">
        <v>0</v>
      </c>
      <c r="D27" s="437">
        <v>0</v>
      </c>
      <c r="E27" s="314">
        <v>0</v>
      </c>
      <c r="F27" s="315">
        <v>91</v>
      </c>
      <c r="G27" s="315">
        <v>56</v>
      </c>
      <c r="H27" s="315">
        <v>37</v>
      </c>
      <c r="I27" s="315">
        <v>42</v>
      </c>
      <c r="J27" s="315">
        <v>33</v>
      </c>
      <c r="K27" s="316">
        <v>259</v>
      </c>
      <c r="L27" s="317">
        <v>259</v>
      </c>
      <c r="M27" s="311">
        <v>0</v>
      </c>
      <c r="N27" s="315">
        <v>0</v>
      </c>
      <c r="O27" s="312">
        <v>0</v>
      </c>
      <c r="P27" s="314">
        <v>0</v>
      </c>
      <c r="Q27" s="315">
        <v>3</v>
      </c>
      <c r="R27" s="315">
        <v>5</v>
      </c>
      <c r="S27" s="315">
        <v>6</v>
      </c>
      <c r="T27" s="315">
        <v>17</v>
      </c>
      <c r="U27" s="315">
        <v>18</v>
      </c>
      <c r="V27" s="312">
        <v>49</v>
      </c>
      <c r="W27" s="317">
        <v>49</v>
      </c>
      <c r="X27" s="311">
        <v>13</v>
      </c>
      <c r="Y27" s="315">
        <v>26</v>
      </c>
      <c r="Z27" s="312">
        <v>39</v>
      </c>
      <c r="AA27" s="314">
        <v>0</v>
      </c>
      <c r="AB27" s="315">
        <v>73</v>
      </c>
      <c r="AC27" s="315">
        <v>54</v>
      </c>
      <c r="AD27" s="315">
        <v>39</v>
      </c>
      <c r="AE27" s="315">
        <v>39</v>
      </c>
      <c r="AF27" s="315">
        <v>31</v>
      </c>
      <c r="AG27" s="312">
        <v>236</v>
      </c>
      <c r="AH27" s="317">
        <v>275</v>
      </c>
      <c r="AI27" s="311">
        <v>4</v>
      </c>
      <c r="AJ27" s="315">
        <v>5</v>
      </c>
      <c r="AK27" s="312">
        <v>9</v>
      </c>
      <c r="AL27" s="314">
        <v>0</v>
      </c>
      <c r="AM27" s="315">
        <v>3</v>
      </c>
      <c r="AN27" s="315">
        <v>5</v>
      </c>
      <c r="AO27" s="315">
        <v>8</v>
      </c>
      <c r="AP27" s="315">
        <v>3</v>
      </c>
      <c r="AQ27" s="315">
        <v>5</v>
      </c>
      <c r="AR27" s="312">
        <v>24</v>
      </c>
      <c r="AS27" s="317">
        <v>33</v>
      </c>
      <c r="AT27" s="311">
        <v>3</v>
      </c>
      <c r="AU27" s="315">
        <v>13</v>
      </c>
      <c r="AV27" s="312">
        <v>16</v>
      </c>
      <c r="AW27" s="314">
        <v>0</v>
      </c>
      <c r="AX27" s="315">
        <v>71</v>
      </c>
      <c r="AY27" s="315">
        <v>56</v>
      </c>
      <c r="AZ27" s="315">
        <v>38</v>
      </c>
      <c r="BA27" s="315">
        <v>67</v>
      </c>
      <c r="BB27" s="315">
        <v>47</v>
      </c>
      <c r="BC27" s="316">
        <v>279</v>
      </c>
      <c r="BD27" s="317">
        <v>295</v>
      </c>
      <c r="BE27" s="311">
        <v>0</v>
      </c>
      <c r="BF27" s="315">
        <v>0</v>
      </c>
      <c r="BG27" s="312">
        <v>0</v>
      </c>
      <c r="BH27" s="314">
        <v>0</v>
      </c>
      <c r="BI27" s="315">
        <v>132</v>
      </c>
      <c r="BJ27" s="315">
        <v>65</v>
      </c>
      <c r="BK27" s="315">
        <v>34</v>
      </c>
      <c r="BL27" s="315">
        <v>37</v>
      </c>
      <c r="BM27" s="315">
        <v>8</v>
      </c>
      <c r="BN27" s="312">
        <v>276</v>
      </c>
      <c r="BO27" s="317">
        <v>276</v>
      </c>
      <c r="BP27" s="311">
        <v>6</v>
      </c>
      <c r="BQ27" s="315">
        <v>13</v>
      </c>
      <c r="BR27" s="312">
        <v>19</v>
      </c>
      <c r="BS27" s="314">
        <v>0</v>
      </c>
      <c r="BT27" s="315">
        <v>36</v>
      </c>
      <c r="BU27" s="315">
        <v>47</v>
      </c>
      <c r="BV27" s="315">
        <v>19</v>
      </c>
      <c r="BW27" s="315">
        <v>17</v>
      </c>
      <c r="BX27" s="315">
        <v>8</v>
      </c>
      <c r="BY27" s="312">
        <v>127</v>
      </c>
      <c r="BZ27" s="317">
        <v>146</v>
      </c>
      <c r="CA27" s="311">
        <v>0</v>
      </c>
      <c r="CB27" s="315">
        <v>2</v>
      </c>
      <c r="CC27" s="312">
        <v>2</v>
      </c>
      <c r="CD27" s="314">
        <v>0</v>
      </c>
      <c r="CE27" s="315">
        <v>17</v>
      </c>
      <c r="CF27" s="315">
        <v>20</v>
      </c>
      <c r="CG27" s="315">
        <v>10</v>
      </c>
      <c r="CH27" s="315">
        <v>14</v>
      </c>
      <c r="CI27" s="315">
        <v>6</v>
      </c>
      <c r="CJ27" s="312">
        <v>67</v>
      </c>
      <c r="CK27" s="317">
        <v>69</v>
      </c>
      <c r="CL27" s="311">
        <v>0</v>
      </c>
      <c r="CM27" s="315">
        <v>0</v>
      </c>
      <c r="CN27" s="312">
        <v>0</v>
      </c>
      <c r="CO27" s="314">
        <v>0</v>
      </c>
      <c r="CP27" s="315">
        <v>1</v>
      </c>
      <c r="CQ27" s="315">
        <v>3</v>
      </c>
      <c r="CR27" s="315">
        <v>1</v>
      </c>
      <c r="CS27" s="315">
        <v>4</v>
      </c>
      <c r="CT27" s="315">
        <v>1</v>
      </c>
      <c r="CU27" s="312">
        <v>10</v>
      </c>
      <c r="CV27" s="317">
        <v>10</v>
      </c>
      <c r="CW27" s="311">
        <v>0</v>
      </c>
      <c r="CX27" s="315">
        <v>0</v>
      </c>
      <c r="CY27" s="312">
        <v>0</v>
      </c>
      <c r="CZ27" s="314">
        <v>0</v>
      </c>
      <c r="DA27" s="315">
        <v>0</v>
      </c>
      <c r="DB27" s="315">
        <v>0</v>
      </c>
      <c r="DC27" s="315">
        <v>0</v>
      </c>
      <c r="DD27" s="315">
        <v>0</v>
      </c>
      <c r="DE27" s="315">
        <v>0</v>
      </c>
      <c r="DF27" s="312">
        <v>0</v>
      </c>
      <c r="DG27" s="317">
        <v>0</v>
      </c>
      <c r="DH27" s="311">
        <v>0</v>
      </c>
      <c r="DI27" s="315">
        <v>0</v>
      </c>
      <c r="DJ27" s="312">
        <v>0</v>
      </c>
      <c r="DK27" s="314">
        <v>0</v>
      </c>
      <c r="DL27" s="315">
        <v>0</v>
      </c>
      <c r="DM27" s="315">
        <v>0</v>
      </c>
      <c r="DN27" s="315">
        <v>0</v>
      </c>
      <c r="DO27" s="315">
        <v>0</v>
      </c>
      <c r="DP27" s="315">
        <v>0</v>
      </c>
      <c r="DQ27" s="312">
        <v>0</v>
      </c>
      <c r="DR27" s="317">
        <v>0</v>
      </c>
      <c r="DS27" s="311">
        <v>61</v>
      </c>
      <c r="DT27" s="315">
        <v>115</v>
      </c>
      <c r="DU27" s="312">
        <v>176</v>
      </c>
      <c r="DV27" s="314">
        <v>0</v>
      </c>
      <c r="DW27" s="315">
        <v>133</v>
      </c>
      <c r="DX27" s="315">
        <v>167</v>
      </c>
      <c r="DY27" s="315">
        <v>102</v>
      </c>
      <c r="DZ27" s="315">
        <v>112</v>
      </c>
      <c r="EA27" s="315">
        <v>58</v>
      </c>
      <c r="EB27" s="312">
        <v>572</v>
      </c>
      <c r="EC27" s="317">
        <v>748</v>
      </c>
      <c r="ED27" s="311">
        <v>1</v>
      </c>
      <c r="EE27" s="315">
        <v>5</v>
      </c>
      <c r="EF27" s="312">
        <v>6</v>
      </c>
      <c r="EG27" s="314">
        <v>0</v>
      </c>
      <c r="EH27" s="315">
        <v>22</v>
      </c>
      <c r="EI27" s="315">
        <v>19</v>
      </c>
      <c r="EJ27" s="315">
        <v>10</v>
      </c>
      <c r="EK27" s="315">
        <v>19</v>
      </c>
      <c r="EL27" s="315">
        <v>11</v>
      </c>
      <c r="EM27" s="312">
        <v>81</v>
      </c>
      <c r="EN27" s="317">
        <v>87</v>
      </c>
      <c r="EO27" s="311">
        <v>77</v>
      </c>
      <c r="EP27" s="315">
        <v>136</v>
      </c>
      <c r="EQ27" s="312">
        <v>213</v>
      </c>
      <c r="ER27" s="314">
        <v>0</v>
      </c>
      <c r="ES27" s="315">
        <v>348</v>
      </c>
      <c r="ET27" s="315">
        <v>226</v>
      </c>
      <c r="EU27" s="315">
        <v>114</v>
      </c>
      <c r="EV27" s="315">
        <v>124</v>
      </c>
      <c r="EW27" s="315">
        <v>63</v>
      </c>
      <c r="EX27" s="312">
        <v>875</v>
      </c>
      <c r="EY27" s="317">
        <v>1088</v>
      </c>
    </row>
    <row r="28" spans="1:155" ht="19.5" customHeight="1" x14ac:dyDescent="0.2">
      <c r="A28" s="296" t="s">
        <v>26</v>
      </c>
      <c r="B28" s="311">
        <v>0</v>
      </c>
      <c r="C28" s="315">
        <v>0</v>
      </c>
      <c r="D28" s="437">
        <v>0</v>
      </c>
      <c r="E28" s="314">
        <v>0</v>
      </c>
      <c r="F28" s="315">
        <v>78</v>
      </c>
      <c r="G28" s="315">
        <v>66</v>
      </c>
      <c r="H28" s="315">
        <v>39</v>
      </c>
      <c r="I28" s="315">
        <v>40</v>
      </c>
      <c r="J28" s="315">
        <v>48</v>
      </c>
      <c r="K28" s="316">
        <v>271</v>
      </c>
      <c r="L28" s="317">
        <v>271</v>
      </c>
      <c r="M28" s="311">
        <v>0</v>
      </c>
      <c r="N28" s="315">
        <v>0</v>
      </c>
      <c r="O28" s="312">
        <v>0</v>
      </c>
      <c r="P28" s="314">
        <v>0</v>
      </c>
      <c r="Q28" s="315">
        <v>0</v>
      </c>
      <c r="R28" s="315">
        <v>4</v>
      </c>
      <c r="S28" s="315">
        <v>4</v>
      </c>
      <c r="T28" s="315">
        <v>16</v>
      </c>
      <c r="U28" s="315">
        <v>17</v>
      </c>
      <c r="V28" s="312">
        <v>41</v>
      </c>
      <c r="W28" s="317">
        <v>41</v>
      </c>
      <c r="X28" s="311">
        <v>12</v>
      </c>
      <c r="Y28" s="315">
        <v>18</v>
      </c>
      <c r="Z28" s="312">
        <v>30</v>
      </c>
      <c r="AA28" s="314">
        <v>0</v>
      </c>
      <c r="AB28" s="315">
        <v>61</v>
      </c>
      <c r="AC28" s="315">
        <v>53</v>
      </c>
      <c r="AD28" s="315">
        <v>31</v>
      </c>
      <c r="AE28" s="315">
        <v>38</v>
      </c>
      <c r="AF28" s="315">
        <v>40</v>
      </c>
      <c r="AG28" s="312">
        <v>223</v>
      </c>
      <c r="AH28" s="317">
        <v>253</v>
      </c>
      <c r="AI28" s="311">
        <v>1</v>
      </c>
      <c r="AJ28" s="315">
        <v>0</v>
      </c>
      <c r="AK28" s="312">
        <v>1</v>
      </c>
      <c r="AL28" s="314">
        <v>0</v>
      </c>
      <c r="AM28" s="315">
        <v>5</v>
      </c>
      <c r="AN28" s="315">
        <v>5</v>
      </c>
      <c r="AO28" s="315">
        <v>3</v>
      </c>
      <c r="AP28" s="315">
        <v>1</v>
      </c>
      <c r="AQ28" s="315">
        <v>3</v>
      </c>
      <c r="AR28" s="312">
        <v>17</v>
      </c>
      <c r="AS28" s="317">
        <v>18</v>
      </c>
      <c r="AT28" s="311">
        <v>9</v>
      </c>
      <c r="AU28" s="315">
        <v>5</v>
      </c>
      <c r="AV28" s="312">
        <v>14</v>
      </c>
      <c r="AW28" s="314">
        <v>0</v>
      </c>
      <c r="AX28" s="315">
        <v>57</v>
      </c>
      <c r="AY28" s="315">
        <v>62</v>
      </c>
      <c r="AZ28" s="315">
        <v>57</v>
      </c>
      <c r="BA28" s="315">
        <v>61</v>
      </c>
      <c r="BB28" s="315">
        <v>59</v>
      </c>
      <c r="BC28" s="316">
        <v>296</v>
      </c>
      <c r="BD28" s="317">
        <v>310</v>
      </c>
      <c r="BE28" s="311">
        <v>0</v>
      </c>
      <c r="BF28" s="315">
        <v>0</v>
      </c>
      <c r="BG28" s="312">
        <v>0</v>
      </c>
      <c r="BH28" s="314">
        <v>0</v>
      </c>
      <c r="BI28" s="315">
        <v>107</v>
      </c>
      <c r="BJ28" s="315">
        <v>66</v>
      </c>
      <c r="BK28" s="315">
        <v>47</v>
      </c>
      <c r="BL28" s="315">
        <v>23</v>
      </c>
      <c r="BM28" s="315">
        <v>18</v>
      </c>
      <c r="BN28" s="312">
        <v>261</v>
      </c>
      <c r="BO28" s="317">
        <v>261</v>
      </c>
      <c r="BP28" s="311">
        <v>3</v>
      </c>
      <c r="BQ28" s="315">
        <v>5</v>
      </c>
      <c r="BR28" s="312">
        <v>8</v>
      </c>
      <c r="BS28" s="314">
        <v>0</v>
      </c>
      <c r="BT28" s="315">
        <v>19</v>
      </c>
      <c r="BU28" s="315">
        <v>20</v>
      </c>
      <c r="BV28" s="315">
        <v>12</v>
      </c>
      <c r="BW28" s="315">
        <v>6</v>
      </c>
      <c r="BX28" s="315">
        <v>8</v>
      </c>
      <c r="BY28" s="312">
        <v>65</v>
      </c>
      <c r="BZ28" s="317">
        <v>73</v>
      </c>
      <c r="CA28" s="311">
        <v>0</v>
      </c>
      <c r="CB28" s="315">
        <v>2</v>
      </c>
      <c r="CC28" s="312">
        <v>2</v>
      </c>
      <c r="CD28" s="314">
        <v>0</v>
      </c>
      <c r="CE28" s="315">
        <v>9</v>
      </c>
      <c r="CF28" s="315">
        <v>12</v>
      </c>
      <c r="CG28" s="315">
        <v>12</v>
      </c>
      <c r="CH28" s="315">
        <v>14</v>
      </c>
      <c r="CI28" s="315">
        <v>12</v>
      </c>
      <c r="CJ28" s="312">
        <v>59</v>
      </c>
      <c r="CK28" s="317">
        <v>61</v>
      </c>
      <c r="CL28" s="311">
        <v>0</v>
      </c>
      <c r="CM28" s="315">
        <v>0</v>
      </c>
      <c r="CN28" s="312">
        <v>0</v>
      </c>
      <c r="CO28" s="314">
        <v>0</v>
      </c>
      <c r="CP28" s="315">
        <v>3</v>
      </c>
      <c r="CQ28" s="315">
        <v>1</v>
      </c>
      <c r="CR28" s="315">
        <v>4</v>
      </c>
      <c r="CS28" s="315">
        <v>4</v>
      </c>
      <c r="CT28" s="315">
        <v>4</v>
      </c>
      <c r="CU28" s="312">
        <v>16</v>
      </c>
      <c r="CV28" s="317">
        <v>16</v>
      </c>
      <c r="CW28" s="311">
        <v>0</v>
      </c>
      <c r="CX28" s="315">
        <v>0</v>
      </c>
      <c r="CY28" s="312">
        <v>0</v>
      </c>
      <c r="CZ28" s="314">
        <v>0</v>
      </c>
      <c r="DA28" s="315">
        <v>0</v>
      </c>
      <c r="DB28" s="315">
        <v>0</v>
      </c>
      <c r="DC28" s="315">
        <v>0</v>
      </c>
      <c r="DD28" s="315">
        <v>0</v>
      </c>
      <c r="DE28" s="315">
        <v>0</v>
      </c>
      <c r="DF28" s="312">
        <v>0</v>
      </c>
      <c r="DG28" s="317">
        <v>0</v>
      </c>
      <c r="DH28" s="311">
        <v>0</v>
      </c>
      <c r="DI28" s="315">
        <v>0</v>
      </c>
      <c r="DJ28" s="312">
        <v>0</v>
      </c>
      <c r="DK28" s="314">
        <v>0</v>
      </c>
      <c r="DL28" s="315">
        <v>0</v>
      </c>
      <c r="DM28" s="315">
        <v>0</v>
      </c>
      <c r="DN28" s="315">
        <v>0</v>
      </c>
      <c r="DO28" s="315">
        <v>0</v>
      </c>
      <c r="DP28" s="315">
        <v>0</v>
      </c>
      <c r="DQ28" s="312">
        <v>0</v>
      </c>
      <c r="DR28" s="317">
        <v>0</v>
      </c>
      <c r="DS28" s="311">
        <v>60</v>
      </c>
      <c r="DT28" s="315">
        <v>82</v>
      </c>
      <c r="DU28" s="312">
        <v>142</v>
      </c>
      <c r="DV28" s="314">
        <v>0</v>
      </c>
      <c r="DW28" s="315">
        <v>148</v>
      </c>
      <c r="DX28" s="315">
        <v>156</v>
      </c>
      <c r="DY28" s="315">
        <v>97</v>
      </c>
      <c r="DZ28" s="315">
        <v>84</v>
      </c>
      <c r="EA28" s="315">
        <v>66</v>
      </c>
      <c r="EB28" s="312">
        <v>551</v>
      </c>
      <c r="EC28" s="317">
        <v>693</v>
      </c>
      <c r="ED28" s="311">
        <v>11</v>
      </c>
      <c r="EE28" s="315">
        <v>1</v>
      </c>
      <c r="EF28" s="312">
        <v>12</v>
      </c>
      <c r="EG28" s="314">
        <v>0</v>
      </c>
      <c r="EH28" s="315">
        <v>27</v>
      </c>
      <c r="EI28" s="315">
        <v>22</v>
      </c>
      <c r="EJ28" s="315">
        <v>17</v>
      </c>
      <c r="EK28" s="315">
        <v>17</v>
      </c>
      <c r="EL28" s="315">
        <v>11</v>
      </c>
      <c r="EM28" s="312">
        <v>94</v>
      </c>
      <c r="EN28" s="317">
        <v>106</v>
      </c>
      <c r="EO28" s="311">
        <v>74</v>
      </c>
      <c r="EP28" s="315">
        <v>96</v>
      </c>
      <c r="EQ28" s="312">
        <v>170</v>
      </c>
      <c r="ER28" s="314">
        <v>0</v>
      </c>
      <c r="ES28" s="315">
        <v>273</v>
      </c>
      <c r="ET28" s="315">
        <v>205</v>
      </c>
      <c r="EU28" s="315">
        <v>116</v>
      </c>
      <c r="EV28" s="315">
        <v>85</v>
      </c>
      <c r="EW28" s="315">
        <v>71</v>
      </c>
      <c r="EX28" s="312">
        <v>750</v>
      </c>
      <c r="EY28" s="317">
        <v>920</v>
      </c>
    </row>
    <row r="29" spans="1:155" ht="19.5" customHeight="1" x14ac:dyDescent="0.2">
      <c r="A29" s="296" t="s">
        <v>27</v>
      </c>
      <c r="B29" s="311">
        <v>0</v>
      </c>
      <c r="C29" s="315">
        <v>0</v>
      </c>
      <c r="D29" s="437">
        <v>0</v>
      </c>
      <c r="E29" s="314">
        <v>0</v>
      </c>
      <c r="F29" s="315">
        <v>59</v>
      </c>
      <c r="G29" s="315">
        <v>51</v>
      </c>
      <c r="H29" s="315">
        <v>44</v>
      </c>
      <c r="I29" s="315">
        <v>33</v>
      </c>
      <c r="J29" s="315">
        <v>31</v>
      </c>
      <c r="K29" s="316">
        <v>218</v>
      </c>
      <c r="L29" s="317">
        <v>218</v>
      </c>
      <c r="M29" s="311">
        <v>0</v>
      </c>
      <c r="N29" s="315">
        <v>0</v>
      </c>
      <c r="O29" s="312">
        <v>0</v>
      </c>
      <c r="P29" s="314">
        <v>0</v>
      </c>
      <c r="Q29" s="315">
        <v>1</v>
      </c>
      <c r="R29" s="315">
        <v>4</v>
      </c>
      <c r="S29" s="315">
        <v>5</v>
      </c>
      <c r="T29" s="315">
        <v>14</v>
      </c>
      <c r="U29" s="315">
        <v>11</v>
      </c>
      <c r="V29" s="312">
        <v>35</v>
      </c>
      <c r="W29" s="317">
        <v>35</v>
      </c>
      <c r="X29" s="311">
        <v>21</v>
      </c>
      <c r="Y29" s="315">
        <v>35</v>
      </c>
      <c r="Z29" s="312">
        <v>56</v>
      </c>
      <c r="AA29" s="314">
        <v>0</v>
      </c>
      <c r="AB29" s="315">
        <v>37</v>
      </c>
      <c r="AC29" s="315">
        <v>46</v>
      </c>
      <c r="AD29" s="315">
        <v>35</v>
      </c>
      <c r="AE29" s="315">
        <v>34</v>
      </c>
      <c r="AF29" s="315">
        <v>26</v>
      </c>
      <c r="AG29" s="312">
        <v>178</v>
      </c>
      <c r="AH29" s="317">
        <v>234</v>
      </c>
      <c r="AI29" s="311">
        <v>1</v>
      </c>
      <c r="AJ29" s="315">
        <v>3</v>
      </c>
      <c r="AK29" s="312">
        <v>4</v>
      </c>
      <c r="AL29" s="314">
        <v>0</v>
      </c>
      <c r="AM29" s="315">
        <v>0</v>
      </c>
      <c r="AN29" s="315">
        <v>1</v>
      </c>
      <c r="AO29" s="315">
        <v>1</v>
      </c>
      <c r="AP29" s="315">
        <v>0</v>
      </c>
      <c r="AQ29" s="315">
        <v>1</v>
      </c>
      <c r="AR29" s="312">
        <v>3</v>
      </c>
      <c r="AS29" s="317">
        <v>7</v>
      </c>
      <c r="AT29" s="311">
        <v>11</v>
      </c>
      <c r="AU29" s="315">
        <v>16</v>
      </c>
      <c r="AV29" s="312">
        <v>27</v>
      </c>
      <c r="AW29" s="314">
        <v>0</v>
      </c>
      <c r="AX29" s="315">
        <v>62</v>
      </c>
      <c r="AY29" s="315">
        <v>49</v>
      </c>
      <c r="AZ29" s="315">
        <v>73</v>
      </c>
      <c r="BA29" s="315">
        <v>73</v>
      </c>
      <c r="BB29" s="315">
        <v>40</v>
      </c>
      <c r="BC29" s="316">
        <v>297</v>
      </c>
      <c r="BD29" s="317">
        <v>324</v>
      </c>
      <c r="BE29" s="311">
        <v>0</v>
      </c>
      <c r="BF29" s="315">
        <v>0</v>
      </c>
      <c r="BG29" s="312">
        <v>0</v>
      </c>
      <c r="BH29" s="314">
        <v>0</v>
      </c>
      <c r="BI29" s="315">
        <v>97</v>
      </c>
      <c r="BJ29" s="315">
        <v>76</v>
      </c>
      <c r="BK29" s="315">
        <v>38</v>
      </c>
      <c r="BL29" s="315">
        <v>27</v>
      </c>
      <c r="BM29" s="315">
        <v>16</v>
      </c>
      <c r="BN29" s="312">
        <v>254</v>
      </c>
      <c r="BO29" s="317">
        <v>254</v>
      </c>
      <c r="BP29" s="311">
        <v>8</v>
      </c>
      <c r="BQ29" s="315">
        <v>26</v>
      </c>
      <c r="BR29" s="312">
        <v>34</v>
      </c>
      <c r="BS29" s="314">
        <v>0</v>
      </c>
      <c r="BT29" s="315">
        <v>20</v>
      </c>
      <c r="BU29" s="315">
        <v>20</v>
      </c>
      <c r="BV29" s="315">
        <v>15</v>
      </c>
      <c r="BW29" s="315">
        <v>7</v>
      </c>
      <c r="BX29" s="315">
        <v>6</v>
      </c>
      <c r="BY29" s="312">
        <v>68</v>
      </c>
      <c r="BZ29" s="317">
        <v>102</v>
      </c>
      <c r="CA29" s="311">
        <v>0</v>
      </c>
      <c r="CB29" s="315">
        <v>0</v>
      </c>
      <c r="CC29" s="312">
        <v>0</v>
      </c>
      <c r="CD29" s="314">
        <v>0</v>
      </c>
      <c r="CE29" s="315">
        <v>12</v>
      </c>
      <c r="CF29" s="315">
        <v>16</v>
      </c>
      <c r="CG29" s="315">
        <v>13</v>
      </c>
      <c r="CH29" s="315">
        <v>11</v>
      </c>
      <c r="CI29" s="315">
        <v>5</v>
      </c>
      <c r="CJ29" s="312">
        <v>57</v>
      </c>
      <c r="CK29" s="317">
        <v>57</v>
      </c>
      <c r="CL29" s="311">
        <v>0</v>
      </c>
      <c r="CM29" s="315">
        <v>0</v>
      </c>
      <c r="CN29" s="312">
        <v>0</v>
      </c>
      <c r="CO29" s="314">
        <v>0</v>
      </c>
      <c r="CP29" s="315">
        <v>2</v>
      </c>
      <c r="CQ29" s="315">
        <v>0</v>
      </c>
      <c r="CR29" s="315">
        <v>1</v>
      </c>
      <c r="CS29" s="315">
        <v>3</v>
      </c>
      <c r="CT29" s="315">
        <v>3</v>
      </c>
      <c r="CU29" s="312">
        <v>9</v>
      </c>
      <c r="CV29" s="317">
        <v>9</v>
      </c>
      <c r="CW29" s="311">
        <v>0</v>
      </c>
      <c r="CX29" s="315">
        <v>0</v>
      </c>
      <c r="CY29" s="312">
        <v>0</v>
      </c>
      <c r="CZ29" s="314">
        <v>0</v>
      </c>
      <c r="DA29" s="315">
        <v>0</v>
      </c>
      <c r="DB29" s="315">
        <v>0</v>
      </c>
      <c r="DC29" s="315">
        <v>0</v>
      </c>
      <c r="DD29" s="315">
        <v>0</v>
      </c>
      <c r="DE29" s="315">
        <v>0</v>
      </c>
      <c r="DF29" s="312">
        <v>0</v>
      </c>
      <c r="DG29" s="317">
        <v>0</v>
      </c>
      <c r="DH29" s="311">
        <v>0</v>
      </c>
      <c r="DI29" s="315">
        <v>0</v>
      </c>
      <c r="DJ29" s="312">
        <v>0</v>
      </c>
      <c r="DK29" s="314">
        <v>0</v>
      </c>
      <c r="DL29" s="315">
        <v>0</v>
      </c>
      <c r="DM29" s="315">
        <v>0</v>
      </c>
      <c r="DN29" s="315">
        <v>0</v>
      </c>
      <c r="DO29" s="315">
        <v>0</v>
      </c>
      <c r="DP29" s="315">
        <v>0</v>
      </c>
      <c r="DQ29" s="312">
        <v>0</v>
      </c>
      <c r="DR29" s="317">
        <v>0</v>
      </c>
      <c r="DS29" s="311">
        <v>78</v>
      </c>
      <c r="DT29" s="315">
        <v>113</v>
      </c>
      <c r="DU29" s="312">
        <v>191</v>
      </c>
      <c r="DV29" s="314">
        <v>0</v>
      </c>
      <c r="DW29" s="315">
        <v>67</v>
      </c>
      <c r="DX29" s="315">
        <v>132</v>
      </c>
      <c r="DY29" s="315">
        <v>94</v>
      </c>
      <c r="DZ29" s="315">
        <v>59</v>
      </c>
      <c r="EA29" s="315">
        <v>45</v>
      </c>
      <c r="EB29" s="312">
        <v>397</v>
      </c>
      <c r="EC29" s="317">
        <v>588</v>
      </c>
      <c r="ED29" s="311">
        <v>11</v>
      </c>
      <c r="EE29" s="315">
        <v>14</v>
      </c>
      <c r="EF29" s="312">
        <v>25</v>
      </c>
      <c r="EG29" s="314">
        <v>0</v>
      </c>
      <c r="EH29" s="315">
        <v>31</v>
      </c>
      <c r="EI29" s="315">
        <v>29</v>
      </c>
      <c r="EJ29" s="315">
        <v>35</v>
      </c>
      <c r="EK29" s="315">
        <v>39</v>
      </c>
      <c r="EL29" s="315">
        <v>14</v>
      </c>
      <c r="EM29" s="312">
        <v>148</v>
      </c>
      <c r="EN29" s="317">
        <v>173</v>
      </c>
      <c r="EO29" s="311">
        <v>100</v>
      </c>
      <c r="EP29" s="315">
        <v>139</v>
      </c>
      <c r="EQ29" s="312">
        <v>239</v>
      </c>
      <c r="ER29" s="314">
        <v>0</v>
      </c>
      <c r="ES29" s="315">
        <v>189</v>
      </c>
      <c r="ET29" s="315">
        <v>165</v>
      </c>
      <c r="EU29" s="315">
        <v>107</v>
      </c>
      <c r="EV29" s="315">
        <v>63</v>
      </c>
      <c r="EW29" s="315">
        <v>45</v>
      </c>
      <c r="EX29" s="312">
        <v>569</v>
      </c>
      <c r="EY29" s="317">
        <v>808</v>
      </c>
    </row>
    <row r="30" spans="1:155" ht="19.5" customHeight="1" x14ac:dyDescent="0.2">
      <c r="A30" s="296" t="s">
        <v>28</v>
      </c>
      <c r="B30" s="311">
        <v>0</v>
      </c>
      <c r="C30" s="315">
        <v>0</v>
      </c>
      <c r="D30" s="437">
        <v>0</v>
      </c>
      <c r="E30" s="314">
        <v>0</v>
      </c>
      <c r="F30" s="315">
        <v>13</v>
      </c>
      <c r="G30" s="315">
        <v>13</v>
      </c>
      <c r="H30" s="315">
        <v>5</v>
      </c>
      <c r="I30" s="315">
        <v>9</v>
      </c>
      <c r="J30" s="315">
        <v>12</v>
      </c>
      <c r="K30" s="316">
        <v>52</v>
      </c>
      <c r="L30" s="317">
        <v>52</v>
      </c>
      <c r="M30" s="311">
        <v>0</v>
      </c>
      <c r="N30" s="315">
        <v>0</v>
      </c>
      <c r="O30" s="312">
        <v>0</v>
      </c>
      <c r="P30" s="314">
        <v>0</v>
      </c>
      <c r="Q30" s="315">
        <v>0</v>
      </c>
      <c r="R30" s="315">
        <v>0</v>
      </c>
      <c r="S30" s="315">
        <v>1</v>
      </c>
      <c r="T30" s="315">
        <v>1</v>
      </c>
      <c r="U30" s="315">
        <v>5</v>
      </c>
      <c r="V30" s="312">
        <v>7</v>
      </c>
      <c r="W30" s="317">
        <v>7</v>
      </c>
      <c r="X30" s="311">
        <v>2</v>
      </c>
      <c r="Y30" s="315">
        <v>3</v>
      </c>
      <c r="Z30" s="312">
        <v>5</v>
      </c>
      <c r="AA30" s="314">
        <v>0</v>
      </c>
      <c r="AB30" s="315">
        <v>9</v>
      </c>
      <c r="AC30" s="315">
        <v>22</v>
      </c>
      <c r="AD30" s="315">
        <v>8</v>
      </c>
      <c r="AE30" s="315">
        <v>10</v>
      </c>
      <c r="AF30" s="315">
        <v>13</v>
      </c>
      <c r="AG30" s="312">
        <v>62</v>
      </c>
      <c r="AH30" s="317">
        <v>67</v>
      </c>
      <c r="AI30" s="311">
        <v>0</v>
      </c>
      <c r="AJ30" s="315">
        <v>0</v>
      </c>
      <c r="AK30" s="312">
        <v>0</v>
      </c>
      <c r="AL30" s="314">
        <v>0</v>
      </c>
      <c r="AM30" s="315">
        <v>4</v>
      </c>
      <c r="AN30" s="315">
        <v>0</v>
      </c>
      <c r="AO30" s="315">
        <v>0</v>
      </c>
      <c r="AP30" s="315">
        <v>1</v>
      </c>
      <c r="AQ30" s="315">
        <v>3</v>
      </c>
      <c r="AR30" s="312">
        <v>8</v>
      </c>
      <c r="AS30" s="317">
        <v>8</v>
      </c>
      <c r="AT30" s="311">
        <v>1</v>
      </c>
      <c r="AU30" s="315">
        <v>1</v>
      </c>
      <c r="AV30" s="312">
        <v>2</v>
      </c>
      <c r="AW30" s="314">
        <v>0</v>
      </c>
      <c r="AX30" s="315">
        <v>9</v>
      </c>
      <c r="AY30" s="315">
        <v>24</v>
      </c>
      <c r="AZ30" s="315">
        <v>19</v>
      </c>
      <c r="BA30" s="315">
        <v>13</v>
      </c>
      <c r="BB30" s="315">
        <v>20</v>
      </c>
      <c r="BC30" s="316">
        <v>85</v>
      </c>
      <c r="BD30" s="317">
        <v>87</v>
      </c>
      <c r="BE30" s="311">
        <v>0</v>
      </c>
      <c r="BF30" s="315">
        <v>0</v>
      </c>
      <c r="BG30" s="312">
        <v>0</v>
      </c>
      <c r="BH30" s="314">
        <v>0</v>
      </c>
      <c r="BI30" s="315">
        <v>29</v>
      </c>
      <c r="BJ30" s="315">
        <v>33</v>
      </c>
      <c r="BK30" s="315">
        <v>16</v>
      </c>
      <c r="BL30" s="315">
        <v>10</v>
      </c>
      <c r="BM30" s="315">
        <v>6</v>
      </c>
      <c r="BN30" s="312">
        <v>94</v>
      </c>
      <c r="BO30" s="317">
        <v>94</v>
      </c>
      <c r="BP30" s="311">
        <v>0</v>
      </c>
      <c r="BQ30" s="315">
        <v>4</v>
      </c>
      <c r="BR30" s="312">
        <v>4</v>
      </c>
      <c r="BS30" s="314">
        <v>0</v>
      </c>
      <c r="BT30" s="315">
        <v>3</v>
      </c>
      <c r="BU30" s="315">
        <v>13</v>
      </c>
      <c r="BV30" s="315">
        <v>7</v>
      </c>
      <c r="BW30" s="315">
        <v>6</v>
      </c>
      <c r="BX30" s="315">
        <v>6</v>
      </c>
      <c r="BY30" s="312">
        <v>35</v>
      </c>
      <c r="BZ30" s="317">
        <v>39</v>
      </c>
      <c r="CA30" s="311">
        <v>0</v>
      </c>
      <c r="CB30" s="315">
        <v>0</v>
      </c>
      <c r="CC30" s="312">
        <v>0</v>
      </c>
      <c r="CD30" s="314">
        <v>0</v>
      </c>
      <c r="CE30" s="315">
        <v>1</v>
      </c>
      <c r="CF30" s="315">
        <v>5</v>
      </c>
      <c r="CG30" s="315">
        <v>6</v>
      </c>
      <c r="CH30" s="315">
        <v>4</v>
      </c>
      <c r="CI30" s="315">
        <v>3</v>
      </c>
      <c r="CJ30" s="312">
        <v>19</v>
      </c>
      <c r="CK30" s="317">
        <v>19</v>
      </c>
      <c r="CL30" s="311">
        <v>0</v>
      </c>
      <c r="CM30" s="315">
        <v>0</v>
      </c>
      <c r="CN30" s="312">
        <v>0</v>
      </c>
      <c r="CO30" s="314">
        <v>0</v>
      </c>
      <c r="CP30" s="315">
        <v>1</v>
      </c>
      <c r="CQ30" s="315">
        <v>3</v>
      </c>
      <c r="CR30" s="315">
        <v>3</v>
      </c>
      <c r="CS30" s="315">
        <v>1</v>
      </c>
      <c r="CT30" s="315">
        <v>0</v>
      </c>
      <c r="CU30" s="312">
        <v>8</v>
      </c>
      <c r="CV30" s="317">
        <v>8</v>
      </c>
      <c r="CW30" s="311">
        <v>0</v>
      </c>
      <c r="CX30" s="315">
        <v>0</v>
      </c>
      <c r="CY30" s="312">
        <v>0</v>
      </c>
      <c r="CZ30" s="314">
        <v>0</v>
      </c>
      <c r="DA30" s="315">
        <v>0</v>
      </c>
      <c r="DB30" s="315">
        <v>0</v>
      </c>
      <c r="DC30" s="315">
        <v>0</v>
      </c>
      <c r="DD30" s="315">
        <v>0</v>
      </c>
      <c r="DE30" s="315">
        <v>0</v>
      </c>
      <c r="DF30" s="312">
        <v>0</v>
      </c>
      <c r="DG30" s="317">
        <v>0</v>
      </c>
      <c r="DH30" s="311">
        <v>0</v>
      </c>
      <c r="DI30" s="315">
        <v>0</v>
      </c>
      <c r="DJ30" s="312">
        <v>0</v>
      </c>
      <c r="DK30" s="314">
        <v>0</v>
      </c>
      <c r="DL30" s="315">
        <v>0</v>
      </c>
      <c r="DM30" s="315">
        <v>0</v>
      </c>
      <c r="DN30" s="315">
        <v>0</v>
      </c>
      <c r="DO30" s="315">
        <v>0</v>
      </c>
      <c r="DP30" s="315">
        <v>0</v>
      </c>
      <c r="DQ30" s="312">
        <v>0</v>
      </c>
      <c r="DR30" s="317">
        <v>0</v>
      </c>
      <c r="DS30" s="311">
        <v>9</v>
      </c>
      <c r="DT30" s="315">
        <v>12</v>
      </c>
      <c r="DU30" s="312">
        <v>21</v>
      </c>
      <c r="DV30" s="314">
        <v>0</v>
      </c>
      <c r="DW30" s="315">
        <v>28</v>
      </c>
      <c r="DX30" s="315">
        <v>68</v>
      </c>
      <c r="DY30" s="315">
        <v>28</v>
      </c>
      <c r="DZ30" s="315">
        <v>24</v>
      </c>
      <c r="EA30" s="315">
        <v>22</v>
      </c>
      <c r="EB30" s="312">
        <v>170</v>
      </c>
      <c r="EC30" s="317">
        <v>191</v>
      </c>
      <c r="ED30" s="311">
        <v>0</v>
      </c>
      <c r="EE30" s="315">
        <v>0</v>
      </c>
      <c r="EF30" s="312">
        <v>0</v>
      </c>
      <c r="EG30" s="314">
        <v>0</v>
      </c>
      <c r="EH30" s="315">
        <v>5</v>
      </c>
      <c r="EI30" s="315">
        <v>5</v>
      </c>
      <c r="EJ30" s="315">
        <v>5</v>
      </c>
      <c r="EK30" s="315">
        <v>5</v>
      </c>
      <c r="EL30" s="315">
        <v>3</v>
      </c>
      <c r="EM30" s="312">
        <v>23</v>
      </c>
      <c r="EN30" s="317">
        <v>23</v>
      </c>
      <c r="EO30" s="311">
        <v>9</v>
      </c>
      <c r="EP30" s="315">
        <v>15</v>
      </c>
      <c r="EQ30" s="312">
        <v>24</v>
      </c>
      <c r="ER30" s="314">
        <v>0</v>
      </c>
      <c r="ES30" s="315">
        <v>68</v>
      </c>
      <c r="ET30" s="315">
        <v>88</v>
      </c>
      <c r="EU30" s="315">
        <v>33</v>
      </c>
      <c r="EV30" s="315">
        <v>24</v>
      </c>
      <c r="EW30" s="315">
        <v>23</v>
      </c>
      <c r="EX30" s="312">
        <v>236</v>
      </c>
      <c r="EY30" s="317">
        <v>260</v>
      </c>
    </row>
    <row r="31" spans="1:155" ht="19.5" customHeight="1" x14ac:dyDescent="0.2">
      <c r="A31" s="296" t="s">
        <v>29</v>
      </c>
      <c r="B31" s="311">
        <v>0</v>
      </c>
      <c r="C31" s="315">
        <v>0</v>
      </c>
      <c r="D31" s="437">
        <v>0</v>
      </c>
      <c r="E31" s="314">
        <v>0</v>
      </c>
      <c r="F31" s="315">
        <v>25</v>
      </c>
      <c r="G31" s="315">
        <v>23</v>
      </c>
      <c r="H31" s="315">
        <v>14</v>
      </c>
      <c r="I31" s="315">
        <v>16</v>
      </c>
      <c r="J31" s="315">
        <v>8</v>
      </c>
      <c r="K31" s="316">
        <v>86</v>
      </c>
      <c r="L31" s="317">
        <v>86</v>
      </c>
      <c r="M31" s="311">
        <v>0</v>
      </c>
      <c r="N31" s="315">
        <v>0</v>
      </c>
      <c r="O31" s="312">
        <v>0</v>
      </c>
      <c r="P31" s="314">
        <v>0</v>
      </c>
      <c r="Q31" s="315">
        <v>0</v>
      </c>
      <c r="R31" s="315">
        <v>3</v>
      </c>
      <c r="S31" s="315">
        <v>1</v>
      </c>
      <c r="T31" s="315">
        <v>4</v>
      </c>
      <c r="U31" s="315">
        <v>3</v>
      </c>
      <c r="V31" s="312">
        <v>11</v>
      </c>
      <c r="W31" s="317">
        <v>11</v>
      </c>
      <c r="X31" s="311">
        <v>3</v>
      </c>
      <c r="Y31" s="315">
        <v>6</v>
      </c>
      <c r="Z31" s="312">
        <v>9</v>
      </c>
      <c r="AA31" s="314">
        <v>0</v>
      </c>
      <c r="AB31" s="315">
        <v>16</v>
      </c>
      <c r="AC31" s="315">
        <v>17</v>
      </c>
      <c r="AD31" s="315">
        <v>15</v>
      </c>
      <c r="AE31" s="315">
        <v>12</v>
      </c>
      <c r="AF31" s="315">
        <v>7</v>
      </c>
      <c r="AG31" s="312">
        <v>67</v>
      </c>
      <c r="AH31" s="317">
        <v>76</v>
      </c>
      <c r="AI31" s="311">
        <v>0</v>
      </c>
      <c r="AJ31" s="315">
        <v>1</v>
      </c>
      <c r="AK31" s="312">
        <v>1</v>
      </c>
      <c r="AL31" s="314">
        <v>0</v>
      </c>
      <c r="AM31" s="315">
        <v>2</v>
      </c>
      <c r="AN31" s="315">
        <v>3</v>
      </c>
      <c r="AO31" s="315">
        <v>0</v>
      </c>
      <c r="AP31" s="315">
        <v>3</v>
      </c>
      <c r="AQ31" s="315">
        <v>0</v>
      </c>
      <c r="AR31" s="312">
        <v>8</v>
      </c>
      <c r="AS31" s="317">
        <v>9</v>
      </c>
      <c r="AT31" s="311">
        <v>2</v>
      </c>
      <c r="AU31" s="315">
        <v>1</v>
      </c>
      <c r="AV31" s="312">
        <v>3</v>
      </c>
      <c r="AW31" s="314">
        <v>0</v>
      </c>
      <c r="AX31" s="315">
        <v>10</v>
      </c>
      <c r="AY31" s="315">
        <v>21</v>
      </c>
      <c r="AZ31" s="315">
        <v>10</v>
      </c>
      <c r="BA31" s="315">
        <v>19</v>
      </c>
      <c r="BB31" s="315">
        <v>9</v>
      </c>
      <c r="BC31" s="316">
        <v>69</v>
      </c>
      <c r="BD31" s="317">
        <v>72</v>
      </c>
      <c r="BE31" s="311">
        <v>0</v>
      </c>
      <c r="BF31" s="315">
        <v>0</v>
      </c>
      <c r="BG31" s="312">
        <v>0</v>
      </c>
      <c r="BH31" s="314">
        <v>0</v>
      </c>
      <c r="BI31" s="315">
        <v>33</v>
      </c>
      <c r="BJ31" s="315">
        <v>36</v>
      </c>
      <c r="BK31" s="315">
        <v>21</v>
      </c>
      <c r="BL31" s="315">
        <v>15</v>
      </c>
      <c r="BM31" s="315">
        <v>8</v>
      </c>
      <c r="BN31" s="312">
        <v>113</v>
      </c>
      <c r="BO31" s="317">
        <v>113</v>
      </c>
      <c r="BP31" s="311">
        <v>2</v>
      </c>
      <c r="BQ31" s="315">
        <v>4</v>
      </c>
      <c r="BR31" s="312">
        <v>6</v>
      </c>
      <c r="BS31" s="314">
        <v>0</v>
      </c>
      <c r="BT31" s="315">
        <v>14</v>
      </c>
      <c r="BU31" s="315">
        <v>10</v>
      </c>
      <c r="BV31" s="315">
        <v>7</v>
      </c>
      <c r="BW31" s="315">
        <v>7</v>
      </c>
      <c r="BX31" s="315">
        <v>3</v>
      </c>
      <c r="BY31" s="312">
        <v>41</v>
      </c>
      <c r="BZ31" s="317">
        <v>47</v>
      </c>
      <c r="CA31" s="311">
        <v>0</v>
      </c>
      <c r="CB31" s="315">
        <v>0</v>
      </c>
      <c r="CC31" s="312">
        <v>0</v>
      </c>
      <c r="CD31" s="314">
        <v>0</v>
      </c>
      <c r="CE31" s="315">
        <v>3</v>
      </c>
      <c r="CF31" s="315">
        <v>9</v>
      </c>
      <c r="CG31" s="315">
        <v>15</v>
      </c>
      <c r="CH31" s="315">
        <v>8</v>
      </c>
      <c r="CI31" s="315">
        <v>5</v>
      </c>
      <c r="CJ31" s="312">
        <v>40</v>
      </c>
      <c r="CK31" s="317">
        <v>40</v>
      </c>
      <c r="CL31" s="311">
        <v>0</v>
      </c>
      <c r="CM31" s="315">
        <v>0</v>
      </c>
      <c r="CN31" s="312">
        <v>0</v>
      </c>
      <c r="CO31" s="314">
        <v>0</v>
      </c>
      <c r="CP31" s="315">
        <v>0</v>
      </c>
      <c r="CQ31" s="315">
        <v>2</v>
      </c>
      <c r="CR31" s="315">
        <v>2</v>
      </c>
      <c r="CS31" s="315">
        <v>1</v>
      </c>
      <c r="CT31" s="315">
        <v>1</v>
      </c>
      <c r="CU31" s="312">
        <v>6</v>
      </c>
      <c r="CV31" s="317">
        <v>6</v>
      </c>
      <c r="CW31" s="311">
        <v>0</v>
      </c>
      <c r="CX31" s="315">
        <v>0</v>
      </c>
      <c r="CY31" s="312">
        <v>0</v>
      </c>
      <c r="CZ31" s="314">
        <v>0</v>
      </c>
      <c r="DA31" s="315">
        <v>0</v>
      </c>
      <c r="DB31" s="315">
        <v>0</v>
      </c>
      <c r="DC31" s="315">
        <v>0</v>
      </c>
      <c r="DD31" s="315">
        <v>0</v>
      </c>
      <c r="DE31" s="315">
        <v>0</v>
      </c>
      <c r="DF31" s="312">
        <v>0</v>
      </c>
      <c r="DG31" s="317">
        <v>0</v>
      </c>
      <c r="DH31" s="311">
        <v>0</v>
      </c>
      <c r="DI31" s="315">
        <v>0</v>
      </c>
      <c r="DJ31" s="312">
        <v>0</v>
      </c>
      <c r="DK31" s="314">
        <v>0</v>
      </c>
      <c r="DL31" s="315">
        <v>0</v>
      </c>
      <c r="DM31" s="315">
        <v>0</v>
      </c>
      <c r="DN31" s="315">
        <v>0</v>
      </c>
      <c r="DO31" s="315">
        <v>0</v>
      </c>
      <c r="DP31" s="315">
        <v>0</v>
      </c>
      <c r="DQ31" s="312">
        <v>0</v>
      </c>
      <c r="DR31" s="317">
        <v>0</v>
      </c>
      <c r="DS31" s="311">
        <v>20</v>
      </c>
      <c r="DT31" s="315">
        <v>30</v>
      </c>
      <c r="DU31" s="312">
        <v>50</v>
      </c>
      <c r="DV31" s="314">
        <v>0</v>
      </c>
      <c r="DW31" s="315">
        <v>36</v>
      </c>
      <c r="DX31" s="315">
        <v>66</v>
      </c>
      <c r="DY31" s="315">
        <v>37</v>
      </c>
      <c r="DZ31" s="315">
        <v>38</v>
      </c>
      <c r="EA31" s="315">
        <v>23</v>
      </c>
      <c r="EB31" s="312">
        <v>200</v>
      </c>
      <c r="EC31" s="317">
        <v>250</v>
      </c>
      <c r="ED31" s="311">
        <v>0</v>
      </c>
      <c r="EE31" s="315">
        <v>0</v>
      </c>
      <c r="EF31" s="312">
        <v>0</v>
      </c>
      <c r="EG31" s="314">
        <v>0</v>
      </c>
      <c r="EH31" s="315">
        <v>6</v>
      </c>
      <c r="EI31" s="315">
        <v>11</v>
      </c>
      <c r="EJ31" s="315">
        <v>3</v>
      </c>
      <c r="EK31" s="315">
        <v>5</v>
      </c>
      <c r="EL31" s="315">
        <v>5</v>
      </c>
      <c r="EM31" s="312">
        <v>30</v>
      </c>
      <c r="EN31" s="317">
        <v>30</v>
      </c>
      <c r="EO31" s="311">
        <v>22</v>
      </c>
      <c r="EP31" s="315">
        <v>36</v>
      </c>
      <c r="EQ31" s="312">
        <v>58</v>
      </c>
      <c r="ER31" s="314">
        <v>0</v>
      </c>
      <c r="ES31" s="315">
        <v>83</v>
      </c>
      <c r="ET31" s="315">
        <v>93</v>
      </c>
      <c r="EU31" s="315">
        <v>49</v>
      </c>
      <c r="EV31" s="315">
        <v>41</v>
      </c>
      <c r="EW31" s="315">
        <v>22</v>
      </c>
      <c r="EX31" s="312">
        <v>288</v>
      </c>
      <c r="EY31" s="317">
        <v>346</v>
      </c>
    </row>
    <row r="32" spans="1:155" ht="19.5" customHeight="1" x14ac:dyDescent="0.2">
      <c r="A32" s="296" t="s">
        <v>30</v>
      </c>
      <c r="B32" s="311">
        <v>0</v>
      </c>
      <c r="C32" s="315">
        <v>0</v>
      </c>
      <c r="D32" s="437">
        <v>0</v>
      </c>
      <c r="E32" s="314">
        <v>0</v>
      </c>
      <c r="F32" s="315">
        <v>18</v>
      </c>
      <c r="G32" s="315">
        <v>20</v>
      </c>
      <c r="H32" s="315">
        <v>22</v>
      </c>
      <c r="I32" s="315">
        <v>12</v>
      </c>
      <c r="J32" s="315">
        <v>5</v>
      </c>
      <c r="K32" s="316">
        <v>77</v>
      </c>
      <c r="L32" s="317">
        <v>77</v>
      </c>
      <c r="M32" s="311">
        <v>0</v>
      </c>
      <c r="N32" s="315">
        <v>0</v>
      </c>
      <c r="O32" s="312">
        <v>0</v>
      </c>
      <c r="P32" s="314">
        <v>0</v>
      </c>
      <c r="Q32" s="315">
        <v>1</v>
      </c>
      <c r="R32" s="315">
        <v>1</v>
      </c>
      <c r="S32" s="315">
        <v>5</v>
      </c>
      <c r="T32" s="315">
        <v>7</v>
      </c>
      <c r="U32" s="315">
        <v>5</v>
      </c>
      <c r="V32" s="312">
        <v>19</v>
      </c>
      <c r="W32" s="317">
        <v>19</v>
      </c>
      <c r="X32" s="311">
        <v>5</v>
      </c>
      <c r="Y32" s="315">
        <v>9</v>
      </c>
      <c r="Z32" s="312">
        <v>14</v>
      </c>
      <c r="AA32" s="314">
        <v>0</v>
      </c>
      <c r="AB32" s="315">
        <v>18</v>
      </c>
      <c r="AC32" s="315">
        <v>19</v>
      </c>
      <c r="AD32" s="315">
        <v>20</v>
      </c>
      <c r="AE32" s="315">
        <v>15</v>
      </c>
      <c r="AF32" s="315">
        <v>4</v>
      </c>
      <c r="AG32" s="312">
        <v>76</v>
      </c>
      <c r="AH32" s="317">
        <v>90</v>
      </c>
      <c r="AI32" s="311">
        <v>0</v>
      </c>
      <c r="AJ32" s="315">
        <v>0</v>
      </c>
      <c r="AK32" s="312">
        <v>0</v>
      </c>
      <c r="AL32" s="314">
        <v>0</v>
      </c>
      <c r="AM32" s="315">
        <v>2</v>
      </c>
      <c r="AN32" s="315">
        <v>1</v>
      </c>
      <c r="AO32" s="315">
        <v>1</v>
      </c>
      <c r="AP32" s="315">
        <v>1</v>
      </c>
      <c r="AQ32" s="315">
        <v>0</v>
      </c>
      <c r="AR32" s="312">
        <v>5</v>
      </c>
      <c r="AS32" s="317">
        <v>5</v>
      </c>
      <c r="AT32" s="311">
        <v>3</v>
      </c>
      <c r="AU32" s="315">
        <v>1</v>
      </c>
      <c r="AV32" s="312">
        <v>4</v>
      </c>
      <c r="AW32" s="314">
        <v>0</v>
      </c>
      <c r="AX32" s="315">
        <v>19</v>
      </c>
      <c r="AY32" s="315">
        <v>16</v>
      </c>
      <c r="AZ32" s="315">
        <v>24</v>
      </c>
      <c r="BA32" s="315">
        <v>16</v>
      </c>
      <c r="BB32" s="315">
        <v>9</v>
      </c>
      <c r="BC32" s="316">
        <v>84</v>
      </c>
      <c r="BD32" s="317">
        <v>88</v>
      </c>
      <c r="BE32" s="311">
        <v>0</v>
      </c>
      <c r="BF32" s="315">
        <v>0</v>
      </c>
      <c r="BG32" s="312">
        <v>0</v>
      </c>
      <c r="BH32" s="314">
        <v>0</v>
      </c>
      <c r="BI32" s="315">
        <v>30</v>
      </c>
      <c r="BJ32" s="315">
        <v>20</v>
      </c>
      <c r="BK32" s="315">
        <v>22</v>
      </c>
      <c r="BL32" s="315">
        <v>10</v>
      </c>
      <c r="BM32" s="315">
        <v>1</v>
      </c>
      <c r="BN32" s="312">
        <v>83</v>
      </c>
      <c r="BO32" s="317">
        <v>83</v>
      </c>
      <c r="BP32" s="311">
        <v>0</v>
      </c>
      <c r="BQ32" s="315">
        <v>1</v>
      </c>
      <c r="BR32" s="312">
        <v>1</v>
      </c>
      <c r="BS32" s="314">
        <v>0</v>
      </c>
      <c r="BT32" s="315">
        <v>4</v>
      </c>
      <c r="BU32" s="315">
        <v>10</v>
      </c>
      <c r="BV32" s="315">
        <v>1</v>
      </c>
      <c r="BW32" s="315">
        <v>6</v>
      </c>
      <c r="BX32" s="315">
        <v>0</v>
      </c>
      <c r="BY32" s="312">
        <v>21</v>
      </c>
      <c r="BZ32" s="317">
        <v>22</v>
      </c>
      <c r="CA32" s="311">
        <v>0</v>
      </c>
      <c r="CB32" s="315">
        <v>0</v>
      </c>
      <c r="CC32" s="312">
        <v>0</v>
      </c>
      <c r="CD32" s="314">
        <v>0</v>
      </c>
      <c r="CE32" s="315">
        <v>5</v>
      </c>
      <c r="CF32" s="315">
        <v>5</v>
      </c>
      <c r="CG32" s="315">
        <v>9</v>
      </c>
      <c r="CH32" s="315">
        <v>8</v>
      </c>
      <c r="CI32" s="315">
        <v>3</v>
      </c>
      <c r="CJ32" s="312">
        <v>30</v>
      </c>
      <c r="CK32" s="317">
        <v>30</v>
      </c>
      <c r="CL32" s="311">
        <v>0</v>
      </c>
      <c r="CM32" s="315">
        <v>0</v>
      </c>
      <c r="CN32" s="312">
        <v>0</v>
      </c>
      <c r="CO32" s="314">
        <v>0</v>
      </c>
      <c r="CP32" s="315">
        <v>0</v>
      </c>
      <c r="CQ32" s="315">
        <v>1</v>
      </c>
      <c r="CR32" s="315">
        <v>1</v>
      </c>
      <c r="CS32" s="315">
        <v>0</v>
      </c>
      <c r="CT32" s="315">
        <v>1</v>
      </c>
      <c r="CU32" s="312">
        <v>3</v>
      </c>
      <c r="CV32" s="317">
        <v>3</v>
      </c>
      <c r="CW32" s="311">
        <v>0</v>
      </c>
      <c r="CX32" s="315">
        <v>0</v>
      </c>
      <c r="CY32" s="312">
        <v>0</v>
      </c>
      <c r="CZ32" s="314">
        <v>0</v>
      </c>
      <c r="DA32" s="315">
        <v>0</v>
      </c>
      <c r="DB32" s="315">
        <v>0</v>
      </c>
      <c r="DC32" s="315">
        <v>0</v>
      </c>
      <c r="DD32" s="315">
        <v>0</v>
      </c>
      <c r="DE32" s="315">
        <v>0</v>
      </c>
      <c r="DF32" s="312">
        <v>0</v>
      </c>
      <c r="DG32" s="317">
        <v>0</v>
      </c>
      <c r="DH32" s="311">
        <v>0</v>
      </c>
      <c r="DI32" s="315">
        <v>0</v>
      </c>
      <c r="DJ32" s="312">
        <v>0</v>
      </c>
      <c r="DK32" s="314">
        <v>0</v>
      </c>
      <c r="DL32" s="315">
        <v>0</v>
      </c>
      <c r="DM32" s="315">
        <v>0</v>
      </c>
      <c r="DN32" s="315">
        <v>0</v>
      </c>
      <c r="DO32" s="315">
        <v>0</v>
      </c>
      <c r="DP32" s="315">
        <v>0</v>
      </c>
      <c r="DQ32" s="312">
        <v>0</v>
      </c>
      <c r="DR32" s="317">
        <v>0</v>
      </c>
      <c r="DS32" s="311">
        <v>20</v>
      </c>
      <c r="DT32" s="315">
        <v>26</v>
      </c>
      <c r="DU32" s="312">
        <v>46</v>
      </c>
      <c r="DV32" s="314">
        <v>0</v>
      </c>
      <c r="DW32" s="315">
        <v>54</v>
      </c>
      <c r="DX32" s="315">
        <v>61</v>
      </c>
      <c r="DY32" s="315">
        <v>50</v>
      </c>
      <c r="DZ32" s="315">
        <v>33</v>
      </c>
      <c r="EA32" s="315">
        <v>12</v>
      </c>
      <c r="EB32" s="312">
        <v>210</v>
      </c>
      <c r="EC32" s="317">
        <v>256</v>
      </c>
      <c r="ED32" s="311">
        <v>2</v>
      </c>
      <c r="EE32" s="315">
        <v>0</v>
      </c>
      <c r="EF32" s="312">
        <v>2</v>
      </c>
      <c r="EG32" s="314">
        <v>0</v>
      </c>
      <c r="EH32" s="315">
        <v>6</v>
      </c>
      <c r="EI32" s="315">
        <v>7</v>
      </c>
      <c r="EJ32" s="315">
        <v>3</v>
      </c>
      <c r="EK32" s="315">
        <v>4</v>
      </c>
      <c r="EL32" s="315">
        <v>2</v>
      </c>
      <c r="EM32" s="312">
        <v>22</v>
      </c>
      <c r="EN32" s="317">
        <v>24</v>
      </c>
      <c r="EO32" s="311">
        <v>24</v>
      </c>
      <c r="EP32" s="315">
        <v>33</v>
      </c>
      <c r="EQ32" s="312">
        <v>57</v>
      </c>
      <c r="ER32" s="314">
        <v>0</v>
      </c>
      <c r="ES32" s="315">
        <v>84</v>
      </c>
      <c r="ET32" s="315">
        <v>73</v>
      </c>
      <c r="EU32" s="315">
        <v>60</v>
      </c>
      <c r="EV32" s="315">
        <v>36</v>
      </c>
      <c r="EW32" s="315">
        <v>15</v>
      </c>
      <c r="EX32" s="312">
        <v>268</v>
      </c>
      <c r="EY32" s="317">
        <v>325</v>
      </c>
    </row>
    <row r="33" spans="1:155" ht="19.5" customHeight="1" x14ac:dyDescent="0.2">
      <c r="A33" s="296" t="s">
        <v>31</v>
      </c>
      <c r="B33" s="311">
        <v>0</v>
      </c>
      <c r="C33" s="315">
        <v>0</v>
      </c>
      <c r="D33" s="437">
        <v>0</v>
      </c>
      <c r="E33" s="314">
        <v>0</v>
      </c>
      <c r="F33" s="315">
        <v>19</v>
      </c>
      <c r="G33" s="315">
        <v>12</v>
      </c>
      <c r="H33" s="315">
        <v>8</v>
      </c>
      <c r="I33" s="315">
        <v>3</v>
      </c>
      <c r="J33" s="315">
        <v>9</v>
      </c>
      <c r="K33" s="316">
        <v>51</v>
      </c>
      <c r="L33" s="317">
        <v>51</v>
      </c>
      <c r="M33" s="311">
        <v>0</v>
      </c>
      <c r="N33" s="315">
        <v>0</v>
      </c>
      <c r="O33" s="312">
        <v>0</v>
      </c>
      <c r="P33" s="314">
        <v>0</v>
      </c>
      <c r="Q33" s="315">
        <v>1</v>
      </c>
      <c r="R33" s="315">
        <v>3</v>
      </c>
      <c r="S33" s="315">
        <v>3</v>
      </c>
      <c r="T33" s="315">
        <v>5</v>
      </c>
      <c r="U33" s="315">
        <v>4</v>
      </c>
      <c r="V33" s="312">
        <v>16</v>
      </c>
      <c r="W33" s="317">
        <v>16</v>
      </c>
      <c r="X33" s="311">
        <v>3</v>
      </c>
      <c r="Y33" s="315">
        <v>4</v>
      </c>
      <c r="Z33" s="312">
        <v>7</v>
      </c>
      <c r="AA33" s="314">
        <v>0</v>
      </c>
      <c r="AB33" s="315">
        <v>13</v>
      </c>
      <c r="AC33" s="315">
        <v>16</v>
      </c>
      <c r="AD33" s="315">
        <v>17</v>
      </c>
      <c r="AE33" s="315">
        <v>8</v>
      </c>
      <c r="AF33" s="315">
        <v>8</v>
      </c>
      <c r="AG33" s="312">
        <v>62</v>
      </c>
      <c r="AH33" s="317">
        <v>69</v>
      </c>
      <c r="AI33" s="311">
        <v>1</v>
      </c>
      <c r="AJ33" s="315">
        <v>1</v>
      </c>
      <c r="AK33" s="312">
        <v>2</v>
      </c>
      <c r="AL33" s="314">
        <v>0</v>
      </c>
      <c r="AM33" s="315">
        <v>1</v>
      </c>
      <c r="AN33" s="315">
        <v>5</v>
      </c>
      <c r="AO33" s="315">
        <v>3</v>
      </c>
      <c r="AP33" s="315">
        <v>2</v>
      </c>
      <c r="AQ33" s="315">
        <v>3</v>
      </c>
      <c r="AR33" s="312">
        <v>14</v>
      </c>
      <c r="AS33" s="317">
        <v>16</v>
      </c>
      <c r="AT33" s="311">
        <v>1</v>
      </c>
      <c r="AU33" s="315">
        <v>0</v>
      </c>
      <c r="AV33" s="312">
        <v>1</v>
      </c>
      <c r="AW33" s="314">
        <v>0</v>
      </c>
      <c r="AX33" s="315">
        <v>16</v>
      </c>
      <c r="AY33" s="315">
        <v>17</v>
      </c>
      <c r="AZ33" s="315">
        <v>15</v>
      </c>
      <c r="BA33" s="315">
        <v>9</v>
      </c>
      <c r="BB33" s="315">
        <v>8</v>
      </c>
      <c r="BC33" s="316">
        <v>65</v>
      </c>
      <c r="BD33" s="317">
        <v>66</v>
      </c>
      <c r="BE33" s="311">
        <v>0</v>
      </c>
      <c r="BF33" s="315">
        <v>0</v>
      </c>
      <c r="BG33" s="312">
        <v>0</v>
      </c>
      <c r="BH33" s="314">
        <v>0</v>
      </c>
      <c r="BI33" s="315">
        <v>35</v>
      </c>
      <c r="BJ33" s="315">
        <v>45</v>
      </c>
      <c r="BK33" s="315">
        <v>29</v>
      </c>
      <c r="BL33" s="315">
        <v>5</v>
      </c>
      <c r="BM33" s="315">
        <v>5</v>
      </c>
      <c r="BN33" s="312">
        <v>119</v>
      </c>
      <c r="BO33" s="317">
        <v>119</v>
      </c>
      <c r="BP33" s="311">
        <v>0</v>
      </c>
      <c r="BQ33" s="315">
        <v>1</v>
      </c>
      <c r="BR33" s="312">
        <v>1</v>
      </c>
      <c r="BS33" s="314">
        <v>0</v>
      </c>
      <c r="BT33" s="315">
        <v>2</v>
      </c>
      <c r="BU33" s="315">
        <v>7</v>
      </c>
      <c r="BV33" s="315">
        <v>4</v>
      </c>
      <c r="BW33" s="315">
        <v>2</v>
      </c>
      <c r="BX33" s="315">
        <v>2</v>
      </c>
      <c r="BY33" s="312">
        <v>17</v>
      </c>
      <c r="BZ33" s="317">
        <v>18</v>
      </c>
      <c r="CA33" s="311">
        <v>0</v>
      </c>
      <c r="CB33" s="315">
        <v>0</v>
      </c>
      <c r="CC33" s="312">
        <v>0</v>
      </c>
      <c r="CD33" s="314">
        <v>0</v>
      </c>
      <c r="CE33" s="315">
        <v>1</v>
      </c>
      <c r="CF33" s="315">
        <v>7</v>
      </c>
      <c r="CG33" s="315">
        <v>9</v>
      </c>
      <c r="CH33" s="315">
        <v>4</v>
      </c>
      <c r="CI33" s="315">
        <v>2</v>
      </c>
      <c r="CJ33" s="312">
        <v>23</v>
      </c>
      <c r="CK33" s="317">
        <v>23</v>
      </c>
      <c r="CL33" s="311">
        <v>0</v>
      </c>
      <c r="CM33" s="315">
        <v>0</v>
      </c>
      <c r="CN33" s="312">
        <v>0</v>
      </c>
      <c r="CO33" s="314">
        <v>0</v>
      </c>
      <c r="CP33" s="315">
        <v>1</v>
      </c>
      <c r="CQ33" s="315">
        <v>0</v>
      </c>
      <c r="CR33" s="315">
        <v>0</v>
      </c>
      <c r="CS33" s="315">
        <v>0</v>
      </c>
      <c r="CT33" s="315">
        <v>1</v>
      </c>
      <c r="CU33" s="312">
        <v>2</v>
      </c>
      <c r="CV33" s="317">
        <v>2</v>
      </c>
      <c r="CW33" s="311">
        <v>0</v>
      </c>
      <c r="CX33" s="315">
        <v>0</v>
      </c>
      <c r="CY33" s="312">
        <v>0</v>
      </c>
      <c r="CZ33" s="314">
        <v>0</v>
      </c>
      <c r="DA33" s="315">
        <v>0</v>
      </c>
      <c r="DB33" s="315">
        <v>0</v>
      </c>
      <c r="DC33" s="315">
        <v>0</v>
      </c>
      <c r="DD33" s="315">
        <v>0</v>
      </c>
      <c r="DE33" s="315">
        <v>0</v>
      </c>
      <c r="DF33" s="312">
        <v>0</v>
      </c>
      <c r="DG33" s="317">
        <v>0</v>
      </c>
      <c r="DH33" s="311">
        <v>0</v>
      </c>
      <c r="DI33" s="315">
        <v>0</v>
      </c>
      <c r="DJ33" s="312">
        <v>0</v>
      </c>
      <c r="DK33" s="314">
        <v>0</v>
      </c>
      <c r="DL33" s="315">
        <v>0</v>
      </c>
      <c r="DM33" s="315">
        <v>0</v>
      </c>
      <c r="DN33" s="315">
        <v>0</v>
      </c>
      <c r="DO33" s="315">
        <v>0</v>
      </c>
      <c r="DP33" s="315">
        <v>0</v>
      </c>
      <c r="DQ33" s="312">
        <v>0</v>
      </c>
      <c r="DR33" s="317">
        <v>0</v>
      </c>
      <c r="DS33" s="311">
        <v>21</v>
      </c>
      <c r="DT33" s="315">
        <v>40</v>
      </c>
      <c r="DU33" s="312">
        <v>61</v>
      </c>
      <c r="DV33" s="314">
        <v>0</v>
      </c>
      <c r="DW33" s="315">
        <v>54</v>
      </c>
      <c r="DX33" s="315">
        <v>73</v>
      </c>
      <c r="DY33" s="315">
        <v>43</v>
      </c>
      <c r="DZ33" s="315">
        <v>17</v>
      </c>
      <c r="EA33" s="315">
        <v>19</v>
      </c>
      <c r="EB33" s="312">
        <v>206</v>
      </c>
      <c r="EC33" s="317">
        <v>267</v>
      </c>
      <c r="ED33" s="311">
        <v>1</v>
      </c>
      <c r="EE33" s="315">
        <v>2</v>
      </c>
      <c r="EF33" s="312">
        <v>3</v>
      </c>
      <c r="EG33" s="314">
        <v>0</v>
      </c>
      <c r="EH33" s="315">
        <v>8</v>
      </c>
      <c r="EI33" s="315">
        <v>8</v>
      </c>
      <c r="EJ33" s="315">
        <v>5</v>
      </c>
      <c r="EK33" s="315">
        <v>2</v>
      </c>
      <c r="EL33" s="315">
        <v>1</v>
      </c>
      <c r="EM33" s="312">
        <v>24</v>
      </c>
      <c r="EN33" s="317">
        <v>27</v>
      </c>
      <c r="EO33" s="311">
        <v>25</v>
      </c>
      <c r="EP33" s="315">
        <v>41</v>
      </c>
      <c r="EQ33" s="312">
        <v>66</v>
      </c>
      <c r="ER33" s="314">
        <v>0</v>
      </c>
      <c r="ES33" s="315">
        <v>98</v>
      </c>
      <c r="ET33" s="315">
        <v>96</v>
      </c>
      <c r="EU33" s="315">
        <v>54</v>
      </c>
      <c r="EV33" s="315">
        <v>16</v>
      </c>
      <c r="EW33" s="315">
        <v>17</v>
      </c>
      <c r="EX33" s="312">
        <v>281</v>
      </c>
      <c r="EY33" s="317">
        <v>347</v>
      </c>
    </row>
    <row r="34" spans="1:155" ht="19.5" customHeight="1" x14ac:dyDescent="0.2">
      <c r="A34" s="296" t="s">
        <v>32</v>
      </c>
      <c r="B34" s="311">
        <v>0</v>
      </c>
      <c r="C34" s="315">
        <v>0</v>
      </c>
      <c r="D34" s="437">
        <v>0</v>
      </c>
      <c r="E34" s="314">
        <v>0</v>
      </c>
      <c r="F34" s="315">
        <v>35</v>
      </c>
      <c r="G34" s="315">
        <v>16</v>
      </c>
      <c r="H34" s="315">
        <v>11</v>
      </c>
      <c r="I34" s="315">
        <v>11</v>
      </c>
      <c r="J34" s="315">
        <v>9</v>
      </c>
      <c r="K34" s="316">
        <v>82</v>
      </c>
      <c r="L34" s="317">
        <v>82</v>
      </c>
      <c r="M34" s="311">
        <v>0</v>
      </c>
      <c r="N34" s="315">
        <v>0</v>
      </c>
      <c r="O34" s="312">
        <v>0</v>
      </c>
      <c r="P34" s="314">
        <v>0</v>
      </c>
      <c r="Q34" s="315">
        <v>0</v>
      </c>
      <c r="R34" s="315">
        <v>1</v>
      </c>
      <c r="S34" s="315">
        <v>1</v>
      </c>
      <c r="T34" s="315">
        <v>2</v>
      </c>
      <c r="U34" s="315">
        <v>9</v>
      </c>
      <c r="V34" s="312">
        <v>13</v>
      </c>
      <c r="W34" s="317">
        <v>13</v>
      </c>
      <c r="X34" s="311">
        <v>5</v>
      </c>
      <c r="Y34" s="315">
        <v>7</v>
      </c>
      <c r="Z34" s="312">
        <v>12</v>
      </c>
      <c r="AA34" s="314">
        <v>0</v>
      </c>
      <c r="AB34" s="315">
        <v>33</v>
      </c>
      <c r="AC34" s="315">
        <v>22</v>
      </c>
      <c r="AD34" s="315">
        <v>13</v>
      </c>
      <c r="AE34" s="315">
        <v>13</v>
      </c>
      <c r="AF34" s="315">
        <v>12</v>
      </c>
      <c r="AG34" s="312">
        <v>93</v>
      </c>
      <c r="AH34" s="317">
        <v>105</v>
      </c>
      <c r="AI34" s="311">
        <v>1</v>
      </c>
      <c r="AJ34" s="315">
        <v>1</v>
      </c>
      <c r="AK34" s="312">
        <v>2</v>
      </c>
      <c r="AL34" s="314">
        <v>0</v>
      </c>
      <c r="AM34" s="315">
        <v>6</v>
      </c>
      <c r="AN34" s="315">
        <v>0</v>
      </c>
      <c r="AO34" s="315">
        <v>3</v>
      </c>
      <c r="AP34" s="315">
        <v>0</v>
      </c>
      <c r="AQ34" s="315">
        <v>4</v>
      </c>
      <c r="AR34" s="312">
        <v>13</v>
      </c>
      <c r="AS34" s="317">
        <v>15</v>
      </c>
      <c r="AT34" s="311">
        <v>2</v>
      </c>
      <c r="AU34" s="315">
        <v>0</v>
      </c>
      <c r="AV34" s="312">
        <v>2</v>
      </c>
      <c r="AW34" s="314">
        <v>0</v>
      </c>
      <c r="AX34" s="315">
        <v>12</v>
      </c>
      <c r="AY34" s="315">
        <v>18</v>
      </c>
      <c r="AZ34" s="315">
        <v>18</v>
      </c>
      <c r="BA34" s="315">
        <v>22</v>
      </c>
      <c r="BB34" s="315">
        <v>13</v>
      </c>
      <c r="BC34" s="316">
        <v>83</v>
      </c>
      <c r="BD34" s="317">
        <v>85</v>
      </c>
      <c r="BE34" s="311">
        <v>0</v>
      </c>
      <c r="BF34" s="315">
        <v>0</v>
      </c>
      <c r="BG34" s="312">
        <v>0</v>
      </c>
      <c r="BH34" s="314">
        <v>0</v>
      </c>
      <c r="BI34" s="315">
        <v>49</v>
      </c>
      <c r="BJ34" s="315">
        <v>51</v>
      </c>
      <c r="BK34" s="315">
        <v>22</v>
      </c>
      <c r="BL34" s="315">
        <v>15</v>
      </c>
      <c r="BM34" s="315">
        <v>1</v>
      </c>
      <c r="BN34" s="312">
        <v>138</v>
      </c>
      <c r="BO34" s="317">
        <v>138</v>
      </c>
      <c r="BP34" s="311">
        <v>0</v>
      </c>
      <c r="BQ34" s="315">
        <v>0</v>
      </c>
      <c r="BR34" s="312">
        <v>0</v>
      </c>
      <c r="BS34" s="314">
        <v>0</v>
      </c>
      <c r="BT34" s="315">
        <v>10</v>
      </c>
      <c r="BU34" s="315">
        <v>14</v>
      </c>
      <c r="BV34" s="315">
        <v>5</v>
      </c>
      <c r="BW34" s="315">
        <v>5</v>
      </c>
      <c r="BX34" s="315">
        <v>3</v>
      </c>
      <c r="BY34" s="312">
        <v>37</v>
      </c>
      <c r="BZ34" s="317">
        <v>37</v>
      </c>
      <c r="CA34" s="311">
        <v>0</v>
      </c>
      <c r="CB34" s="315">
        <v>0</v>
      </c>
      <c r="CC34" s="312">
        <v>0</v>
      </c>
      <c r="CD34" s="314">
        <v>0</v>
      </c>
      <c r="CE34" s="315">
        <v>3</v>
      </c>
      <c r="CF34" s="315">
        <v>9</v>
      </c>
      <c r="CG34" s="315">
        <v>11</v>
      </c>
      <c r="CH34" s="315">
        <v>6</v>
      </c>
      <c r="CI34" s="315">
        <v>0</v>
      </c>
      <c r="CJ34" s="312">
        <v>29</v>
      </c>
      <c r="CK34" s="317">
        <v>29</v>
      </c>
      <c r="CL34" s="311">
        <v>0</v>
      </c>
      <c r="CM34" s="315">
        <v>0</v>
      </c>
      <c r="CN34" s="312">
        <v>0</v>
      </c>
      <c r="CO34" s="314">
        <v>0</v>
      </c>
      <c r="CP34" s="315">
        <v>0</v>
      </c>
      <c r="CQ34" s="315">
        <v>1</v>
      </c>
      <c r="CR34" s="315">
        <v>1</v>
      </c>
      <c r="CS34" s="315">
        <v>2</v>
      </c>
      <c r="CT34" s="315">
        <v>2</v>
      </c>
      <c r="CU34" s="312">
        <v>6</v>
      </c>
      <c r="CV34" s="317">
        <v>6</v>
      </c>
      <c r="CW34" s="311">
        <v>0</v>
      </c>
      <c r="CX34" s="315">
        <v>0</v>
      </c>
      <c r="CY34" s="312">
        <v>0</v>
      </c>
      <c r="CZ34" s="314">
        <v>0</v>
      </c>
      <c r="DA34" s="315">
        <v>0</v>
      </c>
      <c r="DB34" s="315">
        <v>0</v>
      </c>
      <c r="DC34" s="315">
        <v>0</v>
      </c>
      <c r="DD34" s="315">
        <v>0</v>
      </c>
      <c r="DE34" s="315">
        <v>0</v>
      </c>
      <c r="DF34" s="312">
        <v>0</v>
      </c>
      <c r="DG34" s="317">
        <v>0</v>
      </c>
      <c r="DH34" s="311">
        <v>0</v>
      </c>
      <c r="DI34" s="315">
        <v>0</v>
      </c>
      <c r="DJ34" s="312">
        <v>0</v>
      </c>
      <c r="DK34" s="314">
        <v>0</v>
      </c>
      <c r="DL34" s="315">
        <v>0</v>
      </c>
      <c r="DM34" s="315">
        <v>0</v>
      </c>
      <c r="DN34" s="315">
        <v>0</v>
      </c>
      <c r="DO34" s="315">
        <v>0</v>
      </c>
      <c r="DP34" s="315">
        <v>0</v>
      </c>
      <c r="DQ34" s="312">
        <v>0</v>
      </c>
      <c r="DR34" s="317">
        <v>0</v>
      </c>
      <c r="DS34" s="311">
        <v>24</v>
      </c>
      <c r="DT34" s="315">
        <v>43</v>
      </c>
      <c r="DU34" s="312">
        <v>67</v>
      </c>
      <c r="DV34" s="314">
        <v>0</v>
      </c>
      <c r="DW34" s="315">
        <v>71</v>
      </c>
      <c r="DX34" s="315">
        <v>75</v>
      </c>
      <c r="DY34" s="315">
        <v>42</v>
      </c>
      <c r="DZ34" s="315">
        <v>29</v>
      </c>
      <c r="EA34" s="315">
        <v>19</v>
      </c>
      <c r="EB34" s="312">
        <v>236</v>
      </c>
      <c r="EC34" s="317">
        <v>303</v>
      </c>
      <c r="ED34" s="311">
        <v>3</v>
      </c>
      <c r="EE34" s="315">
        <v>3</v>
      </c>
      <c r="EF34" s="312">
        <v>6</v>
      </c>
      <c r="EG34" s="314">
        <v>0</v>
      </c>
      <c r="EH34" s="315">
        <v>5</v>
      </c>
      <c r="EI34" s="315">
        <v>5</v>
      </c>
      <c r="EJ34" s="315">
        <v>6</v>
      </c>
      <c r="EK34" s="315">
        <v>8</v>
      </c>
      <c r="EL34" s="315">
        <v>3</v>
      </c>
      <c r="EM34" s="312">
        <v>27</v>
      </c>
      <c r="EN34" s="317">
        <v>33</v>
      </c>
      <c r="EO34" s="311">
        <v>27</v>
      </c>
      <c r="EP34" s="315">
        <v>47</v>
      </c>
      <c r="EQ34" s="312">
        <v>74</v>
      </c>
      <c r="ER34" s="314">
        <v>0</v>
      </c>
      <c r="ES34" s="315">
        <v>145</v>
      </c>
      <c r="ET34" s="315">
        <v>108</v>
      </c>
      <c r="EU34" s="315">
        <v>49</v>
      </c>
      <c r="EV34" s="315">
        <v>28</v>
      </c>
      <c r="EW34" s="315">
        <v>20</v>
      </c>
      <c r="EX34" s="312">
        <v>350</v>
      </c>
      <c r="EY34" s="317">
        <v>424</v>
      </c>
    </row>
    <row r="35" spans="1:155" ht="19.5" customHeight="1" x14ac:dyDescent="0.2">
      <c r="A35" s="296" t="s">
        <v>33</v>
      </c>
      <c r="B35" s="311">
        <v>0</v>
      </c>
      <c r="C35" s="315">
        <v>0</v>
      </c>
      <c r="D35" s="437">
        <v>0</v>
      </c>
      <c r="E35" s="314">
        <v>0</v>
      </c>
      <c r="F35" s="315">
        <v>22</v>
      </c>
      <c r="G35" s="315">
        <v>14</v>
      </c>
      <c r="H35" s="315">
        <v>11</v>
      </c>
      <c r="I35" s="315">
        <v>9</v>
      </c>
      <c r="J35" s="315">
        <v>8</v>
      </c>
      <c r="K35" s="316">
        <v>64</v>
      </c>
      <c r="L35" s="317">
        <v>64</v>
      </c>
      <c r="M35" s="311">
        <v>0</v>
      </c>
      <c r="N35" s="315">
        <v>0</v>
      </c>
      <c r="O35" s="312">
        <v>0</v>
      </c>
      <c r="P35" s="314">
        <v>0</v>
      </c>
      <c r="Q35" s="315">
        <v>0</v>
      </c>
      <c r="R35" s="315">
        <v>2</v>
      </c>
      <c r="S35" s="315">
        <v>1</v>
      </c>
      <c r="T35" s="315">
        <v>1</v>
      </c>
      <c r="U35" s="315">
        <v>3</v>
      </c>
      <c r="V35" s="312">
        <v>7</v>
      </c>
      <c r="W35" s="317">
        <v>7</v>
      </c>
      <c r="X35" s="311">
        <v>2</v>
      </c>
      <c r="Y35" s="315">
        <v>1</v>
      </c>
      <c r="Z35" s="312">
        <v>3</v>
      </c>
      <c r="AA35" s="314">
        <v>0</v>
      </c>
      <c r="AB35" s="315">
        <v>13</v>
      </c>
      <c r="AC35" s="315">
        <v>10</v>
      </c>
      <c r="AD35" s="315">
        <v>5</v>
      </c>
      <c r="AE35" s="315">
        <v>9</v>
      </c>
      <c r="AF35" s="315">
        <v>7</v>
      </c>
      <c r="AG35" s="312">
        <v>44</v>
      </c>
      <c r="AH35" s="317">
        <v>47</v>
      </c>
      <c r="AI35" s="311">
        <v>10</v>
      </c>
      <c r="AJ35" s="315">
        <v>26</v>
      </c>
      <c r="AK35" s="312">
        <v>36</v>
      </c>
      <c r="AL35" s="314">
        <v>0</v>
      </c>
      <c r="AM35" s="315">
        <v>27</v>
      </c>
      <c r="AN35" s="315">
        <v>15</v>
      </c>
      <c r="AO35" s="315">
        <v>4</v>
      </c>
      <c r="AP35" s="315">
        <v>6</v>
      </c>
      <c r="AQ35" s="315">
        <v>3</v>
      </c>
      <c r="AR35" s="312">
        <v>55</v>
      </c>
      <c r="AS35" s="317">
        <v>91</v>
      </c>
      <c r="AT35" s="311">
        <v>5</v>
      </c>
      <c r="AU35" s="315">
        <v>7</v>
      </c>
      <c r="AV35" s="312">
        <v>12</v>
      </c>
      <c r="AW35" s="314">
        <v>0</v>
      </c>
      <c r="AX35" s="315">
        <v>22</v>
      </c>
      <c r="AY35" s="315">
        <v>30</v>
      </c>
      <c r="AZ35" s="315">
        <v>18</v>
      </c>
      <c r="BA35" s="315">
        <v>13</v>
      </c>
      <c r="BB35" s="315">
        <v>11</v>
      </c>
      <c r="BC35" s="316">
        <v>94</v>
      </c>
      <c r="BD35" s="317">
        <v>106</v>
      </c>
      <c r="BE35" s="311">
        <v>0</v>
      </c>
      <c r="BF35" s="315">
        <v>0</v>
      </c>
      <c r="BG35" s="312">
        <v>0</v>
      </c>
      <c r="BH35" s="314">
        <v>0</v>
      </c>
      <c r="BI35" s="315">
        <v>13</v>
      </c>
      <c r="BJ35" s="315">
        <v>3</v>
      </c>
      <c r="BK35" s="315">
        <v>3</v>
      </c>
      <c r="BL35" s="315">
        <v>6</v>
      </c>
      <c r="BM35" s="315">
        <v>3</v>
      </c>
      <c r="BN35" s="312">
        <v>28</v>
      </c>
      <c r="BO35" s="317">
        <v>28</v>
      </c>
      <c r="BP35" s="311">
        <v>9</v>
      </c>
      <c r="BQ35" s="315">
        <v>11</v>
      </c>
      <c r="BR35" s="312">
        <v>20</v>
      </c>
      <c r="BS35" s="314">
        <v>0</v>
      </c>
      <c r="BT35" s="315">
        <v>23</v>
      </c>
      <c r="BU35" s="315">
        <v>22</v>
      </c>
      <c r="BV35" s="315">
        <v>6</v>
      </c>
      <c r="BW35" s="315">
        <v>1</v>
      </c>
      <c r="BX35" s="315">
        <v>2</v>
      </c>
      <c r="BY35" s="312">
        <v>54</v>
      </c>
      <c r="BZ35" s="317">
        <v>74</v>
      </c>
      <c r="CA35" s="311">
        <v>0</v>
      </c>
      <c r="CB35" s="315">
        <v>0</v>
      </c>
      <c r="CC35" s="312">
        <v>0</v>
      </c>
      <c r="CD35" s="314">
        <v>0</v>
      </c>
      <c r="CE35" s="315">
        <v>1</v>
      </c>
      <c r="CF35" s="315">
        <v>4</v>
      </c>
      <c r="CG35" s="315">
        <v>2</v>
      </c>
      <c r="CH35" s="315">
        <v>4</v>
      </c>
      <c r="CI35" s="315">
        <v>0</v>
      </c>
      <c r="CJ35" s="312">
        <v>11</v>
      </c>
      <c r="CK35" s="317">
        <v>11</v>
      </c>
      <c r="CL35" s="311">
        <v>0</v>
      </c>
      <c r="CM35" s="315">
        <v>0</v>
      </c>
      <c r="CN35" s="312">
        <v>0</v>
      </c>
      <c r="CO35" s="314">
        <v>0</v>
      </c>
      <c r="CP35" s="315">
        <v>2</v>
      </c>
      <c r="CQ35" s="315">
        <v>1</v>
      </c>
      <c r="CR35" s="315">
        <v>1</v>
      </c>
      <c r="CS35" s="315">
        <v>0</v>
      </c>
      <c r="CT35" s="315">
        <v>0</v>
      </c>
      <c r="CU35" s="312">
        <v>4</v>
      </c>
      <c r="CV35" s="317">
        <v>4</v>
      </c>
      <c r="CW35" s="311">
        <v>0</v>
      </c>
      <c r="CX35" s="315">
        <v>0</v>
      </c>
      <c r="CY35" s="312">
        <v>0</v>
      </c>
      <c r="CZ35" s="314">
        <v>0</v>
      </c>
      <c r="DA35" s="315">
        <v>0</v>
      </c>
      <c r="DB35" s="315">
        <v>0</v>
      </c>
      <c r="DC35" s="315">
        <v>0</v>
      </c>
      <c r="DD35" s="315">
        <v>0</v>
      </c>
      <c r="DE35" s="315">
        <v>0</v>
      </c>
      <c r="DF35" s="312">
        <v>0</v>
      </c>
      <c r="DG35" s="317">
        <v>0</v>
      </c>
      <c r="DH35" s="311">
        <v>0</v>
      </c>
      <c r="DI35" s="315">
        <v>0</v>
      </c>
      <c r="DJ35" s="312">
        <v>0</v>
      </c>
      <c r="DK35" s="314">
        <v>0</v>
      </c>
      <c r="DL35" s="315">
        <v>0</v>
      </c>
      <c r="DM35" s="315">
        <v>0</v>
      </c>
      <c r="DN35" s="315">
        <v>0</v>
      </c>
      <c r="DO35" s="315">
        <v>0</v>
      </c>
      <c r="DP35" s="315">
        <v>0</v>
      </c>
      <c r="DQ35" s="312">
        <v>0</v>
      </c>
      <c r="DR35" s="317">
        <v>0</v>
      </c>
      <c r="DS35" s="311">
        <v>23</v>
      </c>
      <c r="DT35" s="315">
        <v>36</v>
      </c>
      <c r="DU35" s="312">
        <v>59</v>
      </c>
      <c r="DV35" s="314">
        <v>0</v>
      </c>
      <c r="DW35" s="315">
        <v>58</v>
      </c>
      <c r="DX35" s="315">
        <v>47</v>
      </c>
      <c r="DY35" s="315">
        <v>20</v>
      </c>
      <c r="DZ35" s="315">
        <v>20</v>
      </c>
      <c r="EA35" s="315">
        <v>14</v>
      </c>
      <c r="EB35" s="312">
        <v>159</v>
      </c>
      <c r="EC35" s="317">
        <v>218</v>
      </c>
      <c r="ED35" s="311">
        <v>5</v>
      </c>
      <c r="EE35" s="315">
        <v>5</v>
      </c>
      <c r="EF35" s="312">
        <v>10</v>
      </c>
      <c r="EG35" s="314">
        <v>0</v>
      </c>
      <c r="EH35" s="315">
        <v>12</v>
      </c>
      <c r="EI35" s="315">
        <v>17</v>
      </c>
      <c r="EJ35" s="315">
        <v>7</v>
      </c>
      <c r="EK35" s="315">
        <v>9</v>
      </c>
      <c r="EL35" s="315">
        <v>4</v>
      </c>
      <c r="EM35" s="312">
        <v>49</v>
      </c>
      <c r="EN35" s="317">
        <v>59</v>
      </c>
      <c r="EO35" s="311">
        <v>39</v>
      </c>
      <c r="EP35" s="315">
        <v>55</v>
      </c>
      <c r="EQ35" s="312">
        <v>94</v>
      </c>
      <c r="ER35" s="314">
        <v>0</v>
      </c>
      <c r="ES35" s="315">
        <v>101</v>
      </c>
      <c r="ET35" s="315">
        <v>65</v>
      </c>
      <c r="EU35" s="315">
        <v>24</v>
      </c>
      <c r="EV35" s="315">
        <v>22</v>
      </c>
      <c r="EW35" s="315">
        <v>17</v>
      </c>
      <c r="EX35" s="312">
        <v>229</v>
      </c>
      <c r="EY35" s="317">
        <v>323</v>
      </c>
    </row>
    <row r="36" spans="1:155" ht="19.5" customHeight="1" x14ac:dyDescent="0.2">
      <c r="A36" s="296" t="s">
        <v>34</v>
      </c>
      <c r="B36" s="311">
        <v>0</v>
      </c>
      <c r="C36" s="315">
        <v>0</v>
      </c>
      <c r="D36" s="437">
        <v>0</v>
      </c>
      <c r="E36" s="314">
        <v>0</v>
      </c>
      <c r="F36" s="315">
        <v>14</v>
      </c>
      <c r="G36" s="315">
        <v>10</v>
      </c>
      <c r="H36" s="315">
        <v>7</v>
      </c>
      <c r="I36" s="315">
        <v>5</v>
      </c>
      <c r="J36" s="315">
        <v>2</v>
      </c>
      <c r="K36" s="316">
        <v>38</v>
      </c>
      <c r="L36" s="317">
        <v>38</v>
      </c>
      <c r="M36" s="311">
        <v>0</v>
      </c>
      <c r="N36" s="315">
        <v>0</v>
      </c>
      <c r="O36" s="312">
        <v>0</v>
      </c>
      <c r="P36" s="314">
        <v>0</v>
      </c>
      <c r="Q36" s="315">
        <v>0</v>
      </c>
      <c r="R36" s="315">
        <v>1</v>
      </c>
      <c r="S36" s="315">
        <v>0</v>
      </c>
      <c r="T36" s="315">
        <v>2</v>
      </c>
      <c r="U36" s="315">
        <v>5</v>
      </c>
      <c r="V36" s="312">
        <v>8</v>
      </c>
      <c r="W36" s="317">
        <v>8</v>
      </c>
      <c r="X36" s="311">
        <v>1</v>
      </c>
      <c r="Y36" s="315">
        <v>2</v>
      </c>
      <c r="Z36" s="312">
        <v>3</v>
      </c>
      <c r="AA36" s="314">
        <v>0</v>
      </c>
      <c r="AB36" s="315">
        <v>6</v>
      </c>
      <c r="AC36" s="315">
        <v>11</v>
      </c>
      <c r="AD36" s="315">
        <v>5</v>
      </c>
      <c r="AE36" s="315">
        <v>1</v>
      </c>
      <c r="AF36" s="315">
        <v>2</v>
      </c>
      <c r="AG36" s="312">
        <v>25</v>
      </c>
      <c r="AH36" s="317">
        <v>28</v>
      </c>
      <c r="AI36" s="311">
        <v>0</v>
      </c>
      <c r="AJ36" s="315">
        <v>1</v>
      </c>
      <c r="AK36" s="312">
        <v>1</v>
      </c>
      <c r="AL36" s="314">
        <v>0</v>
      </c>
      <c r="AM36" s="315">
        <v>5</v>
      </c>
      <c r="AN36" s="315">
        <v>2</v>
      </c>
      <c r="AO36" s="315">
        <v>1</v>
      </c>
      <c r="AP36" s="315">
        <v>1</v>
      </c>
      <c r="AQ36" s="315">
        <v>1</v>
      </c>
      <c r="AR36" s="312">
        <v>10</v>
      </c>
      <c r="AS36" s="317">
        <v>11</v>
      </c>
      <c r="AT36" s="311">
        <v>4</v>
      </c>
      <c r="AU36" s="315">
        <v>5</v>
      </c>
      <c r="AV36" s="312">
        <v>9</v>
      </c>
      <c r="AW36" s="314">
        <v>0</v>
      </c>
      <c r="AX36" s="315">
        <v>24</v>
      </c>
      <c r="AY36" s="315">
        <v>27</v>
      </c>
      <c r="AZ36" s="315">
        <v>21</v>
      </c>
      <c r="BA36" s="315">
        <v>20</v>
      </c>
      <c r="BB36" s="315">
        <v>14</v>
      </c>
      <c r="BC36" s="316">
        <v>106</v>
      </c>
      <c r="BD36" s="317">
        <v>115</v>
      </c>
      <c r="BE36" s="311">
        <v>0</v>
      </c>
      <c r="BF36" s="315">
        <v>0</v>
      </c>
      <c r="BG36" s="312">
        <v>0</v>
      </c>
      <c r="BH36" s="314">
        <v>0</v>
      </c>
      <c r="BI36" s="315">
        <v>32</v>
      </c>
      <c r="BJ36" s="315">
        <v>15</v>
      </c>
      <c r="BK36" s="315">
        <v>10</v>
      </c>
      <c r="BL36" s="315">
        <v>8</v>
      </c>
      <c r="BM36" s="315">
        <v>1</v>
      </c>
      <c r="BN36" s="312">
        <v>66</v>
      </c>
      <c r="BO36" s="317">
        <v>66</v>
      </c>
      <c r="BP36" s="311">
        <v>2</v>
      </c>
      <c r="BQ36" s="315">
        <v>3</v>
      </c>
      <c r="BR36" s="312">
        <v>5</v>
      </c>
      <c r="BS36" s="314">
        <v>0</v>
      </c>
      <c r="BT36" s="315">
        <v>4</v>
      </c>
      <c r="BU36" s="315">
        <v>3</v>
      </c>
      <c r="BV36" s="315">
        <v>3</v>
      </c>
      <c r="BW36" s="315">
        <v>1</v>
      </c>
      <c r="BX36" s="315">
        <v>0</v>
      </c>
      <c r="BY36" s="312">
        <v>11</v>
      </c>
      <c r="BZ36" s="317">
        <v>16</v>
      </c>
      <c r="CA36" s="311">
        <v>0</v>
      </c>
      <c r="CB36" s="315">
        <v>1</v>
      </c>
      <c r="CC36" s="312">
        <v>1</v>
      </c>
      <c r="CD36" s="314">
        <v>0</v>
      </c>
      <c r="CE36" s="315">
        <v>5</v>
      </c>
      <c r="CF36" s="315">
        <v>0</v>
      </c>
      <c r="CG36" s="315">
        <v>3</v>
      </c>
      <c r="CH36" s="315">
        <v>4</v>
      </c>
      <c r="CI36" s="315">
        <v>0</v>
      </c>
      <c r="CJ36" s="312">
        <v>12</v>
      </c>
      <c r="CK36" s="317">
        <v>13</v>
      </c>
      <c r="CL36" s="311">
        <v>0</v>
      </c>
      <c r="CM36" s="315">
        <v>0</v>
      </c>
      <c r="CN36" s="312">
        <v>0</v>
      </c>
      <c r="CO36" s="314">
        <v>0</v>
      </c>
      <c r="CP36" s="315">
        <v>0</v>
      </c>
      <c r="CQ36" s="315">
        <v>0</v>
      </c>
      <c r="CR36" s="315">
        <v>0</v>
      </c>
      <c r="CS36" s="315">
        <v>0</v>
      </c>
      <c r="CT36" s="315">
        <v>0</v>
      </c>
      <c r="CU36" s="312">
        <v>0</v>
      </c>
      <c r="CV36" s="317">
        <v>0</v>
      </c>
      <c r="CW36" s="311">
        <v>0</v>
      </c>
      <c r="CX36" s="315">
        <v>0</v>
      </c>
      <c r="CY36" s="312">
        <v>0</v>
      </c>
      <c r="CZ36" s="314">
        <v>0</v>
      </c>
      <c r="DA36" s="315">
        <v>0</v>
      </c>
      <c r="DB36" s="315">
        <v>0</v>
      </c>
      <c r="DC36" s="315">
        <v>0</v>
      </c>
      <c r="DD36" s="315">
        <v>0</v>
      </c>
      <c r="DE36" s="315">
        <v>0</v>
      </c>
      <c r="DF36" s="312">
        <v>0</v>
      </c>
      <c r="DG36" s="317">
        <v>0</v>
      </c>
      <c r="DH36" s="311">
        <v>0</v>
      </c>
      <c r="DI36" s="315">
        <v>0</v>
      </c>
      <c r="DJ36" s="312">
        <v>0</v>
      </c>
      <c r="DK36" s="314">
        <v>0</v>
      </c>
      <c r="DL36" s="315">
        <v>0</v>
      </c>
      <c r="DM36" s="315">
        <v>0</v>
      </c>
      <c r="DN36" s="315">
        <v>0</v>
      </c>
      <c r="DO36" s="315">
        <v>0</v>
      </c>
      <c r="DP36" s="315">
        <v>0</v>
      </c>
      <c r="DQ36" s="312">
        <v>0</v>
      </c>
      <c r="DR36" s="317">
        <v>0</v>
      </c>
      <c r="DS36" s="311">
        <v>13</v>
      </c>
      <c r="DT36" s="315">
        <v>20</v>
      </c>
      <c r="DU36" s="312">
        <v>33</v>
      </c>
      <c r="DV36" s="314">
        <v>0</v>
      </c>
      <c r="DW36" s="315">
        <v>47</v>
      </c>
      <c r="DX36" s="315">
        <v>47</v>
      </c>
      <c r="DY36" s="315">
        <v>23</v>
      </c>
      <c r="DZ36" s="315">
        <v>23</v>
      </c>
      <c r="EA36" s="315">
        <v>10</v>
      </c>
      <c r="EB36" s="312">
        <v>150</v>
      </c>
      <c r="EC36" s="317">
        <v>183</v>
      </c>
      <c r="ED36" s="311">
        <v>4</v>
      </c>
      <c r="EE36" s="315">
        <v>1</v>
      </c>
      <c r="EF36" s="312">
        <v>5</v>
      </c>
      <c r="EG36" s="314">
        <v>0</v>
      </c>
      <c r="EH36" s="315">
        <v>7</v>
      </c>
      <c r="EI36" s="315">
        <v>6</v>
      </c>
      <c r="EJ36" s="315">
        <v>4</v>
      </c>
      <c r="EK36" s="315">
        <v>6</v>
      </c>
      <c r="EL36" s="315">
        <v>2</v>
      </c>
      <c r="EM36" s="312">
        <v>25</v>
      </c>
      <c r="EN36" s="317">
        <v>30</v>
      </c>
      <c r="EO36" s="311">
        <v>15</v>
      </c>
      <c r="EP36" s="315">
        <v>22</v>
      </c>
      <c r="EQ36" s="312">
        <v>37</v>
      </c>
      <c r="ER36" s="314">
        <v>0</v>
      </c>
      <c r="ES36" s="315">
        <v>70</v>
      </c>
      <c r="ET36" s="315">
        <v>42</v>
      </c>
      <c r="EU36" s="315">
        <v>27</v>
      </c>
      <c r="EV36" s="315">
        <v>18</v>
      </c>
      <c r="EW36" s="315">
        <v>8</v>
      </c>
      <c r="EX36" s="312">
        <v>165</v>
      </c>
      <c r="EY36" s="317">
        <v>202</v>
      </c>
    </row>
    <row r="37" spans="1:155" ht="19.5" customHeight="1" x14ac:dyDescent="0.2">
      <c r="A37" s="296" t="s">
        <v>35</v>
      </c>
      <c r="B37" s="311">
        <v>0</v>
      </c>
      <c r="C37" s="315">
        <v>0</v>
      </c>
      <c r="D37" s="437">
        <v>0</v>
      </c>
      <c r="E37" s="314">
        <v>0</v>
      </c>
      <c r="F37" s="315">
        <v>95</v>
      </c>
      <c r="G37" s="315">
        <v>59</v>
      </c>
      <c r="H37" s="315">
        <v>29</v>
      </c>
      <c r="I37" s="315">
        <v>23</v>
      </c>
      <c r="J37" s="315">
        <v>17</v>
      </c>
      <c r="K37" s="316">
        <v>223</v>
      </c>
      <c r="L37" s="317">
        <v>223</v>
      </c>
      <c r="M37" s="311">
        <v>0</v>
      </c>
      <c r="N37" s="315">
        <v>0</v>
      </c>
      <c r="O37" s="312">
        <v>0</v>
      </c>
      <c r="P37" s="314">
        <v>0</v>
      </c>
      <c r="Q37" s="315">
        <v>0</v>
      </c>
      <c r="R37" s="315">
        <v>5</v>
      </c>
      <c r="S37" s="315">
        <v>2</v>
      </c>
      <c r="T37" s="315">
        <v>9</v>
      </c>
      <c r="U37" s="315">
        <v>11</v>
      </c>
      <c r="V37" s="312">
        <v>27</v>
      </c>
      <c r="W37" s="317">
        <v>27</v>
      </c>
      <c r="X37" s="311">
        <v>0</v>
      </c>
      <c r="Y37" s="315">
        <v>1</v>
      </c>
      <c r="Z37" s="312">
        <v>1</v>
      </c>
      <c r="AA37" s="314">
        <v>0</v>
      </c>
      <c r="AB37" s="315">
        <v>36</v>
      </c>
      <c r="AC37" s="315">
        <v>36</v>
      </c>
      <c r="AD37" s="315">
        <v>12</v>
      </c>
      <c r="AE37" s="315">
        <v>18</v>
      </c>
      <c r="AF37" s="315">
        <v>8</v>
      </c>
      <c r="AG37" s="312">
        <v>110</v>
      </c>
      <c r="AH37" s="317">
        <v>111</v>
      </c>
      <c r="AI37" s="311">
        <v>0</v>
      </c>
      <c r="AJ37" s="315">
        <v>0</v>
      </c>
      <c r="AK37" s="312">
        <v>0</v>
      </c>
      <c r="AL37" s="314">
        <v>0</v>
      </c>
      <c r="AM37" s="315">
        <v>9</v>
      </c>
      <c r="AN37" s="315">
        <v>9</v>
      </c>
      <c r="AO37" s="315">
        <v>4</v>
      </c>
      <c r="AP37" s="315">
        <v>4</v>
      </c>
      <c r="AQ37" s="315">
        <v>1</v>
      </c>
      <c r="AR37" s="312">
        <v>27</v>
      </c>
      <c r="AS37" s="317">
        <v>27</v>
      </c>
      <c r="AT37" s="311">
        <v>25</v>
      </c>
      <c r="AU37" s="315">
        <v>22</v>
      </c>
      <c r="AV37" s="312">
        <v>47</v>
      </c>
      <c r="AW37" s="314">
        <v>0</v>
      </c>
      <c r="AX37" s="315">
        <v>86</v>
      </c>
      <c r="AY37" s="315">
        <v>82</v>
      </c>
      <c r="AZ37" s="315">
        <v>76</v>
      </c>
      <c r="BA37" s="315">
        <v>76</v>
      </c>
      <c r="BB37" s="315">
        <v>32</v>
      </c>
      <c r="BC37" s="316">
        <v>352</v>
      </c>
      <c r="BD37" s="317">
        <v>399</v>
      </c>
      <c r="BE37" s="311">
        <v>0</v>
      </c>
      <c r="BF37" s="315">
        <v>0</v>
      </c>
      <c r="BG37" s="312">
        <v>0</v>
      </c>
      <c r="BH37" s="314">
        <v>0</v>
      </c>
      <c r="BI37" s="315">
        <v>116</v>
      </c>
      <c r="BJ37" s="315">
        <v>81</v>
      </c>
      <c r="BK37" s="315">
        <v>48</v>
      </c>
      <c r="BL37" s="315">
        <v>22</v>
      </c>
      <c r="BM37" s="315">
        <v>10</v>
      </c>
      <c r="BN37" s="312">
        <v>277</v>
      </c>
      <c r="BO37" s="317">
        <v>277</v>
      </c>
      <c r="BP37" s="311">
        <v>0</v>
      </c>
      <c r="BQ37" s="315">
        <v>1</v>
      </c>
      <c r="BR37" s="312">
        <v>1</v>
      </c>
      <c r="BS37" s="314">
        <v>0</v>
      </c>
      <c r="BT37" s="315">
        <v>39</v>
      </c>
      <c r="BU37" s="315">
        <v>16</v>
      </c>
      <c r="BV37" s="315">
        <v>4</v>
      </c>
      <c r="BW37" s="315">
        <v>5</v>
      </c>
      <c r="BX37" s="315">
        <v>0</v>
      </c>
      <c r="BY37" s="312">
        <v>64</v>
      </c>
      <c r="BZ37" s="317">
        <v>65</v>
      </c>
      <c r="CA37" s="311">
        <v>0</v>
      </c>
      <c r="CB37" s="315">
        <v>0</v>
      </c>
      <c r="CC37" s="312">
        <v>0</v>
      </c>
      <c r="CD37" s="314">
        <v>0</v>
      </c>
      <c r="CE37" s="315">
        <v>2</v>
      </c>
      <c r="CF37" s="315">
        <v>11</v>
      </c>
      <c r="CG37" s="315">
        <v>10</v>
      </c>
      <c r="CH37" s="315">
        <v>9</v>
      </c>
      <c r="CI37" s="315">
        <v>2</v>
      </c>
      <c r="CJ37" s="312">
        <v>34</v>
      </c>
      <c r="CK37" s="317">
        <v>34</v>
      </c>
      <c r="CL37" s="311">
        <v>0</v>
      </c>
      <c r="CM37" s="315">
        <v>0</v>
      </c>
      <c r="CN37" s="312">
        <v>0</v>
      </c>
      <c r="CO37" s="314">
        <v>0</v>
      </c>
      <c r="CP37" s="315">
        <v>0</v>
      </c>
      <c r="CQ37" s="315">
        <v>0</v>
      </c>
      <c r="CR37" s="315">
        <v>0</v>
      </c>
      <c r="CS37" s="315">
        <v>0</v>
      </c>
      <c r="CT37" s="315">
        <v>2</v>
      </c>
      <c r="CU37" s="312">
        <v>2</v>
      </c>
      <c r="CV37" s="317">
        <v>2</v>
      </c>
      <c r="CW37" s="311">
        <v>0</v>
      </c>
      <c r="CX37" s="315">
        <v>0</v>
      </c>
      <c r="CY37" s="312">
        <v>0</v>
      </c>
      <c r="CZ37" s="314">
        <v>0</v>
      </c>
      <c r="DA37" s="315">
        <v>0</v>
      </c>
      <c r="DB37" s="315">
        <v>0</v>
      </c>
      <c r="DC37" s="315">
        <v>0</v>
      </c>
      <c r="DD37" s="315">
        <v>0</v>
      </c>
      <c r="DE37" s="315">
        <v>0</v>
      </c>
      <c r="DF37" s="312">
        <v>0</v>
      </c>
      <c r="DG37" s="317">
        <v>0</v>
      </c>
      <c r="DH37" s="311">
        <v>0</v>
      </c>
      <c r="DI37" s="315">
        <v>0</v>
      </c>
      <c r="DJ37" s="312">
        <v>0</v>
      </c>
      <c r="DK37" s="314">
        <v>0</v>
      </c>
      <c r="DL37" s="315">
        <v>0</v>
      </c>
      <c r="DM37" s="315">
        <v>0</v>
      </c>
      <c r="DN37" s="315">
        <v>0</v>
      </c>
      <c r="DO37" s="315">
        <v>0</v>
      </c>
      <c r="DP37" s="315">
        <v>0</v>
      </c>
      <c r="DQ37" s="312">
        <v>0</v>
      </c>
      <c r="DR37" s="317">
        <v>0</v>
      </c>
      <c r="DS37" s="311">
        <v>0</v>
      </c>
      <c r="DT37" s="315">
        <v>1</v>
      </c>
      <c r="DU37" s="312">
        <v>1</v>
      </c>
      <c r="DV37" s="314">
        <v>0</v>
      </c>
      <c r="DW37" s="315">
        <v>131</v>
      </c>
      <c r="DX37" s="315">
        <v>139</v>
      </c>
      <c r="DY37" s="315">
        <v>63</v>
      </c>
      <c r="DZ37" s="315">
        <v>56</v>
      </c>
      <c r="EA37" s="315">
        <v>25</v>
      </c>
      <c r="EB37" s="312">
        <v>414</v>
      </c>
      <c r="EC37" s="317">
        <v>415</v>
      </c>
      <c r="ED37" s="311">
        <v>21</v>
      </c>
      <c r="EE37" s="315">
        <v>16</v>
      </c>
      <c r="EF37" s="312">
        <v>37</v>
      </c>
      <c r="EG37" s="314">
        <v>0</v>
      </c>
      <c r="EH37" s="315">
        <v>41</v>
      </c>
      <c r="EI37" s="315">
        <v>29</v>
      </c>
      <c r="EJ37" s="315">
        <v>24</v>
      </c>
      <c r="EK37" s="315">
        <v>27</v>
      </c>
      <c r="EL37" s="315">
        <v>10</v>
      </c>
      <c r="EM37" s="312">
        <v>131</v>
      </c>
      <c r="EN37" s="317">
        <v>168</v>
      </c>
      <c r="EO37" s="311">
        <v>0</v>
      </c>
      <c r="EP37" s="315">
        <v>0</v>
      </c>
      <c r="EQ37" s="312">
        <v>0</v>
      </c>
      <c r="ER37" s="314">
        <v>0</v>
      </c>
      <c r="ES37" s="315">
        <v>248</v>
      </c>
      <c r="ET37" s="315">
        <v>178</v>
      </c>
      <c r="EU37" s="315">
        <v>83</v>
      </c>
      <c r="EV37" s="315">
        <v>65</v>
      </c>
      <c r="EW37" s="315">
        <v>29</v>
      </c>
      <c r="EX37" s="312">
        <v>603</v>
      </c>
      <c r="EY37" s="317">
        <v>603</v>
      </c>
    </row>
    <row r="38" spans="1:155" ht="19.5" customHeight="1" x14ac:dyDescent="0.2">
      <c r="A38" s="296" t="s">
        <v>36</v>
      </c>
      <c r="B38" s="311">
        <v>0</v>
      </c>
      <c r="C38" s="315">
        <v>0</v>
      </c>
      <c r="D38" s="437">
        <v>0</v>
      </c>
      <c r="E38" s="314">
        <v>0</v>
      </c>
      <c r="F38" s="315">
        <v>68</v>
      </c>
      <c r="G38" s="315">
        <v>62</v>
      </c>
      <c r="H38" s="315">
        <v>39</v>
      </c>
      <c r="I38" s="315">
        <v>33</v>
      </c>
      <c r="J38" s="315">
        <v>26</v>
      </c>
      <c r="K38" s="316">
        <v>228</v>
      </c>
      <c r="L38" s="317">
        <v>228</v>
      </c>
      <c r="M38" s="311">
        <v>0</v>
      </c>
      <c r="N38" s="315">
        <v>0</v>
      </c>
      <c r="O38" s="312">
        <v>0</v>
      </c>
      <c r="P38" s="314">
        <v>0</v>
      </c>
      <c r="Q38" s="315">
        <v>6</v>
      </c>
      <c r="R38" s="315">
        <v>5</v>
      </c>
      <c r="S38" s="315">
        <v>1</v>
      </c>
      <c r="T38" s="315">
        <v>10</v>
      </c>
      <c r="U38" s="315">
        <v>13</v>
      </c>
      <c r="V38" s="312">
        <v>35</v>
      </c>
      <c r="W38" s="317">
        <v>35</v>
      </c>
      <c r="X38" s="311">
        <v>12</v>
      </c>
      <c r="Y38" s="315">
        <v>19</v>
      </c>
      <c r="Z38" s="312">
        <v>31</v>
      </c>
      <c r="AA38" s="314">
        <v>0</v>
      </c>
      <c r="AB38" s="315">
        <v>55</v>
      </c>
      <c r="AC38" s="315">
        <v>57</v>
      </c>
      <c r="AD38" s="315">
        <v>34</v>
      </c>
      <c r="AE38" s="315">
        <v>27</v>
      </c>
      <c r="AF38" s="315">
        <v>28</v>
      </c>
      <c r="AG38" s="312">
        <v>201</v>
      </c>
      <c r="AH38" s="317">
        <v>232</v>
      </c>
      <c r="AI38" s="311">
        <v>2</v>
      </c>
      <c r="AJ38" s="315">
        <v>0</v>
      </c>
      <c r="AK38" s="312">
        <v>2</v>
      </c>
      <c r="AL38" s="314">
        <v>0</v>
      </c>
      <c r="AM38" s="315">
        <v>1</v>
      </c>
      <c r="AN38" s="315">
        <v>1</v>
      </c>
      <c r="AO38" s="315">
        <v>1</v>
      </c>
      <c r="AP38" s="315">
        <v>1</v>
      </c>
      <c r="AQ38" s="315">
        <v>2</v>
      </c>
      <c r="AR38" s="312">
        <v>6</v>
      </c>
      <c r="AS38" s="317">
        <v>8</v>
      </c>
      <c r="AT38" s="311">
        <v>4</v>
      </c>
      <c r="AU38" s="315">
        <v>6</v>
      </c>
      <c r="AV38" s="312">
        <v>10</v>
      </c>
      <c r="AW38" s="314">
        <v>0</v>
      </c>
      <c r="AX38" s="315">
        <v>34</v>
      </c>
      <c r="AY38" s="315">
        <v>62</v>
      </c>
      <c r="AZ38" s="315">
        <v>75</v>
      </c>
      <c r="BA38" s="315">
        <v>49</v>
      </c>
      <c r="BB38" s="315">
        <v>41</v>
      </c>
      <c r="BC38" s="316">
        <v>261</v>
      </c>
      <c r="BD38" s="317">
        <v>271</v>
      </c>
      <c r="BE38" s="311">
        <v>0</v>
      </c>
      <c r="BF38" s="315">
        <v>0</v>
      </c>
      <c r="BG38" s="312">
        <v>0</v>
      </c>
      <c r="BH38" s="314">
        <v>0</v>
      </c>
      <c r="BI38" s="315">
        <v>90</v>
      </c>
      <c r="BJ38" s="315">
        <v>82</v>
      </c>
      <c r="BK38" s="315">
        <v>45</v>
      </c>
      <c r="BL38" s="315">
        <v>25</v>
      </c>
      <c r="BM38" s="315">
        <v>13</v>
      </c>
      <c r="BN38" s="312">
        <v>255</v>
      </c>
      <c r="BO38" s="317">
        <v>255</v>
      </c>
      <c r="BP38" s="311">
        <v>3</v>
      </c>
      <c r="BQ38" s="315">
        <v>11</v>
      </c>
      <c r="BR38" s="312">
        <v>14</v>
      </c>
      <c r="BS38" s="314">
        <v>0</v>
      </c>
      <c r="BT38" s="315">
        <v>26</v>
      </c>
      <c r="BU38" s="315">
        <v>23</v>
      </c>
      <c r="BV38" s="315">
        <v>17</v>
      </c>
      <c r="BW38" s="315">
        <v>3</v>
      </c>
      <c r="BX38" s="315">
        <v>1</v>
      </c>
      <c r="BY38" s="312">
        <v>70</v>
      </c>
      <c r="BZ38" s="317">
        <v>84</v>
      </c>
      <c r="CA38" s="311">
        <v>0</v>
      </c>
      <c r="CB38" s="315">
        <v>2</v>
      </c>
      <c r="CC38" s="312">
        <v>2</v>
      </c>
      <c r="CD38" s="314">
        <v>0</v>
      </c>
      <c r="CE38" s="315">
        <v>15</v>
      </c>
      <c r="CF38" s="315">
        <v>26</v>
      </c>
      <c r="CG38" s="315">
        <v>31</v>
      </c>
      <c r="CH38" s="315">
        <v>9</v>
      </c>
      <c r="CI38" s="315">
        <v>12</v>
      </c>
      <c r="CJ38" s="312">
        <v>93</v>
      </c>
      <c r="CK38" s="317">
        <v>95</v>
      </c>
      <c r="CL38" s="311">
        <v>0</v>
      </c>
      <c r="CM38" s="315">
        <v>0</v>
      </c>
      <c r="CN38" s="312">
        <v>0</v>
      </c>
      <c r="CO38" s="314">
        <v>0</v>
      </c>
      <c r="CP38" s="315">
        <v>0</v>
      </c>
      <c r="CQ38" s="315">
        <v>1</v>
      </c>
      <c r="CR38" s="315">
        <v>1</v>
      </c>
      <c r="CS38" s="315">
        <v>0</v>
      </c>
      <c r="CT38" s="315">
        <v>0</v>
      </c>
      <c r="CU38" s="312">
        <v>2</v>
      </c>
      <c r="CV38" s="317">
        <v>2</v>
      </c>
      <c r="CW38" s="311">
        <v>0</v>
      </c>
      <c r="CX38" s="315">
        <v>0</v>
      </c>
      <c r="CY38" s="312">
        <v>0</v>
      </c>
      <c r="CZ38" s="314">
        <v>0</v>
      </c>
      <c r="DA38" s="315">
        <v>0</v>
      </c>
      <c r="DB38" s="315">
        <v>0</v>
      </c>
      <c r="DC38" s="315">
        <v>0</v>
      </c>
      <c r="DD38" s="315">
        <v>0</v>
      </c>
      <c r="DE38" s="315">
        <v>0</v>
      </c>
      <c r="DF38" s="312">
        <v>0</v>
      </c>
      <c r="DG38" s="317">
        <v>0</v>
      </c>
      <c r="DH38" s="311">
        <v>0</v>
      </c>
      <c r="DI38" s="315">
        <v>0</v>
      </c>
      <c r="DJ38" s="312">
        <v>0</v>
      </c>
      <c r="DK38" s="314">
        <v>0</v>
      </c>
      <c r="DL38" s="315">
        <v>0</v>
      </c>
      <c r="DM38" s="315">
        <v>0</v>
      </c>
      <c r="DN38" s="315">
        <v>0</v>
      </c>
      <c r="DO38" s="315">
        <v>0</v>
      </c>
      <c r="DP38" s="315">
        <v>0</v>
      </c>
      <c r="DQ38" s="312">
        <v>0</v>
      </c>
      <c r="DR38" s="317">
        <v>0</v>
      </c>
      <c r="DS38" s="311">
        <v>34</v>
      </c>
      <c r="DT38" s="315">
        <v>91</v>
      </c>
      <c r="DU38" s="312">
        <v>125</v>
      </c>
      <c r="DV38" s="314">
        <v>0</v>
      </c>
      <c r="DW38" s="315">
        <v>157</v>
      </c>
      <c r="DX38" s="315">
        <v>163</v>
      </c>
      <c r="DY38" s="315">
        <v>92</v>
      </c>
      <c r="DZ38" s="315">
        <v>70</v>
      </c>
      <c r="EA38" s="315">
        <v>45</v>
      </c>
      <c r="EB38" s="312">
        <v>527</v>
      </c>
      <c r="EC38" s="317">
        <v>652</v>
      </c>
      <c r="ED38" s="311">
        <v>2</v>
      </c>
      <c r="EE38" s="315">
        <v>2</v>
      </c>
      <c r="EF38" s="312">
        <v>4</v>
      </c>
      <c r="EG38" s="314">
        <v>0</v>
      </c>
      <c r="EH38" s="315">
        <v>8</v>
      </c>
      <c r="EI38" s="315">
        <v>15</v>
      </c>
      <c r="EJ38" s="315">
        <v>17</v>
      </c>
      <c r="EK38" s="315">
        <v>6</v>
      </c>
      <c r="EL38" s="315">
        <v>6</v>
      </c>
      <c r="EM38" s="312">
        <v>52</v>
      </c>
      <c r="EN38" s="317">
        <v>56</v>
      </c>
      <c r="EO38" s="311">
        <v>47</v>
      </c>
      <c r="EP38" s="315">
        <v>110</v>
      </c>
      <c r="EQ38" s="312">
        <v>157</v>
      </c>
      <c r="ER38" s="314">
        <v>0</v>
      </c>
      <c r="ES38" s="315">
        <v>264</v>
      </c>
      <c r="ET38" s="315">
        <v>231</v>
      </c>
      <c r="EU38" s="315">
        <v>133</v>
      </c>
      <c r="EV38" s="315">
        <v>82</v>
      </c>
      <c r="EW38" s="315">
        <v>57</v>
      </c>
      <c r="EX38" s="312">
        <v>767</v>
      </c>
      <c r="EY38" s="317">
        <v>924</v>
      </c>
    </row>
    <row r="39" spans="1:155" ht="19.5" customHeight="1" thickBot="1" x14ac:dyDescent="0.25">
      <c r="A39" s="297" t="s">
        <v>37</v>
      </c>
      <c r="B39" s="318">
        <v>0</v>
      </c>
      <c r="C39" s="322">
        <v>0</v>
      </c>
      <c r="D39" s="438">
        <v>0</v>
      </c>
      <c r="E39" s="321">
        <v>0</v>
      </c>
      <c r="F39" s="322">
        <v>5</v>
      </c>
      <c r="G39" s="322">
        <v>6</v>
      </c>
      <c r="H39" s="322">
        <v>5</v>
      </c>
      <c r="I39" s="322">
        <v>1</v>
      </c>
      <c r="J39" s="322">
        <v>3</v>
      </c>
      <c r="K39" s="323">
        <v>20</v>
      </c>
      <c r="L39" s="324">
        <v>20</v>
      </c>
      <c r="M39" s="318">
        <v>0</v>
      </c>
      <c r="N39" s="322">
        <v>0</v>
      </c>
      <c r="O39" s="319">
        <v>0</v>
      </c>
      <c r="P39" s="321">
        <v>0</v>
      </c>
      <c r="Q39" s="322">
        <v>0</v>
      </c>
      <c r="R39" s="322">
        <v>0</v>
      </c>
      <c r="S39" s="322">
        <v>0</v>
      </c>
      <c r="T39" s="322">
        <v>0</v>
      </c>
      <c r="U39" s="322">
        <v>0</v>
      </c>
      <c r="V39" s="319">
        <v>0</v>
      </c>
      <c r="W39" s="324">
        <v>0</v>
      </c>
      <c r="X39" s="318">
        <v>0</v>
      </c>
      <c r="Y39" s="322">
        <v>2</v>
      </c>
      <c r="Z39" s="319">
        <v>2</v>
      </c>
      <c r="AA39" s="321">
        <v>0</v>
      </c>
      <c r="AB39" s="322">
        <v>6</v>
      </c>
      <c r="AC39" s="322">
        <v>6</v>
      </c>
      <c r="AD39" s="322">
        <v>2</v>
      </c>
      <c r="AE39" s="322">
        <v>3</v>
      </c>
      <c r="AF39" s="322">
        <v>1</v>
      </c>
      <c r="AG39" s="319">
        <v>18</v>
      </c>
      <c r="AH39" s="324">
        <v>20</v>
      </c>
      <c r="AI39" s="318">
        <v>0</v>
      </c>
      <c r="AJ39" s="322">
        <v>0</v>
      </c>
      <c r="AK39" s="319">
        <v>0</v>
      </c>
      <c r="AL39" s="321">
        <v>0</v>
      </c>
      <c r="AM39" s="322">
        <v>2</v>
      </c>
      <c r="AN39" s="322">
        <v>1</v>
      </c>
      <c r="AO39" s="322">
        <v>2</v>
      </c>
      <c r="AP39" s="322">
        <v>1</v>
      </c>
      <c r="AQ39" s="322">
        <v>0</v>
      </c>
      <c r="AR39" s="319">
        <v>6</v>
      </c>
      <c r="AS39" s="324">
        <v>6</v>
      </c>
      <c r="AT39" s="318">
        <v>0</v>
      </c>
      <c r="AU39" s="322">
        <v>0</v>
      </c>
      <c r="AV39" s="319">
        <v>0</v>
      </c>
      <c r="AW39" s="321">
        <v>0</v>
      </c>
      <c r="AX39" s="322">
        <v>3</v>
      </c>
      <c r="AY39" s="322">
        <v>2</v>
      </c>
      <c r="AZ39" s="322">
        <v>5</v>
      </c>
      <c r="BA39" s="322">
        <v>2</v>
      </c>
      <c r="BB39" s="322">
        <v>3</v>
      </c>
      <c r="BC39" s="323">
        <v>15</v>
      </c>
      <c r="BD39" s="324">
        <v>15</v>
      </c>
      <c r="BE39" s="318">
        <v>0</v>
      </c>
      <c r="BF39" s="322">
        <v>0</v>
      </c>
      <c r="BG39" s="319">
        <v>0</v>
      </c>
      <c r="BH39" s="321">
        <v>0</v>
      </c>
      <c r="BI39" s="322">
        <v>7</v>
      </c>
      <c r="BJ39" s="322">
        <v>2</v>
      </c>
      <c r="BK39" s="322">
        <v>4</v>
      </c>
      <c r="BL39" s="322">
        <v>2</v>
      </c>
      <c r="BM39" s="322">
        <v>1</v>
      </c>
      <c r="BN39" s="319">
        <v>16</v>
      </c>
      <c r="BO39" s="324">
        <v>16</v>
      </c>
      <c r="BP39" s="318">
        <v>0</v>
      </c>
      <c r="BQ39" s="322">
        <v>0</v>
      </c>
      <c r="BR39" s="319">
        <v>0</v>
      </c>
      <c r="BS39" s="321">
        <v>0</v>
      </c>
      <c r="BT39" s="322">
        <v>6</v>
      </c>
      <c r="BU39" s="322">
        <v>3</v>
      </c>
      <c r="BV39" s="322">
        <v>3</v>
      </c>
      <c r="BW39" s="322">
        <v>3</v>
      </c>
      <c r="BX39" s="322">
        <v>0</v>
      </c>
      <c r="BY39" s="319">
        <v>15</v>
      </c>
      <c r="BZ39" s="324">
        <v>15</v>
      </c>
      <c r="CA39" s="318">
        <v>0</v>
      </c>
      <c r="CB39" s="322">
        <v>0</v>
      </c>
      <c r="CC39" s="319">
        <v>0</v>
      </c>
      <c r="CD39" s="321">
        <v>0</v>
      </c>
      <c r="CE39" s="322">
        <v>1</v>
      </c>
      <c r="CF39" s="322">
        <v>0</v>
      </c>
      <c r="CG39" s="322">
        <v>4</v>
      </c>
      <c r="CH39" s="322">
        <v>0</v>
      </c>
      <c r="CI39" s="322">
        <v>1</v>
      </c>
      <c r="CJ39" s="319">
        <v>6</v>
      </c>
      <c r="CK39" s="324">
        <v>6</v>
      </c>
      <c r="CL39" s="318">
        <v>0</v>
      </c>
      <c r="CM39" s="322">
        <v>0</v>
      </c>
      <c r="CN39" s="319">
        <v>0</v>
      </c>
      <c r="CO39" s="321">
        <v>0</v>
      </c>
      <c r="CP39" s="322">
        <v>0</v>
      </c>
      <c r="CQ39" s="322">
        <v>0</v>
      </c>
      <c r="CR39" s="322">
        <v>1</v>
      </c>
      <c r="CS39" s="322">
        <v>1</v>
      </c>
      <c r="CT39" s="322">
        <v>0</v>
      </c>
      <c r="CU39" s="319">
        <v>2</v>
      </c>
      <c r="CV39" s="324">
        <v>2</v>
      </c>
      <c r="CW39" s="318">
        <v>0</v>
      </c>
      <c r="CX39" s="322">
        <v>0</v>
      </c>
      <c r="CY39" s="319">
        <v>0</v>
      </c>
      <c r="CZ39" s="321">
        <v>0</v>
      </c>
      <c r="DA39" s="322">
        <v>0</v>
      </c>
      <c r="DB39" s="322">
        <v>0</v>
      </c>
      <c r="DC39" s="322">
        <v>0</v>
      </c>
      <c r="DD39" s="322">
        <v>0</v>
      </c>
      <c r="DE39" s="322">
        <v>0</v>
      </c>
      <c r="DF39" s="319">
        <v>0</v>
      </c>
      <c r="DG39" s="324">
        <v>0</v>
      </c>
      <c r="DH39" s="318">
        <v>0</v>
      </c>
      <c r="DI39" s="322">
        <v>0</v>
      </c>
      <c r="DJ39" s="319">
        <v>0</v>
      </c>
      <c r="DK39" s="321">
        <v>0</v>
      </c>
      <c r="DL39" s="322">
        <v>0</v>
      </c>
      <c r="DM39" s="322">
        <v>0</v>
      </c>
      <c r="DN39" s="322">
        <v>0</v>
      </c>
      <c r="DO39" s="322">
        <v>0</v>
      </c>
      <c r="DP39" s="322">
        <v>0</v>
      </c>
      <c r="DQ39" s="319">
        <v>0</v>
      </c>
      <c r="DR39" s="324">
        <v>0</v>
      </c>
      <c r="DS39" s="318">
        <v>6</v>
      </c>
      <c r="DT39" s="322">
        <v>5</v>
      </c>
      <c r="DU39" s="319">
        <v>11</v>
      </c>
      <c r="DV39" s="321">
        <v>0</v>
      </c>
      <c r="DW39" s="322">
        <v>26</v>
      </c>
      <c r="DX39" s="322">
        <v>15</v>
      </c>
      <c r="DY39" s="322">
        <v>13</v>
      </c>
      <c r="DZ39" s="322">
        <v>7</v>
      </c>
      <c r="EA39" s="322">
        <v>3</v>
      </c>
      <c r="EB39" s="319">
        <v>64</v>
      </c>
      <c r="EC39" s="324">
        <v>75</v>
      </c>
      <c r="ED39" s="318">
        <v>0</v>
      </c>
      <c r="EE39" s="322">
        <v>0</v>
      </c>
      <c r="EF39" s="319">
        <v>0</v>
      </c>
      <c r="EG39" s="321">
        <v>0</v>
      </c>
      <c r="EH39" s="322">
        <v>0</v>
      </c>
      <c r="EI39" s="322">
        <v>0</v>
      </c>
      <c r="EJ39" s="322">
        <v>0</v>
      </c>
      <c r="EK39" s="322">
        <v>1</v>
      </c>
      <c r="EL39" s="322">
        <v>1</v>
      </c>
      <c r="EM39" s="319">
        <v>2</v>
      </c>
      <c r="EN39" s="324">
        <v>2</v>
      </c>
      <c r="EO39" s="318">
        <v>6</v>
      </c>
      <c r="EP39" s="322">
        <v>6</v>
      </c>
      <c r="EQ39" s="319">
        <v>12</v>
      </c>
      <c r="ER39" s="321">
        <v>0</v>
      </c>
      <c r="ES39" s="322">
        <v>37</v>
      </c>
      <c r="ET39" s="322">
        <v>19</v>
      </c>
      <c r="EU39" s="322">
        <v>15</v>
      </c>
      <c r="EV39" s="322">
        <v>7</v>
      </c>
      <c r="EW39" s="322">
        <v>3</v>
      </c>
      <c r="EX39" s="319">
        <v>81</v>
      </c>
      <c r="EY39" s="324">
        <v>93</v>
      </c>
    </row>
  </sheetData>
  <mergeCells count="59">
    <mergeCell ref="W4:W5"/>
    <mergeCell ref="X4:Z4"/>
    <mergeCell ref="AA4:AG4"/>
    <mergeCell ref="AH4:AH5"/>
    <mergeCell ref="CV4:CV5"/>
    <mergeCell ref="BP4:BR4"/>
    <mergeCell ref="BS4:BY4"/>
    <mergeCell ref="BO4:BO5"/>
    <mergeCell ref="CA4:CC4"/>
    <mergeCell ref="CD4:CJ4"/>
    <mergeCell ref="CK4:CK5"/>
    <mergeCell ref="CL4:CN4"/>
    <mergeCell ref="CO4:CU4"/>
    <mergeCell ref="BZ4:BZ5"/>
    <mergeCell ref="AW4:BC4"/>
    <mergeCell ref="BE4:BG4"/>
    <mergeCell ref="A3:A5"/>
    <mergeCell ref="M3:W3"/>
    <mergeCell ref="X3:AH3"/>
    <mergeCell ref="AI3:AS3"/>
    <mergeCell ref="AT3:BD3"/>
    <mergeCell ref="B3:L3"/>
    <mergeCell ref="B4:D4"/>
    <mergeCell ref="E4:K4"/>
    <mergeCell ref="L4:L5"/>
    <mergeCell ref="BD4:BD5"/>
    <mergeCell ref="M4:O4"/>
    <mergeCell ref="P4:V4"/>
    <mergeCell ref="AI4:AK4"/>
    <mergeCell ref="AL4:AR4"/>
    <mergeCell ref="AS4:AS5"/>
    <mergeCell ref="AT4:AV4"/>
    <mergeCell ref="H1:I1"/>
    <mergeCell ref="K1:L1"/>
    <mergeCell ref="BE3:BO3"/>
    <mergeCell ref="BP3:BZ3"/>
    <mergeCell ref="CA3:CK3"/>
    <mergeCell ref="DH3:DR3"/>
    <mergeCell ref="DH4:DJ4"/>
    <mergeCell ref="DK4:DQ4"/>
    <mergeCell ref="DR4:DR5"/>
    <mergeCell ref="BH4:BN4"/>
    <mergeCell ref="CW3:DG3"/>
    <mergeCell ref="CL3:CV3"/>
    <mergeCell ref="CW4:CY4"/>
    <mergeCell ref="CZ4:DF4"/>
    <mergeCell ref="DG4:DG5"/>
    <mergeCell ref="EO3:EY3"/>
    <mergeCell ref="ED3:EN3"/>
    <mergeCell ref="ER4:EX4"/>
    <mergeCell ref="EY4:EY5"/>
    <mergeCell ref="EC4:EC5"/>
    <mergeCell ref="ED4:EF4"/>
    <mergeCell ref="EG4:EM4"/>
    <mergeCell ref="EN4:EN5"/>
    <mergeCell ref="EO4:EQ4"/>
    <mergeCell ref="DS3:EC3"/>
    <mergeCell ref="DS4:DU4"/>
    <mergeCell ref="DV4:EB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3" max="1048575" man="1"/>
    <brk id="45" max="1048575" man="1"/>
    <brk id="67" max="1048575" man="1"/>
    <brk id="89" max="1048575" man="1"/>
    <brk id="122" max="1048575" man="1"/>
    <brk id="14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Y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0"/>
    <col min="4" max="4" width="10.33203125" style="290" customWidth="1"/>
    <col min="5" max="5" width="7.6640625" style="290" customWidth="1"/>
    <col min="6" max="6" width="10.21875" style="290" customWidth="1"/>
    <col min="7" max="7" width="10.44140625" style="290" customWidth="1"/>
    <col min="8" max="15" width="9" style="290"/>
    <col min="16" max="16" width="7.21875" style="290" customWidth="1"/>
    <col min="17" max="26" width="9" style="290"/>
    <col min="27" max="27" width="7.6640625" style="290" customWidth="1"/>
    <col min="28" max="37" width="9" style="290"/>
    <col min="38" max="38" width="7.6640625" style="290" customWidth="1"/>
    <col min="39" max="48" width="9" style="290"/>
    <col min="49" max="49" width="7.21875" style="290" customWidth="1"/>
    <col min="50" max="59" width="9" style="290"/>
    <col min="60" max="60" width="7.21875" style="290" customWidth="1"/>
    <col min="61" max="70" width="9" style="290"/>
    <col min="71" max="71" width="7.33203125" style="290" customWidth="1"/>
    <col min="72" max="81" width="9" style="290"/>
    <col min="82" max="82" width="7.44140625" style="290" customWidth="1"/>
    <col min="83" max="92" width="9" style="290"/>
    <col min="93" max="93" width="7.6640625" style="290" customWidth="1"/>
    <col min="94" max="103" width="9" style="290"/>
    <col min="104" max="104" width="7.44140625" style="290" customWidth="1"/>
    <col min="105" max="114" width="9" style="290"/>
    <col min="115" max="115" width="7.44140625" style="290" customWidth="1"/>
    <col min="116" max="125" width="9" style="290"/>
    <col min="126" max="126" width="7.44140625" style="290" customWidth="1"/>
    <col min="127" max="136" width="9" style="290"/>
    <col min="137" max="137" width="7.33203125" style="290" customWidth="1"/>
    <col min="138" max="147" width="9" style="290"/>
    <col min="148" max="148" width="7.77734375" style="290" customWidth="1"/>
    <col min="149" max="16384" width="9" style="290"/>
  </cols>
  <sheetData>
    <row r="1" spans="1:155" ht="24" customHeight="1" x14ac:dyDescent="0.2">
      <c r="A1" s="325" t="s">
        <v>122</v>
      </c>
      <c r="H1" s="545">
        <f>第１表!F2</f>
        <v>4</v>
      </c>
      <c r="I1" s="545"/>
      <c r="J1" s="282">
        <f>第１表!G2</f>
        <v>4</v>
      </c>
      <c r="K1" s="549">
        <f>IF(J1&lt;3,J1+12-2,J1-2)</f>
        <v>2</v>
      </c>
      <c r="L1" s="549"/>
    </row>
    <row r="2" spans="1:155" ht="21" customHeight="1" thickBot="1" x14ac:dyDescent="0.25">
      <c r="A2" s="325" t="s">
        <v>131</v>
      </c>
      <c r="F2" s="281"/>
      <c r="G2" s="282"/>
      <c r="I2" s="359"/>
      <c r="J2" s="359"/>
    </row>
    <row r="3" spans="1:155" ht="23.25" customHeight="1" thickBot="1" x14ac:dyDescent="0.25">
      <c r="A3" s="562"/>
      <c r="B3" s="553" t="s">
        <v>70</v>
      </c>
      <c r="C3" s="554"/>
      <c r="D3" s="554"/>
      <c r="E3" s="554"/>
      <c r="F3" s="554"/>
      <c r="G3" s="554"/>
      <c r="H3" s="554"/>
      <c r="I3" s="554"/>
      <c r="J3" s="554"/>
      <c r="K3" s="554"/>
      <c r="L3" s="555"/>
      <c r="M3" s="553" t="s">
        <v>71</v>
      </c>
      <c r="N3" s="554"/>
      <c r="O3" s="554"/>
      <c r="P3" s="554"/>
      <c r="Q3" s="554"/>
      <c r="R3" s="554"/>
      <c r="S3" s="554"/>
      <c r="T3" s="554"/>
      <c r="U3" s="554"/>
      <c r="V3" s="554"/>
      <c r="W3" s="555"/>
      <c r="X3" s="553" t="s">
        <v>72</v>
      </c>
      <c r="Y3" s="554"/>
      <c r="Z3" s="554"/>
      <c r="AA3" s="554"/>
      <c r="AB3" s="554"/>
      <c r="AC3" s="554"/>
      <c r="AD3" s="554"/>
      <c r="AE3" s="554"/>
      <c r="AF3" s="554"/>
      <c r="AG3" s="554"/>
      <c r="AH3" s="555"/>
      <c r="AI3" s="553" t="s">
        <v>73</v>
      </c>
      <c r="AJ3" s="554"/>
      <c r="AK3" s="554"/>
      <c r="AL3" s="554"/>
      <c r="AM3" s="554"/>
      <c r="AN3" s="554"/>
      <c r="AO3" s="554"/>
      <c r="AP3" s="554"/>
      <c r="AQ3" s="554"/>
      <c r="AR3" s="554"/>
      <c r="AS3" s="555"/>
      <c r="AT3" s="553" t="s">
        <v>74</v>
      </c>
      <c r="AU3" s="554"/>
      <c r="AV3" s="554"/>
      <c r="AW3" s="554"/>
      <c r="AX3" s="554"/>
      <c r="AY3" s="554"/>
      <c r="AZ3" s="554"/>
      <c r="BA3" s="554"/>
      <c r="BB3" s="554"/>
      <c r="BC3" s="554"/>
      <c r="BD3" s="555"/>
      <c r="BE3" s="553" t="s">
        <v>75</v>
      </c>
      <c r="BF3" s="554"/>
      <c r="BG3" s="554"/>
      <c r="BH3" s="554"/>
      <c r="BI3" s="554"/>
      <c r="BJ3" s="554"/>
      <c r="BK3" s="554"/>
      <c r="BL3" s="554"/>
      <c r="BM3" s="554"/>
      <c r="BN3" s="554"/>
      <c r="BO3" s="555"/>
      <c r="BP3" s="553" t="s">
        <v>76</v>
      </c>
      <c r="BQ3" s="554"/>
      <c r="BR3" s="554"/>
      <c r="BS3" s="554"/>
      <c r="BT3" s="554"/>
      <c r="BU3" s="554"/>
      <c r="BV3" s="554"/>
      <c r="BW3" s="554"/>
      <c r="BX3" s="554"/>
      <c r="BY3" s="554"/>
      <c r="BZ3" s="555"/>
      <c r="CA3" s="553" t="s">
        <v>77</v>
      </c>
      <c r="CB3" s="554"/>
      <c r="CC3" s="554"/>
      <c r="CD3" s="554"/>
      <c r="CE3" s="554"/>
      <c r="CF3" s="554"/>
      <c r="CG3" s="554"/>
      <c r="CH3" s="554"/>
      <c r="CI3" s="554"/>
      <c r="CJ3" s="554"/>
      <c r="CK3" s="555"/>
      <c r="CL3" s="553" t="s">
        <v>78</v>
      </c>
      <c r="CM3" s="554"/>
      <c r="CN3" s="554"/>
      <c r="CO3" s="554"/>
      <c r="CP3" s="554"/>
      <c r="CQ3" s="554"/>
      <c r="CR3" s="554"/>
      <c r="CS3" s="554"/>
      <c r="CT3" s="554"/>
      <c r="CU3" s="554"/>
      <c r="CV3" s="555"/>
      <c r="CW3" s="553" t="s">
        <v>79</v>
      </c>
      <c r="CX3" s="554"/>
      <c r="CY3" s="554"/>
      <c r="CZ3" s="554"/>
      <c r="DA3" s="554"/>
      <c r="DB3" s="554"/>
      <c r="DC3" s="554"/>
      <c r="DD3" s="554"/>
      <c r="DE3" s="554"/>
      <c r="DF3" s="554"/>
      <c r="DG3" s="555"/>
      <c r="DH3" s="553" t="s">
        <v>152</v>
      </c>
      <c r="DI3" s="554"/>
      <c r="DJ3" s="554"/>
      <c r="DK3" s="554"/>
      <c r="DL3" s="554"/>
      <c r="DM3" s="554"/>
      <c r="DN3" s="554"/>
      <c r="DO3" s="554"/>
      <c r="DP3" s="554"/>
      <c r="DQ3" s="554"/>
      <c r="DR3" s="555"/>
      <c r="DS3" s="553" t="s">
        <v>80</v>
      </c>
      <c r="DT3" s="554"/>
      <c r="DU3" s="554"/>
      <c r="DV3" s="554"/>
      <c r="DW3" s="554"/>
      <c r="DX3" s="554"/>
      <c r="DY3" s="554"/>
      <c r="DZ3" s="554"/>
      <c r="EA3" s="554"/>
      <c r="EB3" s="554"/>
      <c r="EC3" s="555"/>
      <c r="ED3" s="553" t="s">
        <v>68</v>
      </c>
      <c r="EE3" s="554"/>
      <c r="EF3" s="554"/>
      <c r="EG3" s="554"/>
      <c r="EH3" s="554"/>
      <c r="EI3" s="554"/>
      <c r="EJ3" s="554"/>
      <c r="EK3" s="554"/>
      <c r="EL3" s="554"/>
      <c r="EM3" s="554"/>
      <c r="EN3" s="555"/>
      <c r="EO3" s="550" t="s">
        <v>69</v>
      </c>
      <c r="EP3" s="551"/>
      <c r="EQ3" s="551"/>
      <c r="ER3" s="551"/>
      <c r="ES3" s="551"/>
      <c r="ET3" s="551"/>
      <c r="EU3" s="551"/>
      <c r="EV3" s="551"/>
      <c r="EW3" s="551"/>
      <c r="EX3" s="551"/>
      <c r="EY3" s="552"/>
    </row>
    <row r="4" spans="1:155" ht="22.5" customHeight="1" x14ac:dyDescent="0.2">
      <c r="A4" s="563"/>
      <c r="B4" s="561" t="s">
        <v>61</v>
      </c>
      <c r="C4" s="557"/>
      <c r="D4" s="558"/>
      <c r="E4" s="556" t="s">
        <v>62</v>
      </c>
      <c r="F4" s="557"/>
      <c r="G4" s="557"/>
      <c r="H4" s="557"/>
      <c r="I4" s="557"/>
      <c r="J4" s="557"/>
      <c r="K4" s="565"/>
      <c r="L4" s="559" t="s">
        <v>52</v>
      </c>
      <c r="M4" s="561" t="s">
        <v>61</v>
      </c>
      <c r="N4" s="557"/>
      <c r="O4" s="558"/>
      <c r="P4" s="556" t="s">
        <v>62</v>
      </c>
      <c r="Q4" s="557"/>
      <c r="R4" s="557"/>
      <c r="S4" s="557"/>
      <c r="T4" s="557"/>
      <c r="U4" s="557"/>
      <c r="V4" s="558"/>
      <c r="W4" s="559" t="s">
        <v>52</v>
      </c>
      <c r="X4" s="561" t="s">
        <v>61</v>
      </c>
      <c r="Y4" s="557"/>
      <c r="Z4" s="558"/>
      <c r="AA4" s="556" t="s">
        <v>62</v>
      </c>
      <c r="AB4" s="557"/>
      <c r="AC4" s="557"/>
      <c r="AD4" s="557"/>
      <c r="AE4" s="557"/>
      <c r="AF4" s="557"/>
      <c r="AG4" s="558"/>
      <c r="AH4" s="559" t="s">
        <v>52</v>
      </c>
      <c r="AI4" s="561" t="s">
        <v>61</v>
      </c>
      <c r="AJ4" s="557"/>
      <c r="AK4" s="558"/>
      <c r="AL4" s="556" t="s">
        <v>62</v>
      </c>
      <c r="AM4" s="557"/>
      <c r="AN4" s="557"/>
      <c r="AO4" s="557"/>
      <c r="AP4" s="557"/>
      <c r="AQ4" s="557"/>
      <c r="AR4" s="558"/>
      <c r="AS4" s="559" t="s">
        <v>52</v>
      </c>
      <c r="AT4" s="561" t="s">
        <v>61</v>
      </c>
      <c r="AU4" s="557"/>
      <c r="AV4" s="558"/>
      <c r="AW4" s="556" t="s">
        <v>62</v>
      </c>
      <c r="AX4" s="557"/>
      <c r="AY4" s="557"/>
      <c r="AZ4" s="557"/>
      <c r="BA4" s="557"/>
      <c r="BB4" s="557"/>
      <c r="BC4" s="565"/>
      <c r="BD4" s="559" t="s">
        <v>52</v>
      </c>
      <c r="BE4" s="561" t="s">
        <v>61</v>
      </c>
      <c r="BF4" s="557"/>
      <c r="BG4" s="558"/>
      <c r="BH4" s="556" t="s">
        <v>62</v>
      </c>
      <c r="BI4" s="557"/>
      <c r="BJ4" s="557"/>
      <c r="BK4" s="557"/>
      <c r="BL4" s="557"/>
      <c r="BM4" s="557"/>
      <c r="BN4" s="558"/>
      <c r="BO4" s="559" t="s">
        <v>52</v>
      </c>
      <c r="BP4" s="561" t="s">
        <v>61</v>
      </c>
      <c r="BQ4" s="557"/>
      <c r="BR4" s="558"/>
      <c r="BS4" s="556" t="s">
        <v>62</v>
      </c>
      <c r="BT4" s="557"/>
      <c r="BU4" s="557"/>
      <c r="BV4" s="557"/>
      <c r="BW4" s="557"/>
      <c r="BX4" s="557"/>
      <c r="BY4" s="558"/>
      <c r="BZ4" s="559" t="s">
        <v>52</v>
      </c>
      <c r="CA4" s="561" t="s">
        <v>61</v>
      </c>
      <c r="CB4" s="557"/>
      <c r="CC4" s="558"/>
      <c r="CD4" s="556" t="s">
        <v>62</v>
      </c>
      <c r="CE4" s="557"/>
      <c r="CF4" s="557"/>
      <c r="CG4" s="557"/>
      <c r="CH4" s="557"/>
      <c r="CI4" s="557"/>
      <c r="CJ4" s="558"/>
      <c r="CK4" s="559" t="s">
        <v>52</v>
      </c>
      <c r="CL4" s="561" t="s">
        <v>61</v>
      </c>
      <c r="CM4" s="557"/>
      <c r="CN4" s="558"/>
      <c r="CO4" s="556" t="s">
        <v>62</v>
      </c>
      <c r="CP4" s="557"/>
      <c r="CQ4" s="557"/>
      <c r="CR4" s="557"/>
      <c r="CS4" s="557"/>
      <c r="CT4" s="557"/>
      <c r="CU4" s="558"/>
      <c r="CV4" s="559" t="s">
        <v>52</v>
      </c>
      <c r="CW4" s="561" t="s">
        <v>61</v>
      </c>
      <c r="CX4" s="557"/>
      <c r="CY4" s="558"/>
      <c r="CZ4" s="556" t="s">
        <v>62</v>
      </c>
      <c r="DA4" s="557"/>
      <c r="DB4" s="557"/>
      <c r="DC4" s="557"/>
      <c r="DD4" s="557"/>
      <c r="DE4" s="557"/>
      <c r="DF4" s="558"/>
      <c r="DG4" s="559" t="s">
        <v>52</v>
      </c>
      <c r="DH4" s="561" t="s">
        <v>61</v>
      </c>
      <c r="DI4" s="557"/>
      <c r="DJ4" s="558"/>
      <c r="DK4" s="556" t="s">
        <v>62</v>
      </c>
      <c r="DL4" s="557"/>
      <c r="DM4" s="557"/>
      <c r="DN4" s="557"/>
      <c r="DO4" s="557"/>
      <c r="DP4" s="557"/>
      <c r="DQ4" s="558"/>
      <c r="DR4" s="559" t="s">
        <v>52</v>
      </c>
      <c r="DS4" s="561" t="s">
        <v>61</v>
      </c>
      <c r="DT4" s="557"/>
      <c r="DU4" s="558"/>
      <c r="DV4" s="556" t="s">
        <v>62</v>
      </c>
      <c r="DW4" s="557"/>
      <c r="DX4" s="557"/>
      <c r="DY4" s="557"/>
      <c r="DZ4" s="557"/>
      <c r="EA4" s="557"/>
      <c r="EB4" s="558"/>
      <c r="EC4" s="559" t="s">
        <v>52</v>
      </c>
      <c r="ED4" s="561" t="s">
        <v>61</v>
      </c>
      <c r="EE4" s="557"/>
      <c r="EF4" s="558"/>
      <c r="EG4" s="556" t="s">
        <v>62</v>
      </c>
      <c r="EH4" s="557"/>
      <c r="EI4" s="557"/>
      <c r="EJ4" s="557"/>
      <c r="EK4" s="557"/>
      <c r="EL4" s="557"/>
      <c r="EM4" s="558"/>
      <c r="EN4" s="559" t="s">
        <v>52</v>
      </c>
      <c r="EO4" s="561" t="s">
        <v>61</v>
      </c>
      <c r="EP4" s="557"/>
      <c r="EQ4" s="558"/>
      <c r="ER4" s="556" t="s">
        <v>62</v>
      </c>
      <c r="ES4" s="557"/>
      <c r="ET4" s="557"/>
      <c r="EU4" s="557"/>
      <c r="EV4" s="557"/>
      <c r="EW4" s="557"/>
      <c r="EX4" s="558"/>
      <c r="EY4" s="559" t="s">
        <v>52</v>
      </c>
    </row>
    <row r="5" spans="1:155" ht="34.5" customHeight="1" thickBot="1" x14ac:dyDescent="0.25">
      <c r="A5" s="564"/>
      <c r="B5" s="360" t="s">
        <v>43</v>
      </c>
      <c r="C5" s="294" t="s">
        <v>44</v>
      </c>
      <c r="D5" s="435" t="s">
        <v>45</v>
      </c>
      <c r="E5" s="302" t="s">
        <v>83</v>
      </c>
      <c r="F5" s="294" t="s">
        <v>47</v>
      </c>
      <c r="G5" s="294" t="s">
        <v>48</v>
      </c>
      <c r="H5" s="294" t="s">
        <v>49</v>
      </c>
      <c r="I5" s="294" t="s">
        <v>50</v>
      </c>
      <c r="J5" s="294" t="s">
        <v>51</v>
      </c>
      <c r="K5" s="303" t="s">
        <v>45</v>
      </c>
      <c r="L5" s="560"/>
      <c r="M5" s="360" t="s">
        <v>43</v>
      </c>
      <c r="N5" s="294" t="s">
        <v>44</v>
      </c>
      <c r="O5" s="300" t="s">
        <v>45</v>
      </c>
      <c r="P5" s="302" t="s">
        <v>83</v>
      </c>
      <c r="Q5" s="294" t="s">
        <v>47</v>
      </c>
      <c r="R5" s="294" t="s">
        <v>48</v>
      </c>
      <c r="S5" s="294" t="s">
        <v>49</v>
      </c>
      <c r="T5" s="294" t="s">
        <v>50</v>
      </c>
      <c r="U5" s="294" t="s">
        <v>51</v>
      </c>
      <c r="V5" s="300" t="s">
        <v>45</v>
      </c>
      <c r="W5" s="560"/>
      <c r="X5" s="360" t="s">
        <v>43</v>
      </c>
      <c r="Y5" s="294" t="s">
        <v>44</v>
      </c>
      <c r="Z5" s="300" t="s">
        <v>45</v>
      </c>
      <c r="AA5" s="302" t="s">
        <v>83</v>
      </c>
      <c r="AB5" s="294" t="s">
        <v>47</v>
      </c>
      <c r="AC5" s="294" t="s">
        <v>48</v>
      </c>
      <c r="AD5" s="294" t="s">
        <v>49</v>
      </c>
      <c r="AE5" s="294" t="s">
        <v>50</v>
      </c>
      <c r="AF5" s="294" t="s">
        <v>51</v>
      </c>
      <c r="AG5" s="300" t="s">
        <v>45</v>
      </c>
      <c r="AH5" s="560"/>
      <c r="AI5" s="360" t="s">
        <v>43</v>
      </c>
      <c r="AJ5" s="294" t="s">
        <v>44</v>
      </c>
      <c r="AK5" s="300" t="s">
        <v>45</v>
      </c>
      <c r="AL5" s="302" t="s">
        <v>83</v>
      </c>
      <c r="AM5" s="294" t="s">
        <v>47</v>
      </c>
      <c r="AN5" s="294" t="s">
        <v>48</v>
      </c>
      <c r="AO5" s="294" t="s">
        <v>49</v>
      </c>
      <c r="AP5" s="294" t="s">
        <v>50</v>
      </c>
      <c r="AQ5" s="294" t="s">
        <v>51</v>
      </c>
      <c r="AR5" s="300" t="s">
        <v>45</v>
      </c>
      <c r="AS5" s="560"/>
      <c r="AT5" s="360" t="s">
        <v>43</v>
      </c>
      <c r="AU5" s="294" t="s">
        <v>44</v>
      </c>
      <c r="AV5" s="300" t="s">
        <v>45</v>
      </c>
      <c r="AW5" s="302" t="s">
        <v>83</v>
      </c>
      <c r="AX5" s="294" t="s">
        <v>47</v>
      </c>
      <c r="AY5" s="294" t="s">
        <v>48</v>
      </c>
      <c r="AZ5" s="294" t="s">
        <v>49</v>
      </c>
      <c r="BA5" s="294" t="s">
        <v>50</v>
      </c>
      <c r="BB5" s="294" t="s">
        <v>51</v>
      </c>
      <c r="BC5" s="303" t="s">
        <v>45</v>
      </c>
      <c r="BD5" s="560"/>
      <c r="BE5" s="360" t="s">
        <v>43</v>
      </c>
      <c r="BF5" s="294" t="s">
        <v>44</v>
      </c>
      <c r="BG5" s="300" t="s">
        <v>45</v>
      </c>
      <c r="BH5" s="302" t="s">
        <v>83</v>
      </c>
      <c r="BI5" s="294" t="s">
        <v>47</v>
      </c>
      <c r="BJ5" s="294" t="s">
        <v>48</v>
      </c>
      <c r="BK5" s="294" t="s">
        <v>49</v>
      </c>
      <c r="BL5" s="294" t="s">
        <v>50</v>
      </c>
      <c r="BM5" s="294" t="s">
        <v>51</v>
      </c>
      <c r="BN5" s="300" t="s">
        <v>45</v>
      </c>
      <c r="BO5" s="560"/>
      <c r="BP5" s="360" t="s">
        <v>43</v>
      </c>
      <c r="BQ5" s="294" t="s">
        <v>44</v>
      </c>
      <c r="BR5" s="300" t="s">
        <v>45</v>
      </c>
      <c r="BS5" s="302" t="s">
        <v>83</v>
      </c>
      <c r="BT5" s="294" t="s">
        <v>47</v>
      </c>
      <c r="BU5" s="294" t="s">
        <v>48</v>
      </c>
      <c r="BV5" s="294" t="s">
        <v>49</v>
      </c>
      <c r="BW5" s="294" t="s">
        <v>50</v>
      </c>
      <c r="BX5" s="294" t="s">
        <v>51</v>
      </c>
      <c r="BY5" s="300" t="s">
        <v>45</v>
      </c>
      <c r="BZ5" s="560"/>
      <c r="CA5" s="360" t="s">
        <v>43</v>
      </c>
      <c r="CB5" s="294" t="s">
        <v>44</v>
      </c>
      <c r="CC5" s="300" t="s">
        <v>45</v>
      </c>
      <c r="CD5" s="302" t="s">
        <v>83</v>
      </c>
      <c r="CE5" s="294" t="s">
        <v>47</v>
      </c>
      <c r="CF5" s="294" t="s">
        <v>48</v>
      </c>
      <c r="CG5" s="294" t="s">
        <v>49</v>
      </c>
      <c r="CH5" s="294" t="s">
        <v>50</v>
      </c>
      <c r="CI5" s="294" t="s">
        <v>51</v>
      </c>
      <c r="CJ5" s="300" t="s">
        <v>45</v>
      </c>
      <c r="CK5" s="560"/>
      <c r="CL5" s="360" t="s">
        <v>43</v>
      </c>
      <c r="CM5" s="294" t="s">
        <v>44</v>
      </c>
      <c r="CN5" s="300" t="s">
        <v>45</v>
      </c>
      <c r="CO5" s="302" t="s">
        <v>83</v>
      </c>
      <c r="CP5" s="294" t="s">
        <v>47</v>
      </c>
      <c r="CQ5" s="294" t="s">
        <v>48</v>
      </c>
      <c r="CR5" s="294" t="s">
        <v>49</v>
      </c>
      <c r="CS5" s="294" t="s">
        <v>50</v>
      </c>
      <c r="CT5" s="294" t="s">
        <v>51</v>
      </c>
      <c r="CU5" s="300" t="s">
        <v>45</v>
      </c>
      <c r="CV5" s="560"/>
      <c r="CW5" s="360" t="s">
        <v>43</v>
      </c>
      <c r="CX5" s="294" t="s">
        <v>44</v>
      </c>
      <c r="CY5" s="300" t="s">
        <v>45</v>
      </c>
      <c r="CZ5" s="302" t="s">
        <v>83</v>
      </c>
      <c r="DA5" s="294" t="s">
        <v>47</v>
      </c>
      <c r="DB5" s="294" t="s">
        <v>48</v>
      </c>
      <c r="DC5" s="294" t="s">
        <v>49</v>
      </c>
      <c r="DD5" s="294" t="s">
        <v>50</v>
      </c>
      <c r="DE5" s="294" t="s">
        <v>51</v>
      </c>
      <c r="DF5" s="300" t="s">
        <v>45</v>
      </c>
      <c r="DG5" s="560"/>
      <c r="DH5" s="386" t="s">
        <v>43</v>
      </c>
      <c r="DI5" s="294" t="s">
        <v>44</v>
      </c>
      <c r="DJ5" s="300" t="s">
        <v>45</v>
      </c>
      <c r="DK5" s="302" t="s">
        <v>83</v>
      </c>
      <c r="DL5" s="294" t="s">
        <v>47</v>
      </c>
      <c r="DM5" s="294" t="s">
        <v>48</v>
      </c>
      <c r="DN5" s="294" t="s">
        <v>49</v>
      </c>
      <c r="DO5" s="294" t="s">
        <v>50</v>
      </c>
      <c r="DP5" s="294" t="s">
        <v>51</v>
      </c>
      <c r="DQ5" s="300" t="s">
        <v>45</v>
      </c>
      <c r="DR5" s="560"/>
      <c r="DS5" s="360" t="s">
        <v>43</v>
      </c>
      <c r="DT5" s="294" t="s">
        <v>44</v>
      </c>
      <c r="DU5" s="300" t="s">
        <v>45</v>
      </c>
      <c r="DV5" s="302" t="s">
        <v>83</v>
      </c>
      <c r="DW5" s="294" t="s">
        <v>47</v>
      </c>
      <c r="DX5" s="294" t="s">
        <v>48</v>
      </c>
      <c r="DY5" s="294" t="s">
        <v>49</v>
      </c>
      <c r="DZ5" s="294" t="s">
        <v>50</v>
      </c>
      <c r="EA5" s="294" t="s">
        <v>51</v>
      </c>
      <c r="EB5" s="300" t="s">
        <v>45</v>
      </c>
      <c r="EC5" s="560"/>
      <c r="ED5" s="360" t="s">
        <v>43</v>
      </c>
      <c r="EE5" s="294" t="s">
        <v>44</v>
      </c>
      <c r="EF5" s="300" t="s">
        <v>45</v>
      </c>
      <c r="EG5" s="302" t="s">
        <v>83</v>
      </c>
      <c r="EH5" s="294" t="s">
        <v>47</v>
      </c>
      <c r="EI5" s="294" t="s">
        <v>48</v>
      </c>
      <c r="EJ5" s="294" t="s">
        <v>49</v>
      </c>
      <c r="EK5" s="294" t="s">
        <v>50</v>
      </c>
      <c r="EL5" s="294" t="s">
        <v>51</v>
      </c>
      <c r="EM5" s="300" t="s">
        <v>45</v>
      </c>
      <c r="EN5" s="560"/>
      <c r="EO5" s="360" t="s">
        <v>43</v>
      </c>
      <c r="EP5" s="294" t="s">
        <v>44</v>
      </c>
      <c r="EQ5" s="300" t="s">
        <v>45</v>
      </c>
      <c r="ER5" s="302" t="s">
        <v>83</v>
      </c>
      <c r="ES5" s="294" t="s">
        <v>47</v>
      </c>
      <c r="ET5" s="294" t="s">
        <v>48</v>
      </c>
      <c r="EU5" s="294" t="s">
        <v>49</v>
      </c>
      <c r="EV5" s="294" t="s">
        <v>50</v>
      </c>
      <c r="EW5" s="294" t="s">
        <v>51</v>
      </c>
      <c r="EX5" s="300" t="s">
        <v>45</v>
      </c>
      <c r="EY5" s="560"/>
    </row>
    <row r="6" spans="1:155" ht="19.5" customHeight="1" x14ac:dyDescent="0.2">
      <c r="A6" s="295" t="s">
        <v>4</v>
      </c>
      <c r="B6" s="304">
        <v>0</v>
      </c>
      <c r="C6" s="308">
        <v>0</v>
      </c>
      <c r="D6" s="436">
        <v>0</v>
      </c>
      <c r="E6" s="307">
        <v>0</v>
      </c>
      <c r="F6" s="308">
        <v>1284</v>
      </c>
      <c r="G6" s="308">
        <v>1373</v>
      </c>
      <c r="H6" s="308">
        <v>771</v>
      </c>
      <c r="I6" s="308">
        <v>567</v>
      </c>
      <c r="J6" s="308">
        <v>384</v>
      </c>
      <c r="K6" s="309">
        <v>4379</v>
      </c>
      <c r="L6" s="310">
        <v>4379</v>
      </c>
      <c r="M6" s="304">
        <v>0</v>
      </c>
      <c r="N6" s="308">
        <v>1</v>
      </c>
      <c r="O6" s="305">
        <v>1</v>
      </c>
      <c r="P6" s="307">
        <v>0</v>
      </c>
      <c r="Q6" s="308">
        <v>14</v>
      </c>
      <c r="R6" s="308">
        <v>34</v>
      </c>
      <c r="S6" s="308">
        <v>57</v>
      </c>
      <c r="T6" s="308">
        <v>130</v>
      </c>
      <c r="U6" s="308">
        <v>197</v>
      </c>
      <c r="V6" s="305">
        <v>432</v>
      </c>
      <c r="W6" s="310">
        <v>433</v>
      </c>
      <c r="X6" s="304">
        <v>186</v>
      </c>
      <c r="Y6" s="308">
        <v>371</v>
      </c>
      <c r="Z6" s="305">
        <v>557</v>
      </c>
      <c r="AA6" s="307">
        <v>0</v>
      </c>
      <c r="AB6" s="308">
        <v>913</v>
      </c>
      <c r="AC6" s="308">
        <v>1189</v>
      </c>
      <c r="AD6" s="308">
        <v>674</v>
      </c>
      <c r="AE6" s="308">
        <v>570</v>
      </c>
      <c r="AF6" s="308">
        <v>342</v>
      </c>
      <c r="AG6" s="305">
        <v>3688</v>
      </c>
      <c r="AH6" s="310">
        <v>4245</v>
      </c>
      <c r="AI6" s="304">
        <v>23</v>
      </c>
      <c r="AJ6" s="308">
        <v>54</v>
      </c>
      <c r="AK6" s="305">
        <v>77</v>
      </c>
      <c r="AL6" s="307">
        <v>0</v>
      </c>
      <c r="AM6" s="308">
        <v>60</v>
      </c>
      <c r="AN6" s="308">
        <v>112</v>
      </c>
      <c r="AO6" s="308">
        <v>71</v>
      </c>
      <c r="AP6" s="308">
        <v>71</v>
      </c>
      <c r="AQ6" s="308">
        <v>39</v>
      </c>
      <c r="AR6" s="305">
        <v>353</v>
      </c>
      <c r="AS6" s="310">
        <v>430</v>
      </c>
      <c r="AT6" s="304">
        <v>306</v>
      </c>
      <c r="AU6" s="308">
        <v>327</v>
      </c>
      <c r="AV6" s="305">
        <v>633</v>
      </c>
      <c r="AW6" s="307">
        <v>0</v>
      </c>
      <c r="AX6" s="308">
        <v>1346</v>
      </c>
      <c r="AY6" s="308">
        <v>1638</v>
      </c>
      <c r="AZ6" s="308">
        <v>1391</v>
      </c>
      <c r="BA6" s="308">
        <v>1237</v>
      </c>
      <c r="BB6" s="308">
        <v>799</v>
      </c>
      <c r="BC6" s="309">
        <v>6411</v>
      </c>
      <c r="BD6" s="310">
        <v>7044</v>
      </c>
      <c r="BE6" s="304">
        <v>0</v>
      </c>
      <c r="BF6" s="308">
        <v>0</v>
      </c>
      <c r="BG6" s="305">
        <v>0</v>
      </c>
      <c r="BH6" s="307">
        <v>0</v>
      </c>
      <c r="BI6" s="308">
        <v>1562</v>
      </c>
      <c r="BJ6" s="308">
        <v>1352</v>
      </c>
      <c r="BK6" s="308">
        <v>769</v>
      </c>
      <c r="BL6" s="308">
        <v>351</v>
      </c>
      <c r="BM6" s="308">
        <v>153</v>
      </c>
      <c r="BN6" s="305">
        <v>4187</v>
      </c>
      <c r="BO6" s="310">
        <v>4187</v>
      </c>
      <c r="BP6" s="304">
        <v>122</v>
      </c>
      <c r="BQ6" s="308">
        <v>145</v>
      </c>
      <c r="BR6" s="305">
        <v>267</v>
      </c>
      <c r="BS6" s="307">
        <v>0</v>
      </c>
      <c r="BT6" s="308">
        <v>353</v>
      </c>
      <c r="BU6" s="308">
        <v>487</v>
      </c>
      <c r="BV6" s="308">
        <v>297</v>
      </c>
      <c r="BW6" s="308">
        <v>186</v>
      </c>
      <c r="BX6" s="308">
        <v>48</v>
      </c>
      <c r="BY6" s="305">
        <v>1371</v>
      </c>
      <c r="BZ6" s="310">
        <v>1638</v>
      </c>
      <c r="CA6" s="304">
        <v>2</v>
      </c>
      <c r="CB6" s="308">
        <v>17</v>
      </c>
      <c r="CC6" s="305">
        <v>19</v>
      </c>
      <c r="CD6" s="307">
        <v>0</v>
      </c>
      <c r="CE6" s="308">
        <v>154</v>
      </c>
      <c r="CF6" s="308">
        <v>181</v>
      </c>
      <c r="CG6" s="308">
        <v>281</v>
      </c>
      <c r="CH6" s="308">
        <v>204</v>
      </c>
      <c r="CI6" s="308">
        <v>78</v>
      </c>
      <c r="CJ6" s="305">
        <v>898</v>
      </c>
      <c r="CK6" s="310">
        <v>917</v>
      </c>
      <c r="CL6" s="304">
        <v>0</v>
      </c>
      <c r="CM6" s="308">
        <v>1</v>
      </c>
      <c r="CN6" s="305">
        <v>1</v>
      </c>
      <c r="CO6" s="307">
        <v>0</v>
      </c>
      <c r="CP6" s="308">
        <v>22</v>
      </c>
      <c r="CQ6" s="308">
        <v>38</v>
      </c>
      <c r="CR6" s="308">
        <v>35</v>
      </c>
      <c r="CS6" s="308">
        <v>28</v>
      </c>
      <c r="CT6" s="308">
        <v>24</v>
      </c>
      <c r="CU6" s="305">
        <v>147</v>
      </c>
      <c r="CV6" s="310">
        <v>148</v>
      </c>
      <c r="CW6" s="304">
        <v>0</v>
      </c>
      <c r="CX6" s="308">
        <v>0</v>
      </c>
      <c r="CY6" s="305">
        <v>0</v>
      </c>
      <c r="CZ6" s="307">
        <v>0</v>
      </c>
      <c r="DA6" s="308">
        <v>0</v>
      </c>
      <c r="DB6" s="308">
        <v>0</v>
      </c>
      <c r="DC6" s="308">
        <v>0</v>
      </c>
      <c r="DD6" s="308">
        <v>0</v>
      </c>
      <c r="DE6" s="308">
        <v>0</v>
      </c>
      <c r="DF6" s="305">
        <v>0</v>
      </c>
      <c r="DG6" s="310">
        <v>0</v>
      </c>
      <c r="DH6" s="304">
        <v>0</v>
      </c>
      <c r="DI6" s="308">
        <v>0</v>
      </c>
      <c r="DJ6" s="305">
        <v>0</v>
      </c>
      <c r="DK6" s="307">
        <v>0</v>
      </c>
      <c r="DL6" s="308">
        <v>0</v>
      </c>
      <c r="DM6" s="308">
        <v>0</v>
      </c>
      <c r="DN6" s="308">
        <v>0</v>
      </c>
      <c r="DO6" s="308">
        <v>0</v>
      </c>
      <c r="DP6" s="308">
        <v>0</v>
      </c>
      <c r="DQ6" s="305">
        <v>0</v>
      </c>
      <c r="DR6" s="310">
        <v>0</v>
      </c>
      <c r="DS6" s="304">
        <v>622</v>
      </c>
      <c r="DT6" s="308">
        <v>1188</v>
      </c>
      <c r="DU6" s="305">
        <v>1810</v>
      </c>
      <c r="DV6" s="307">
        <v>0</v>
      </c>
      <c r="DW6" s="308">
        <v>1840</v>
      </c>
      <c r="DX6" s="308">
        <v>3072</v>
      </c>
      <c r="DY6" s="308">
        <v>1863</v>
      </c>
      <c r="DZ6" s="308">
        <v>1342</v>
      </c>
      <c r="EA6" s="308">
        <v>714</v>
      </c>
      <c r="EB6" s="305">
        <v>8831</v>
      </c>
      <c r="EC6" s="310">
        <v>10641</v>
      </c>
      <c r="ED6" s="304">
        <v>197</v>
      </c>
      <c r="EE6" s="308">
        <v>145</v>
      </c>
      <c r="EF6" s="305">
        <v>342</v>
      </c>
      <c r="EG6" s="307">
        <v>0</v>
      </c>
      <c r="EH6" s="308">
        <v>566</v>
      </c>
      <c r="EI6" s="308">
        <v>525</v>
      </c>
      <c r="EJ6" s="308">
        <v>470</v>
      </c>
      <c r="EK6" s="308">
        <v>448</v>
      </c>
      <c r="EL6" s="308">
        <v>244</v>
      </c>
      <c r="EM6" s="305">
        <v>2253</v>
      </c>
      <c r="EN6" s="310">
        <v>2595</v>
      </c>
      <c r="EO6" s="304">
        <v>902</v>
      </c>
      <c r="EP6" s="308">
        <v>1528</v>
      </c>
      <c r="EQ6" s="305">
        <v>2430</v>
      </c>
      <c r="ER6" s="307">
        <v>0</v>
      </c>
      <c r="ES6" s="308">
        <v>4217</v>
      </c>
      <c r="ET6" s="308">
        <v>4229</v>
      </c>
      <c r="EU6" s="308">
        <v>2235</v>
      </c>
      <c r="EV6" s="308">
        <v>1430</v>
      </c>
      <c r="EW6" s="308">
        <v>719</v>
      </c>
      <c r="EX6" s="305">
        <v>12830</v>
      </c>
      <c r="EY6" s="310">
        <v>15260</v>
      </c>
    </row>
    <row r="7" spans="1:155" ht="19.5" customHeight="1" x14ac:dyDescent="0.2">
      <c r="A7" s="296" t="s">
        <v>5</v>
      </c>
      <c r="B7" s="311">
        <v>0</v>
      </c>
      <c r="C7" s="315">
        <v>0</v>
      </c>
      <c r="D7" s="437">
        <v>0</v>
      </c>
      <c r="E7" s="314">
        <v>0</v>
      </c>
      <c r="F7" s="315">
        <v>517</v>
      </c>
      <c r="G7" s="315">
        <v>704</v>
      </c>
      <c r="H7" s="315">
        <v>367</v>
      </c>
      <c r="I7" s="315">
        <v>251</v>
      </c>
      <c r="J7" s="315">
        <v>158</v>
      </c>
      <c r="K7" s="316">
        <v>1997</v>
      </c>
      <c r="L7" s="317">
        <v>1997</v>
      </c>
      <c r="M7" s="311">
        <v>0</v>
      </c>
      <c r="N7" s="315">
        <v>1</v>
      </c>
      <c r="O7" s="312">
        <v>1</v>
      </c>
      <c r="P7" s="314">
        <v>0</v>
      </c>
      <c r="Q7" s="315">
        <v>5</v>
      </c>
      <c r="R7" s="315">
        <v>22</v>
      </c>
      <c r="S7" s="315">
        <v>29</v>
      </c>
      <c r="T7" s="315">
        <v>54</v>
      </c>
      <c r="U7" s="315">
        <v>85</v>
      </c>
      <c r="V7" s="312">
        <v>195</v>
      </c>
      <c r="W7" s="317">
        <v>196</v>
      </c>
      <c r="X7" s="311">
        <v>88</v>
      </c>
      <c r="Y7" s="315">
        <v>204</v>
      </c>
      <c r="Z7" s="312">
        <v>292</v>
      </c>
      <c r="AA7" s="314">
        <v>0</v>
      </c>
      <c r="AB7" s="315">
        <v>337</v>
      </c>
      <c r="AC7" s="315">
        <v>646</v>
      </c>
      <c r="AD7" s="315">
        <v>348</v>
      </c>
      <c r="AE7" s="315">
        <v>262</v>
      </c>
      <c r="AF7" s="315">
        <v>149</v>
      </c>
      <c r="AG7" s="312">
        <v>1742</v>
      </c>
      <c r="AH7" s="317">
        <v>2034</v>
      </c>
      <c r="AI7" s="311">
        <v>11</v>
      </c>
      <c r="AJ7" s="315">
        <v>30</v>
      </c>
      <c r="AK7" s="312">
        <v>41</v>
      </c>
      <c r="AL7" s="314">
        <v>0</v>
      </c>
      <c r="AM7" s="315">
        <v>13</v>
      </c>
      <c r="AN7" s="315">
        <v>52</v>
      </c>
      <c r="AO7" s="315">
        <v>29</v>
      </c>
      <c r="AP7" s="315">
        <v>26</v>
      </c>
      <c r="AQ7" s="315">
        <v>16</v>
      </c>
      <c r="AR7" s="312">
        <v>136</v>
      </c>
      <c r="AS7" s="317">
        <v>177</v>
      </c>
      <c r="AT7" s="311">
        <v>139</v>
      </c>
      <c r="AU7" s="315">
        <v>162</v>
      </c>
      <c r="AV7" s="312">
        <v>301</v>
      </c>
      <c r="AW7" s="314">
        <v>0</v>
      </c>
      <c r="AX7" s="315">
        <v>458</v>
      </c>
      <c r="AY7" s="315">
        <v>771</v>
      </c>
      <c r="AZ7" s="315">
        <v>616</v>
      </c>
      <c r="BA7" s="315">
        <v>523</v>
      </c>
      <c r="BB7" s="315">
        <v>352</v>
      </c>
      <c r="BC7" s="316">
        <v>2720</v>
      </c>
      <c r="BD7" s="317">
        <v>3021</v>
      </c>
      <c r="BE7" s="311">
        <v>0</v>
      </c>
      <c r="BF7" s="315">
        <v>0</v>
      </c>
      <c r="BG7" s="312">
        <v>0</v>
      </c>
      <c r="BH7" s="314">
        <v>0</v>
      </c>
      <c r="BI7" s="315">
        <v>573</v>
      </c>
      <c r="BJ7" s="315">
        <v>600</v>
      </c>
      <c r="BK7" s="315">
        <v>326</v>
      </c>
      <c r="BL7" s="315">
        <v>138</v>
      </c>
      <c r="BM7" s="315">
        <v>57</v>
      </c>
      <c r="BN7" s="312">
        <v>1694</v>
      </c>
      <c r="BO7" s="317">
        <v>1694</v>
      </c>
      <c r="BP7" s="311">
        <v>60</v>
      </c>
      <c r="BQ7" s="315">
        <v>81</v>
      </c>
      <c r="BR7" s="312">
        <v>141</v>
      </c>
      <c r="BS7" s="314">
        <v>0</v>
      </c>
      <c r="BT7" s="315">
        <v>133</v>
      </c>
      <c r="BU7" s="315">
        <v>228</v>
      </c>
      <c r="BV7" s="315">
        <v>155</v>
      </c>
      <c r="BW7" s="315">
        <v>77</v>
      </c>
      <c r="BX7" s="315">
        <v>21</v>
      </c>
      <c r="BY7" s="312">
        <v>614</v>
      </c>
      <c r="BZ7" s="317">
        <v>755</v>
      </c>
      <c r="CA7" s="311">
        <v>1</v>
      </c>
      <c r="CB7" s="315">
        <v>9</v>
      </c>
      <c r="CC7" s="312">
        <v>10</v>
      </c>
      <c r="CD7" s="314">
        <v>0</v>
      </c>
      <c r="CE7" s="315">
        <v>49</v>
      </c>
      <c r="CF7" s="315">
        <v>70</v>
      </c>
      <c r="CG7" s="315">
        <v>117</v>
      </c>
      <c r="CH7" s="315">
        <v>80</v>
      </c>
      <c r="CI7" s="315">
        <v>26</v>
      </c>
      <c r="CJ7" s="312">
        <v>342</v>
      </c>
      <c r="CK7" s="317">
        <v>352</v>
      </c>
      <c r="CL7" s="311">
        <v>0</v>
      </c>
      <c r="CM7" s="315">
        <v>1</v>
      </c>
      <c r="CN7" s="312">
        <v>1</v>
      </c>
      <c r="CO7" s="314">
        <v>0</v>
      </c>
      <c r="CP7" s="315">
        <v>16</v>
      </c>
      <c r="CQ7" s="315">
        <v>26</v>
      </c>
      <c r="CR7" s="315">
        <v>24</v>
      </c>
      <c r="CS7" s="315">
        <v>13</v>
      </c>
      <c r="CT7" s="315">
        <v>16</v>
      </c>
      <c r="CU7" s="312">
        <v>95</v>
      </c>
      <c r="CV7" s="317">
        <v>96</v>
      </c>
      <c r="CW7" s="311">
        <v>0</v>
      </c>
      <c r="CX7" s="315">
        <v>0</v>
      </c>
      <c r="CY7" s="312">
        <v>0</v>
      </c>
      <c r="CZ7" s="314">
        <v>0</v>
      </c>
      <c r="DA7" s="315">
        <v>0</v>
      </c>
      <c r="DB7" s="315">
        <v>0</v>
      </c>
      <c r="DC7" s="315">
        <v>0</v>
      </c>
      <c r="DD7" s="315">
        <v>0</v>
      </c>
      <c r="DE7" s="315">
        <v>0</v>
      </c>
      <c r="DF7" s="312">
        <v>0</v>
      </c>
      <c r="DG7" s="317">
        <v>0</v>
      </c>
      <c r="DH7" s="311">
        <v>0</v>
      </c>
      <c r="DI7" s="315">
        <v>0</v>
      </c>
      <c r="DJ7" s="312">
        <v>0</v>
      </c>
      <c r="DK7" s="314">
        <v>0</v>
      </c>
      <c r="DL7" s="315">
        <v>0</v>
      </c>
      <c r="DM7" s="315">
        <v>0</v>
      </c>
      <c r="DN7" s="315">
        <v>0</v>
      </c>
      <c r="DO7" s="315">
        <v>0</v>
      </c>
      <c r="DP7" s="315">
        <v>0</v>
      </c>
      <c r="DQ7" s="312">
        <v>0</v>
      </c>
      <c r="DR7" s="317">
        <v>0</v>
      </c>
      <c r="DS7" s="311">
        <v>241</v>
      </c>
      <c r="DT7" s="315">
        <v>569</v>
      </c>
      <c r="DU7" s="312">
        <v>810</v>
      </c>
      <c r="DV7" s="314">
        <v>0</v>
      </c>
      <c r="DW7" s="315">
        <v>569</v>
      </c>
      <c r="DX7" s="315">
        <v>1404</v>
      </c>
      <c r="DY7" s="315">
        <v>824</v>
      </c>
      <c r="DZ7" s="315">
        <v>556</v>
      </c>
      <c r="EA7" s="315">
        <v>305</v>
      </c>
      <c r="EB7" s="312">
        <v>3658</v>
      </c>
      <c r="EC7" s="317">
        <v>4468</v>
      </c>
      <c r="ED7" s="311">
        <v>84</v>
      </c>
      <c r="EE7" s="315">
        <v>61</v>
      </c>
      <c r="EF7" s="312">
        <v>145</v>
      </c>
      <c r="EG7" s="314">
        <v>0</v>
      </c>
      <c r="EH7" s="315">
        <v>211</v>
      </c>
      <c r="EI7" s="315">
        <v>247</v>
      </c>
      <c r="EJ7" s="315">
        <v>234</v>
      </c>
      <c r="EK7" s="315">
        <v>200</v>
      </c>
      <c r="EL7" s="315">
        <v>108</v>
      </c>
      <c r="EM7" s="312">
        <v>1000</v>
      </c>
      <c r="EN7" s="317">
        <v>1145</v>
      </c>
      <c r="EO7" s="311">
        <v>379</v>
      </c>
      <c r="EP7" s="315">
        <v>756</v>
      </c>
      <c r="EQ7" s="312">
        <v>1135</v>
      </c>
      <c r="ER7" s="314">
        <v>0</v>
      </c>
      <c r="ES7" s="315">
        <v>1547</v>
      </c>
      <c r="ET7" s="315">
        <v>2020</v>
      </c>
      <c r="EU7" s="315">
        <v>1011</v>
      </c>
      <c r="EV7" s="315">
        <v>617</v>
      </c>
      <c r="EW7" s="315">
        <v>301</v>
      </c>
      <c r="EX7" s="312">
        <v>5496</v>
      </c>
      <c r="EY7" s="317">
        <v>6631</v>
      </c>
    </row>
    <row r="8" spans="1:155" ht="19.5" customHeight="1" x14ac:dyDescent="0.2">
      <c r="A8" s="296" t="s">
        <v>6</v>
      </c>
      <c r="B8" s="311">
        <v>0</v>
      </c>
      <c r="C8" s="315">
        <v>0</v>
      </c>
      <c r="D8" s="437">
        <v>0</v>
      </c>
      <c r="E8" s="314">
        <v>0</v>
      </c>
      <c r="F8" s="315">
        <v>182</v>
      </c>
      <c r="G8" s="315">
        <v>140</v>
      </c>
      <c r="H8" s="315">
        <v>84</v>
      </c>
      <c r="I8" s="315">
        <v>84</v>
      </c>
      <c r="J8" s="315">
        <v>58</v>
      </c>
      <c r="K8" s="316">
        <v>548</v>
      </c>
      <c r="L8" s="317">
        <v>548</v>
      </c>
      <c r="M8" s="311">
        <v>0</v>
      </c>
      <c r="N8" s="315">
        <v>0</v>
      </c>
      <c r="O8" s="312">
        <v>0</v>
      </c>
      <c r="P8" s="314">
        <v>0</v>
      </c>
      <c r="Q8" s="315">
        <v>1</v>
      </c>
      <c r="R8" s="315">
        <v>2</v>
      </c>
      <c r="S8" s="315">
        <v>4</v>
      </c>
      <c r="T8" s="315">
        <v>17</v>
      </c>
      <c r="U8" s="315">
        <v>28</v>
      </c>
      <c r="V8" s="312">
        <v>52</v>
      </c>
      <c r="W8" s="317">
        <v>52</v>
      </c>
      <c r="X8" s="311">
        <v>23</v>
      </c>
      <c r="Y8" s="315">
        <v>39</v>
      </c>
      <c r="Z8" s="312">
        <v>62</v>
      </c>
      <c r="AA8" s="314">
        <v>0</v>
      </c>
      <c r="AB8" s="315">
        <v>137</v>
      </c>
      <c r="AC8" s="315">
        <v>121</v>
      </c>
      <c r="AD8" s="315">
        <v>74</v>
      </c>
      <c r="AE8" s="315">
        <v>81</v>
      </c>
      <c r="AF8" s="315">
        <v>53</v>
      </c>
      <c r="AG8" s="312">
        <v>466</v>
      </c>
      <c r="AH8" s="317">
        <v>528</v>
      </c>
      <c r="AI8" s="311">
        <v>2</v>
      </c>
      <c r="AJ8" s="315">
        <v>1</v>
      </c>
      <c r="AK8" s="312">
        <v>3</v>
      </c>
      <c r="AL8" s="314">
        <v>0</v>
      </c>
      <c r="AM8" s="315">
        <v>11</v>
      </c>
      <c r="AN8" s="315">
        <v>12</v>
      </c>
      <c r="AO8" s="315">
        <v>6</v>
      </c>
      <c r="AP8" s="315">
        <v>7</v>
      </c>
      <c r="AQ8" s="315">
        <v>6</v>
      </c>
      <c r="AR8" s="312">
        <v>42</v>
      </c>
      <c r="AS8" s="317">
        <v>45</v>
      </c>
      <c r="AT8" s="311">
        <v>60</v>
      </c>
      <c r="AU8" s="315">
        <v>38</v>
      </c>
      <c r="AV8" s="312">
        <v>98</v>
      </c>
      <c r="AW8" s="314">
        <v>0</v>
      </c>
      <c r="AX8" s="315">
        <v>219</v>
      </c>
      <c r="AY8" s="315">
        <v>213</v>
      </c>
      <c r="AZ8" s="315">
        <v>191</v>
      </c>
      <c r="BA8" s="315">
        <v>198</v>
      </c>
      <c r="BB8" s="315">
        <v>123</v>
      </c>
      <c r="BC8" s="316">
        <v>944</v>
      </c>
      <c r="BD8" s="317">
        <v>1042</v>
      </c>
      <c r="BE8" s="311">
        <v>0</v>
      </c>
      <c r="BF8" s="315">
        <v>0</v>
      </c>
      <c r="BG8" s="312">
        <v>0</v>
      </c>
      <c r="BH8" s="314">
        <v>0</v>
      </c>
      <c r="BI8" s="315">
        <v>206</v>
      </c>
      <c r="BJ8" s="315">
        <v>154</v>
      </c>
      <c r="BK8" s="315">
        <v>87</v>
      </c>
      <c r="BL8" s="315">
        <v>51</v>
      </c>
      <c r="BM8" s="315">
        <v>22</v>
      </c>
      <c r="BN8" s="312">
        <v>520</v>
      </c>
      <c r="BO8" s="317">
        <v>520</v>
      </c>
      <c r="BP8" s="311">
        <v>5</v>
      </c>
      <c r="BQ8" s="315">
        <v>9</v>
      </c>
      <c r="BR8" s="312">
        <v>14</v>
      </c>
      <c r="BS8" s="314">
        <v>0</v>
      </c>
      <c r="BT8" s="315">
        <v>44</v>
      </c>
      <c r="BU8" s="315">
        <v>50</v>
      </c>
      <c r="BV8" s="315">
        <v>27</v>
      </c>
      <c r="BW8" s="315">
        <v>22</v>
      </c>
      <c r="BX8" s="315">
        <v>10</v>
      </c>
      <c r="BY8" s="312">
        <v>153</v>
      </c>
      <c r="BZ8" s="317">
        <v>167</v>
      </c>
      <c r="CA8" s="311">
        <v>0</v>
      </c>
      <c r="CB8" s="315">
        <v>1</v>
      </c>
      <c r="CC8" s="312">
        <v>1</v>
      </c>
      <c r="CD8" s="314">
        <v>0</v>
      </c>
      <c r="CE8" s="315">
        <v>11</v>
      </c>
      <c r="CF8" s="315">
        <v>18</v>
      </c>
      <c r="CG8" s="315">
        <v>18</v>
      </c>
      <c r="CH8" s="315">
        <v>19</v>
      </c>
      <c r="CI8" s="315">
        <v>11</v>
      </c>
      <c r="CJ8" s="312">
        <v>77</v>
      </c>
      <c r="CK8" s="317">
        <v>78</v>
      </c>
      <c r="CL8" s="311">
        <v>0</v>
      </c>
      <c r="CM8" s="315">
        <v>0</v>
      </c>
      <c r="CN8" s="312">
        <v>0</v>
      </c>
      <c r="CO8" s="314">
        <v>0</v>
      </c>
      <c r="CP8" s="315">
        <v>1</v>
      </c>
      <c r="CQ8" s="315">
        <v>1</v>
      </c>
      <c r="CR8" s="315">
        <v>3</v>
      </c>
      <c r="CS8" s="315">
        <v>6</v>
      </c>
      <c r="CT8" s="315">
        <v>7</v>
      </c>
      <c r="CU8" s="312">
        <v>18</v>
      </c>
      <c r="CV8" s="317">
        <v>18</v>
      </c>
      <c r="CW8" s="311">
        <v>0</v>
      </c>
      <c r="CX8" s="315">
        <v>0</v>
      </c>
      <c r="CY8" s="312">
        <v>0</v>
      </c>
      <c r="CZ8" s="314">
        <v>0</v>
      </c>
      <c r="DA8" s="315">
        <v>0</v>
      </c>
      <c r="DB8" s="315">
        <v>0</v>
      </c>
      <c r="DC8" s="315">
        <v>0</v>
      </c>
      <c r="DD8" s="315">
        <v>0</v>
      </c>
      <c r="DE8" s="315">
        <v>0</v>
      </c>
      <c r="DF8" s="312">
        <v>0</v>
      </c>
      <c r="DG8" s="317">
        <v>0</v>
      </c>
      <c r="DH8" s="311">
        <v>0</v>
      </c>
      <c r="DI8" s="315">
        <v>0</v>
      </c>
      <c r="DJ8" s="312">
        <v>0</v>
      </c>
      <c r="DK8" s="314">
        <v>0</v>
      </c>
      <c r="DL8" s="315">
        <v>0</v>
      </c>
      <c r="DM8" s="315">
        <v>0</v>
      </c>
      <c r="DN8" s="315">
        <v>0</v>
      </c>
      <c r="DO8" s="315">
        <v>0</v>
      </c>
      <c r="DP8" s="315">
        <v>0</v>
      </c>
      <c r="DQ8" s="312">
        <v>0</v>
      </c>
      <c r="DR8" s="317">
        <v>0</v>
      </c>
      <c r="DS8" s="311">
        <v>79</v>
      </c>
      <c r="DT8" s="315">
        <v>117</v>
      </c>
      <c r="DU8" s="312">
        <v>196</v>
      </c>
      <c r="DV8" s="314">
        <v>0</v>
      </c>
      <c r="DW8" s="315">
        <v>300</v>
      </c>
      <c r="DX8" s="315">
        <v>338</v>
      </c>
      <c r="DY8" s="315">
        <v>211</v>
      </c>
      <c r="DZ8" s="315">
        <v>200</v>
      </c>
      <c r="EA8" s="315">
        <v>112</v>
      </c>
      <c r="EB8" s="312">
        <v>1161</v>
      </c>
      <c r="EC8" s="317">
        <v>1357</v>
      </c>
      <c r="ED8" s="311">
        <v>43</v>
      </c>
      <c r="EE8" s="315">
        <v>15</v>
      </c>
      <c r="EF8" s="312">
        <v>58</v>
      </c>
      <c r="EG8" s="314">
        <v>0</v>
      </c>
      <c r="EH8" s="315">
        <v>71</v>
      </c>
      <c r="EI8" s="315">
        <v>64</v>
      </c>
      <c r="EJ8" s="315">
        <v>51</v>
      </c>
      <c r="EK8" s="315">
        <v>60</v>
      </c>
      <c r="EL8" s="315">
        <v>28</v>
      </c>
      <c r="EM8" s="312">
        <v>274</v>
      </c>
      <c r="EN8" s="317">
        <v>332</v>
      </c>
      <c r="EO8" s="311">
        <v>102</v>
      </c>
      <c r="EP8" s="315">
        <v>150</v>
      </c>
      <c r="EQ8" s="312">
        <v>252</v>
      </c>
      <c r="ER8" s="314">
        <v>0</v>
      </c>
      <c r="ES8" s="315">
        <v>582</v>
      </c>
      <c r="ET8" s="315">
        <v>450</v>
      </c>
      <c r="EU8" s="315">
        <v>246</v>
      </c>
      <c r="EV8" s="315">
        <v>197</v>
      </c>
      <c r="EW8" s="315">
        <v>114</v>
      </c>
      <c r="EX8" s="312">
        <v>1589</v>
      </c>
      <c r="EY8" s="317">
        <v>1841</v>
      </c>
    </row>
    <row r="9" spans="1:155" ht="19.5" customHeight="1" x14ac:dyDescent="0.2">
      <c r="A9" s="296" t="s">
        <v>14</v>
      </c>
      <c r="B9" s="311">
        <v>0</v>
      </c>
      <c r="C9" s="315">
        <v>0</v>
      </c>
      <c r="D9" s="437">
        <v>0</v>
      </c>
      <c r="E9" s="314">
        <v>0</v>
      </c>
      <c r="F9" s="315">
        <v>77</v>
      </c>
      <c r="G9" s="315">
        <v>91</v>
      </c>
      <c r="H9" s="315">
        <v>40</v>
      </c>
      <c r="I9" s="315">
        <v>20</v>
      </c>
      <c r="J9" s="315">
        <v>25</v>
      </c>
      <c r="K9" s="316">
        <v>253</v>
      </c>
      <c r="L9" s="317">
        <v>253</v>
      </c>
      <c r="M9" s="311">
        <v>0</v>
      </c>
      <c r="N9" s="315">
        <v>0</v>
      </c>
      <c r="O9" s="312">
        <v>0</v>
      </c>
      <c r="P9" s="314">
        <v>0</v>
      </c>
      <c r="Q9" s="315">
        <v>0</v>
      </c>
      <c r="R9" s="315">
        <v>1</v>
      </c>
      <c r="S9" s="315">
        <v>3</v>
      </c>
      <c r="T9" s="315">
        <v>5</v>
      </c>
      <c r="U9" s="315">
        <v>7</v>
      </c>
      <c r="V9" s="312">
        <v>16</v>
      </c>
      <c r="W9" s="317">
        <v>16</v>
      </c>
      <c r="X9" s="311">
        <v>7</v>
      </c>
      <c r="Y9" s="315">
        <v>29</v>
      </c>
      <c r="Z9" s="312">
        <v>36</v>
      </c>
      <c r="AA9" s="314">
        <v>0</v>
      </c>
      <c r="AB9" s="315">
        <v>59</v>
      </c>
      <c r="AC9" s="315">
        <v>75</v>
      </c>
      <c r="AD9" s="315">
        <v>52</v>
      </c>
      <c r="AE9" s="315">
        <v>36</v>
      </c>
      <c r="AF9" s="315">
        <v>24</v>
      </c>
      <c r="AG9" s="312">
        <v>246</v>
      </c>
      <c r="AH9" s="317">
        <v>282</v>
      </c>
      <c r="AI9" s="311">
        <v>1</v>
      </c>
      <c r="AJ9" s="315">
        <v>3</v>
      </c>
      <c r="AK9" s="312">
        <v>4</v>
      </c>
      <c r="AL9" s="314">
        <v>0</v>
      </c>
      <c r="AM9" s="315">
        <v>1</v>
      </c>
      <c r="AN9" s="315">
        <v>1</v>
      </c>
      <c r="AO9" s="315">
        <v>3</v>
      </c>
      <c r="AP9" s="315">
        <v>3</v>
      </c>
      <c r="AQ9" s="315">
        <v>1</v>
      </c>
      <c r="AR9" s="312">
        <v>9</v>
      </c>
      <c r="AS9" s="317">
        <v>13</v>
      </c>
      <c r="AT9" s="311">
        <v>16</v>
      </c>
      <c r="AU9" s="315">
        <v>24</v>
      </c>
      <c r="AV9" s="312">
        <v>40</v>
      </c>
      <c r="AW9" s="314">
        <v>0</v>
      </c>
      <c r="AX9" s="315">
        <v>105</v>
      </c>
      <c r="AY9" s="315">
        <v>115</v>
      </c>
      <c r="AZ9" s="315">
        <v>94</v>
      </c>
      <c r="BA9" s="315">
        <v>67</v>
      </c>
      <c r="BB9" s="315">
        <v>57</v>
      </c>
      <c r="BC9" s="316">
        <v>438</v>
      </c>
      <c r="BD9" s="317">
        <v>478</v>
      </c>
      <c r="BE9" s="311">
        <v>0</v>
      </c>
      <c r="BF9" s="315">
        <v>0</v>
      </c>
      <c r="BG9" s="312">
        <v>0</v>
      </c>
      <c r="BH9" s="314">
        <v>0</v>
      </c>
      <c r="BI9" s="315">
        <v>112</v>
      </c>
      <c r="BJ9" s="315">
        <v>102</v>
      </c>
      <c r="BK9" s="315">
        <v>60</v>
      </c>
      <c r="BL9" s="315">
        <v>37</v>
      </c>
      <c r="BM9" s="315">
        <v>14</v>
      </c>
      <c r="BN9" s="312">
        <v>325</v>
      </c>
      <c r="BO9" s="317">
        <v>325</v>
      </c>
      <c r="BP9" s="311">
        <v>6</v>
      </c>
      <c r="BQ9" s="315">
        <v>12</v>
      </c>
      <c r="BR9" s="312">
        <v>18</v>
      </c>
      <c r="BS9" s="314">
        <v>0</v>
      </c>
      <c r="BT9" s="315">
        <v>6</v>
      </c>
      <c r="BU9" s="315">
        <v>27</v>
      </c>
      <c r="BV9" s="315">
        <v>21</v>
      </c>
      <c r="BW9" s="315">
        <v>7</v>
      </c>
      <c r="BX9" s="315">
        <v>3</v>
      </c>
      <c r="BY9" s="312">
        <v>64</v>
      </c>
      <c r="BZ9" s="317">
        <v>82</v>
      </c>
      <c r="CA9" s="311">
        <v>0</v>
      </c>
      <c r="CB9" s="315">
        <v>0</v>
      </c>
      <c r="CC9" s="312">
        <v>0</v>
      </c>
      <c r="CD9" s="314">
        <v>0</v>
      </c>
      <c r="CE9" s="315">
        <v>11</v>
      </c>
      <c r="CF9" s="315">
        <v>8</v>
      </c>
      <c r="CG9" s="315">
        <v>23</v>
      </c>
      <c r="CH9" s="315">
        <v>16</v>
      </c>
      <c r="CI9" s="315">
        <v>8</v>
      </c>
      <c r="CJ9" s="312">
        <v>66</v>
      </c>
      <c r="CK9" s="317">
        <v>66</v>
      </c>
      <c r="CL9" s="311">
        <v>0</v>
      </c>
      <c r="CM9" s="315">
        <v>0</v>
      </c>
      <c r="CN9" s="312">
        <v>0</v>
      </c>
      <c r="CO9" s="314">
        <v>0</v>
      </c>
      <c r="CP9" s="315">
        <v>1</v>
      </c>
      <c r="CQ9" s="315">
        <v>0</v>
      </c>
      <c r="CR9" s="315">
        <v>1</v>
      </c>
      <c r="CS9" s="315">
        <v>0</v>
      </c>
      <c r="CT9" s="315">
        <v>0</v>
      </c>
      <c r="CU9" s="312">
        <v>2</v>
      </c>
      <c r="CV9" s="317">
        <v>2</v>
      </c>
      <c r="CW9" s="311">
        <v>0</v>
      </c>
      <c r="CX9" s="315">
        <v>0</v>
      </c>
      <c r="CY9" s="312">
        <v>0</v>
      </c>
      <c r="CZ9" s="314">
        <v>0</v>
      </c>
      <c r="DA9" s="315">
        <v>0</v>
      </c>
      <c r="DB9" s="315">
        <v>0</v>
      </c>
      <c r="DC9" s="315">
        <v>0</v>
      </c>
      <c r="DD9" s="315">
        <v>0</v>
      </c>
      <c r="DE9" s="315">
        <v>0</v>
      </c>
      <c r="DF9" s="312">
        <v>0</v>
      </c>
      <c r="DG9" s="317">
        <v>0</v>
      </c>
      <c r="DH9" s="311">
        <v>0</v>
      </c>
      <c r="DI9" s="315">
        <v>0</v>
      </c>
      <c r="DJ9" s="312">
        <v>0</v>
      </c>
      <c r="DK9" s="314">
        <v>0</v>
      </c>
      <c r="DL9" s="315">
        <v>0</v>
      </c>
      <c r="DM9" s="315">
        <v>0</v>
      </c>
      <c r="DN9" s="315">
        <v>0</v>
      </c>
      <c r="DO9" s="315">
        <v>0</v>
      </c>
      <c r="DP9" s="315">
        <v>0</v>
      </c>
      <c r="DQ9" s="312">
        <v>0</v>
      </c>
      <c r="DR9" s="317">
        <v>0</v>
      </c>
      <c r="DS9" s="311">
        <v>38</v>
      </c>
      <c r="DT9" s="315">
        <v>97</v>
      </c>
      <c r="DU9" s="312">
        <v>135</v>
      </c>
      <c r="DV9" s="314">
        <v>0</v>
      </c>
      <c r="DW9" s="315">
        <v>120</v>
      </c>
      <c r="DX9" s="315">
        <v>230</v>
      </c>
      <c r="DY9" s="315">
        <v>143</v>
      </c>
      <c r="DZ9" s="315">
        <v>94</v>
      </c>
      <c r="EA9" s="315">
        <v>47</v>
      </c>
      <c r="EB9" s="312">
        <v>634</v>
      </c>
      <c r="EC9" s="317">
        <v>769</v>
      </c>
      <c r="ED9" s="311">
        <v>14</v>
      </c>
      <c r="EE9" s="315">
        <v>10</v>
      </c>
      <c r="EF9" s="312">
        <v>24</v>
      </c>
      <c r="EG9" s="314">
        <v>0</v>
      </c>
      <c r="EH9" s="315">
        <v>41</v>
      </c>
      <c r="EI9" s="315">
        <v>33</v>
      </c>
      <c r="EJ9" s="315">
        <v>24</v>
      </c>
      <c r="EK9" s="315">
        <v>22</v>
      </c>
      <c r="EL9" s="315">
        <v>18</v>
      </c>
      <c r="EM9" s="312">
        <v>138</v>
      </c>
      <c r="EN9" s="317">
        <v>162</v>
      </c>
      <c r="EO9" s="311">
        <v>49</v>
      </c>
      <c r="EP9" s="315">
        <v>119</v>
      </c>
      <c r="EQ9" s="312">
        <v>168</v>
      </c>
      <c r="ER9" s="314">
        <v>0</v>
      </c>
      <c r="ES9" s="315">
        <v>289</v>
      </c>
      <c r="ET9" s="315">
        <v>306</v>
      </c>
      <c r="EU9" s="315">
        <v>175</v>
      </c>
      <c r="EV9" s="315">
        <v>98</v>
      </c>
      <c r="EW9" s="315">
        <v>46</v>
      </c>
      <c r="EX9" s="312">
        <v>914</v>
      </c>
      <c r="EY9" s="317">
        <v>1082</v>
      </c>
    </row>
    <row r="10" spans="1:155" ht="19.5" customHeight="1" x14ac:dyDescent="0.2">
      <c r="A10" s="296" t="s">
        <v>7</v>
      </c>
      <c r="B10" s="311">
        <v>0</v>
      </c>
      <c r="C10" s="315">
        <v>0</v>
      </c>
      <c r="D10" s="437">
        <v>0</v>
      </c>
      <c r="E10" s="314">
        <v>0</v>
      </c>
      <c r="F10" s="315">
        <v>114</v>
      </c>
      <c r="G10" s="315">
        <v>94</v>
      </c>
      <c r="H10" s="315">
        <v>58</v>
      </c>
      <c r="I10" s="315">
        <v>33</v>
      </c>
      <c r="J10" s="315">
        <v>20</v>
      </c>
      <c r="K10" s="316">
        <v>319</v>
      </c>
      <c r="L10" s="317">
        <v>319</v>
      </c>
      <c r="M10" s="311">
        <v>0</v>
      </c>
      <c r="N10" s="315">
        <v>0</v>
      </c>
      <c r="O10" s="312">
        <v>0</v>
      </c>
      <c r="P10" s="314">
        <v>0</v>
      </c>
      <c r="Q10" s="315">
        <v>1</v>
      </c>
      <c r="R10" s="315">
        <v>2</v>
      </c>
      <c r="S10" s="315">
        <v>7</v>
      </c>
      <c r="T10" s="315">
        <v>8</v>
      </c>
      <c r="U10" s="315">
        <v>11</v>
      </c>
      <c r="V10" s="312">
        <v>29</v>
      </c>
      <c r="W10" s="317">
        <v>29</v>
      </c>
      <c r="X10" s="311">
        <v>1</v>
      </c>
      <c r="Y10" s="315">
        <v>4</v>
      </c>
      <c r="Z10" s="312">
        <v>5</v>
      </c>
      <c r="AA10" s="314">
        <v>0</v>
      </c>
      <c r="AB10" s="315">
        <v>50</v>
      </c>
      <c r="AC10" s="315">
        <v>38</v>
      </c>
      <c r="AD10" s="315">
        <v>32</v>
      </c>
      <c r="AE10" s="315">
        <v>23</v>
      </c>
      <c r="AF10" s="315">
        <v>10</v>
      </c>
      <c r="AG10" s="312">
        <v>153</v>
      </c>
      <c r="AH10" s="317">
        <v>158</v>
      </c>
      <c r="AI10" s="311">
        <v>0</v>
      </c>
      <c r="AJ10" s="315">
        <v>1</v>
      </c>
      <c r="AK10" s="312">
        <v>1</v>
      </c>
      <c r="AL10" s="314">
        <v>0</v>
      </c>
      <c r="AM10" s="315">
        <v>1</v>
      </c>
      <c r="AN10" s="315">
        <v>2</v>
      </c>
      <c r="AO10" s="315">
        <v>2</v>
      </c>
      <c r="AP10" s="315">
        <v>5</v>
      </c>
      <c r="AQ10" s="315">
        <v>0</v>
      </c>
      <c r="AR10" s="312">
        <v>10</v>
      </c>
      <c r="AS10" s="317">
        <v>11</v>
      </c>
      <c r="AT10" s="311">
        <v>15</v>
      </c>
      <c r="AU10" s="315">
        <v>9</v>
      </c>
      <c r="AV10" s="312">
        <v>24</v>
      </c>
      <c r="AW10" s="314">
        <v>0</v>
      </c>
      <c r="AX10" s="315">
        <v>123</v>
      </c>
      <c r="AY10" s="315">
        <v>102</v>
      </c>
      <c r="AZ10" s="315">
        <v>106</v>
      </c>
      <c r="BA10" s="315">
        <v>77</v>
      </c>
      <c r="BB10" s="315">
        <v>41</v>
      </c>
      <c r="BC10" s="316">
        <v>449</v>
      </c>
      <c r="BD10" s="317">
        <v>473</v>
      </c>
      <c r="BE10" s="311">
        <v>0</v>
      </c>
      <c r="BF10" s="315">
        <v>0</v>
      </c>
      <c r="BG10" s="312">
        <v>0</v>
      </c>
      <c r="BH10" s="314">
        <v>0</v>
      </c>
      <c r="BI10" s="315">
        <v>132</v>
      </c>
      <c r="BJ10" s="315">
        <v>102</v>
      </c>
      <c r="BK10" s="315">
        <v>52</v>
      </c>
      <c r="BL10" s="315">
        <v>23</v>
      </c>
      <c r="BM10" s="315">
        <v>6</v>
      </c>
      <c r="BN10" s="312">
        <v>315</v>
      </c>
      <c r="BO10" s="317">
        <v>315</v>
      </c>
      <c r="BP10" s="311">
        <v>5</v>
      </c>
      <c r="BQ10" s="315">
        <v>1</v>
      </c>
      <c r="BR10" s="312">
        <v>6</v>
      </c>
      <c r="BS10" s="314">
        <v>0</v>
      </c>
      <c r="BT10" s="315">
        <v>25</v>
      </c>
      <c r="BU10" s="315">
        <v>16</v>
      </c>
      <c r="BV10" s="315">
        <v>14</v>
      </c>
      <c r="BW10" s="315">
        <v>6</v>
      </c>
      <c r="BX10" s="315">
        <v>1</v>
      </c>
      <c r="BY10" s="312">
        <v>62</v>
      </c>
      <c r="BZ10" s="317">
        <v>68</v>
      </c>
      <c r="CA10" s="311">
        <v>0</v>
      </c>
      <c r="CB10" s="315">
        <v>1</v>
      </c>
      <c r="CC10" s="312">
        <v>1</v>
      </c>
      <c r="CD10" s="314">
        <v>0</v>
      </c>
      <c r="CE10" s="315">
        <v>18</v>
      </c>
      <c r="CF10" s="315">
        <v>16</v>
      </c>
      <c r="CG10" s="315">
        <v>16</v>
      </c>
      <c r="CH10" s="315">
        <v>9</v>
      </c>
      <c r="CI10" s="315">
        <v>6</v>
      </c>
      <c r="CJ10" s="312">
        <v>65</v>
      </c>
      <c r="CK10" s="317">
        <v>66</v>
      </c>
      <c r="CL10" s="311">
        <v>0</v>
      </c>
      <c r="CM10" s="315">
        <v>0</v>
      </c>
      <c r="CN10" s="312">
        <v>0</v>
      </c>
      <c r="CO10" s="314">
        <v>0</v>
      </c>
      <c r="CP10" s="315">
        <v>0</v>
      </c>
      <c r="CQ10" s="315">
        <v>0</v>
      </c>
      <c r="CR10" s="315">
        <v>0</v>
      </c>
      <c r="CS10" s="315">
        <v>1</v>
      </c>
      <c r="CT10" s="315">
        <v>0</v>
      </c>
      <c r="CU10" s="312">
        <v>1</v>
      </c>
      <c r="CV10" s="317">
        <v>1</v>
      </c>
      <c r="CW10" s="311">
        <v>0</v>
      </c>
      <c r="CX10" s="315">
        <v>0</v>
      </c>
      <c r="CY10" s="312">
        <v>0</v>
      </c>
      <c r="CZ10" s="314">
        <v>0</v>
      </c>
      <c r="DA10" s="315">
        <v>0</v>
      </c>
      <c r="DB10" s="315">
        <v>0</v>
      </c>
      <c r="DC10" s="315">
        <v>0</v>
      </c>
      <c r="DD10" s="315">
        <v>0</v>
      </c>
      <c r="DE10" s="315">
        <v>0</v>
      </c>
      <c r="DF10" s="312">
        <v>0</v>
      </c>
      <c r="DG10" s="317">
        <v>0</v>
      </c>
      <c r="DH10" s="311">
        <v>0</v>
      </c>
      <c r="DI10" s="315">
        <v>0</v>
      </c>
      <c r="DJ10" s="312">
        <v>0</v>
      </c>
      <c r="DK10" s="314">
        <v>0</v>
      </c>
      <c r="DL10" s="315">
        <v>0</v>
      </c>
      <c r="DM10" s="315">
        <v>0</v>
      </c>
      <c r="DN10" s="315">
        <v>0</v>
      </c>
      <c r="DO10" s="315">
        <v>0</v>
      </c>
      <c r="DP10" s="315">
        <v>0</v>
      </c>
      <c r="DQ10" s="312">
        <v>0</v>
      </c>
      <c r="DR10" s="317">
        <v>0</v>
      </c>
      <c r="DS10" s="311">
        <v>18</v>
      </c>
      <c r="DT10" s="315">
        <v>38</v>
      </c>
      <c r="DU10" s="312">
        <v>56</v>
      </c>
      <c r="DV10" s="314">
        <v>0</v>
      </c>
      <c r="DW10" s="315">
        <v>146</v>
      </c>
      <c r="DX10" s="315">
        <v>205</v>
      </c>
      <c r="DY10" s="315">
        <v>114</v>
      </c>
      <c r="DZ10" s="315">
        <v>71</v>
      </c>
      <c r="EA10" s="315">
        <v>32</v>
      </c>
      <c r="EB10" s="312">
        <v>568</v>
      </c>
      <c r="EC10" s="317">
        <v>624</v>
      </c>
      <c r="ED10" s="311">
        <v>9</v>
      </c>
      <c r="EE10" s="315">
        <v>5</v>
      </c>
      <c r="EF10" s="312">
        <v>14</v>
      </c>
      <c r="EG10" s="314">
        <v>0</v>
      </c>
      <c r="EH10" s="315">
        <v>53</v>
      </c>
      <c r="EI10" s="315">
        <v>40</v>
      </c>
      <c r="EJ10" s="315">
        <v>32</v>
      </c>
      <c r="EK10" s="315">
        <v>32</v>
      </c>
      <c r="EL10" s="315">
        <v>13</v>
      </c>
      <c r="EM10" s="312">
        <v>170</v>
      </c>
      <c r="EN10" s="317">
        <v>184</v>
      </c>
      <c r="EO10" s="311">
        <v>24</v>
      </c>
      <c r="EP10" s="315">
        <v>43</v>
      </c>
      <c r="EQ10" s="312">
        <v>67</v>
      </c>
      <c r="ER10" s="314">
        <v>0</v>
      </c>
      <c r="ES10" s="315">
        <v>345</v>
      </c>
      <c r="ET10" s="315">
        <v>272</v>
      </c>
      <c r="EU10" s="315">
        <v>140</v>
      </c>
      <c r="EV10" s="315">
        <v>76</v>
      </c>
      <c r="EW10" s="315">
        <v>34</v>
      </c>
      <c r="EX10" s="312">
        <v>867</v>
      </c>
      <c r="EY10" s="317">
        <v>934</v>
      </c>
    </row>
    <row r="11" spans="1:155" ht="19.5" customHeight="1" x14ac:dyDescent="0.2">
      <c r="A11" s="296" t="s">
        <v>8</v>
      </c>
      <c r="B11" s="311">
        <v>0</v>
      </c>
      <c r="C11" s="315">
        <v>0</v>
      </c>
      <c r="D11" s="437">
        <v>0</v>
      </c>
      <c r="E11" s="314">
        <v>0</v>
      </c>
      <c r="F11" s="315">
        <v>25</v>
      </c>
      <c r="G11" s="315">
        <v>32</v>
      </c>
      <c r="H11" s="315">
        <v>22</v>
      </c>
      <c r="I11" s="315">
        <v>8</v>
      </c>
      <c r="J11" s="315">
        <v>8</v>
      </c>
      <c r="K11" s="316">
        <v>95</v>
      </c>
      <c r="L11" s="317">
        <v>95</v>
      </c>
      <c r="M11" s="311">
        <v>0</v>
      </c>
      <c r="N11" s="315">
        <v>0</v>
      </c>
      <c r="O11" s="312">
        <v>0</v>
      </c>
      <c r="P11" s="314">
        <v>0</v>
      </c>
      <c r="Q11" s="315">
        <v>0</v>
      </c>
      <c r="R11" s="315">
        <v>1</v>
      </c>
      <c r="S11" s="315">
        <v>2</v>
      </c>
      <c r="T11" s="315">
        <v>4</v>
      </c>
      <c r="U11" s="315">
        <v>6</v>
      </c>
      <c r="V11" s="312">
        <v>13</v>
      </c>
      <c r="W11" s="317">
        <v>13</v>
      </c>
      <c r="X11" s="311">
        <v>2</v>
      </c>
      <c r="Y11" s="315">
        <v>8</v>
      </c>
      <c r="Z11" s="312">
        <v>10</v>
      </c>
      <c r="AA11" s="314">
        <v>0</v>
      </c>
      <c r="AB11" s="315">
        <v>21</v>
      </c>
      <c r="AC11" s="315">
        <v>21</v>
      </c>
      <c r="AD11" s="315">
        <v>17</v>
      </c>
      <c r="AE11" s="315">
        <v>17</v>
      </c>
      <c r="AF11" s="315">
        <v>9</v>
      </c>
      <c r="AG11" s="312">
        <v>85</v>
      </c>
      <c r="AH11" s="317">
        <v>95</v>
      </c>
      <c r="AI11" s="311">
        <v>0</v>
      </c>
      <c r="AJ11" s="315">
        <v>1</v>
      </c>
      <c r="AK11" s="312">
        <v>1</v>
      </c>
      <c r="AL11" s="314">
        <v>0</v>
      </c>
      <c r="AM11" s="315">
        <v>1</v>
      </c>
      <c r="AN11" s="315">
        <v>4</v>
      </c>
      <c r="AO11" s="315">
        <v>9</v>
      </c>
      <c r="AP11" s="315">
        <v>4</v>
      </c>
      <c r="AQ11" s="315">
        <v>2</v>
      </c>
      <c r="AR11" s="312">
        <v>20</v>
      </c>
      <c r="AS11" s="317">
        <v>21</v>
      </c>
      <c r="AT11" s="311">
        <v>7</v>
      </c>
      <c r="AU11" s="315">
        <v>7</v>
      </c>
      <c r="AV11" s="312">
        <v>14</v>
      </c>
      <c r="AW11" s="314">
        <v>0</v>
      </c>
      <c r="AX11" s="315">
        <v>32</v>
      </c>
      <c r="AY11" s="315">
        <v>36</v>
      </c>
      <c r="AZ11" s="315">
        <v>31</v>
      </c>
      <c r="BA11" s="315">
        <v>29</v>
      </c>
      <c r="BB11" s="315">
        <v>16</v>
      </c>
      <c r="BC11" s="316">
        <v>144</v>
      </c>
      <c r="BD11" s="317">
        <v>158</v>
      </c>
      <c r="BE11" s="311">
        <v>0</v>
      </c>
      <c r="BF11" s="315">
        <v>0</v>
      </c>
      <c r="BG11" s="312">
        <v>0</v>
      </c>
      <c r="BH11" s="314">
        <v>0</v>
      </c>
      <c r="BI11" s="315">
        <v>35</v>
      </c>
      <c r="BJ11" s="315">
        <v>37</v>
      </c>
      <c r="BK11" s="315">
        <v>19</v>
      </c>
      <c r="BL11" s="315">
        <v>9</v>
      </c>
      <c r="BM11" s="315">
        <v>3</v>
      </c>
      <c r="BN11" s="312">
        <v>103</v>
      </c>
      <c r="BO11" s="317">
        <v>103</v>
      </c>
      <c r="BP11" s="311">
        <v>7</v>
      </c>
      <c r="BQ11" s="315">
        <v>2</v>
      </c>
      <c r="BR11" s="312">
        <v>9</v>
      </c>
      <c r="BS11" s="314">
        <v>0</v>
      </c>
      <c r="BT11" s="315">
        <v>5</v>
      </c>
      <c r="BU11" s="315">
        <v>7</v>
      </c>
      <c r="BV11" s="315">
        <v>4</v>
      </c>
      <c r="BW11" s="315">
        <v>4</v>
      </c>
      <c r="BX11" s="315">
        <v>0</v>
      </c>
      <c r="BY11" s="312">
        <v>20</v>
      </c>
      <c r="BZ11" s="317">
        <v>29</v>
      </c>
      <c r="CA11" s="311">
        <v>0</v>
      </c>
      <c r="CB11" s="315">
        <v>1</v>
      </c>
      <c r="CC11" s="312">
        <v>1</v>
      </c>
      <c r="CD11" s="314">
        <v>0</v>
      </c>
      <c r="CE11" s="315">
        <v>6</v>
      </c>
      <c r="CF11" s="315">
        <v>8</v>
      </c>
      <c r="CG11" s="315">
        <v>11</v>
      </c>
      <c r="CH11" s="315">
        <v>5</v>
      </c>
      <c r="CI11" s="315">
        <v>3</v>
      </c>
      <c r="CJ11" s="312">
        <v>33</v>
      </c>
      <c r="CK11" s="317">
        <v>34</v>
      </c>
      <c r="CL11" s="311">
        <v>0</v>
      </c>
      <c r="CM11" s="315">
        <v>0</v>
      </c>
      <c r="CN11" s="312">
        <v>0</v>
      </c>
      <c r="CO11" s="314">
        <v>0</v>
      </c>
      <c r="CP11" s="315">
        <v>0</v>
      </c>
      <c r="CQ11" s="315">
        <v>0</v>
      </c>
      <c r="CR11" s="315">
        <v>1</v>
      </c>
      <c r="CS11" s="315">
        <v>0</v>
      </c>
      <c r="CT11" s="315">
        <v>0</v>
      </c>
      <c r="CU11" s="312">
        <v>1</v>
      </c>
      <c r="CV11" s="317">
        <v>1</v>
      </c>
      <c r="CW11" s="311">
        <v>0</v>
      </c>
      <c r="CX11" s="315">
        <v>0</v>
      </c>
      <c r="CY11" s="312">
        <v>0</v>
      </c>
      <c r="CZ11" s="314">
        <v>0</v>
      </c>
      <c r="DA11" s="315">
        <v>0</v>
      </c>
      <c r="DB11" s="315">
        <v>0</v>
      </c>
      <c r="DC11" s="315">
        <v>0</v>
      </c>
      <c r="DD11" s="315">
        <v>0</v>
      </c>
      <c r="DE11" s="315">
        <v>0</v>
      </c>
      <c r="DF11" s="312">
        <v>0</v>
      </c>
      <c r="DG11" s="317">
        <v>0</v>
      </c>
      <c r="DH11" s="311">
        <v>0</v>
      </c>
      <c r="DI11" s="315">
        <v>0</v>
      </c>
      <c r="DJ11" s="312">
        <v>0</v>
      </c>
      <c r="DK11" s="314">
        <v>0</v>
      </c>
      <c r="DL11" s="315">
        <v>0</v>
      </c>
      <c r="DM11" s="315">
        <v>0</v>
      </c>
      <c r="DN11" s="315">
        <v>0</v>
      </c>
      <c r="DO11" s="315">
        <v>0</v>
      </c>
      <c r="DP11" s="315">
        <v>0</v>
      </c>
      <c r="DQ11" s="312">
        <v>0</v>
      </c>
      <c r="DR11" s="317">
        <v>0</v>
      </c>
      <c r="DS11" s="311">
        <v>24</v>
      </c>
      <c r="DT11" s="315">
        <v>15</v>
      </c>
      <c r="DU11" s="312">
        <v>39</v>
      </c>
      <c r="DV11" s="314">
        <v>0</v>
      </c>
      <c r="DW11" s="315">
        <v>55</v>
      </c>
      <c r="DX11" s="315">
        <v>87</v>
      </c>
      <c r="DY11" s="315">
        <v>56</v>
      </c>
      <c r="DZ11" s="315">
        <v>33</v>
      </c>
      <c r="EA11" s="315">
        <v>21</v>
      </c>
      <c r="EB11" s="312">
        <v>252</v>
      </c>
      <c r="EC11" s="317">
        <v>291</v>
      </c>
      <c r="ED11" s="311">
        <v>5</v>
      </c>
      <c r="EE11" s="315">
        <v>6</v>
      </c>
      <c r="EF11" s="312">
        <v>11</v>
      </c>
      <c r="EG11" s="314">
        <v>0</v>
      </c>
      <c r="EH11" s="315">
        <v>12</v>
      </c>
      <c r="EI11" s="315">
        <v>10</v>
      </c>
      <c r="EJ11" s="315">
        <v>8</v>
      </c>
      <c r="EK11" s="315">
        <v>9</v>
      </c>
      <c r="EL11" s="315">
        <v>5</v>
      </c>
      <c r="EM11" s="312">
        <v>44</v>
      </c>
      <c r="EN11" s="317">
        <v>55</v>
      </c>
      <c r="EO11" s="311">
        <v>31</v>
      </c>
      <c r="EP11" s="315">
        <v>25</v>
      </c>
      <c r="EQ11" s="312">
        <v>56</v>
      </c>
      <c r="ER11" s="314">
        <v>0</v>
      </c>
      <c r="ES11" s="315">
        <v>103</v>
      </c>
      <c r="ET11" s="315">
        <v>111</v>
      </c>
      <c r="EU11" s="315">
        <v>62</v>
      </c>
      <c r="EV11" s="315">
        <v>33</v>
      </c>
      <c r="EW11" s="315">
        <v>20</v>
      </c>
      <c r="EX11" s="312">
        <v>329</v>
      </c>
      <c r="EY11" s="317">
        <v>385</v>
      </c>
    </row>
    <row r="12" spans="1:155" ht="19.5" customHeight="1" x14ac:dyDescent="0.2">
      <c r="A12" s="296" t="s">
        <v>9</v>
      </c>
      <c r="B12" s="311">
        <v>0</v>
      </c>
      <c r="C12" s="315">
        <v>0</v>
      </c>
      <c r="D12" s="437">
        <v>0</v>
      </c>
      <c r="E12" s="314">
        <v>0</v>
      </c>
      <c r="F12" s="315">
        <v>56</v>
      </c>
      <c r="G12" s="315">
        <v>52</v>
      </c>
      <c r="H12" s="315">
        <v>31</v>
      </c>
      <c r="I12" s="315">
        <v>28</v>
      </c>
      <c r="J12" s="315">
        <v>18</v>
      </c>
      <c r="K12" s="316">
        <v>185</v>
      </c>
      <c r="L12" s="317">
        <v>185</v>
      </c>
      <c r="M12" s="311">
        <v>0</v>
      </c>
      <c r="N12" s="315">
        <v>0</v>
      </c>
      <c r="O12" s="312">
        <v>0</v>
      </c>
      <c r="P12" s="314">
        <v>0</v>
      </c>
      <c r="Q12" s="315">
        <v>1</v>
      </c>
      <c r="R12" s="315">
        <v>0</v>
      </c>
      <c r="S12" s="315">
        <v>1</v>
      </c>
      <c r="T12" s="315">
        <v>2</v>
      </c>
      <c r="U12" s="315">
        <v>8</v>
      </c>
      <c r="V12" s="312">
        <v>12</v>
      </c>
      <c r="W12" s="317">
        <v>12</v>
      </c>
      <c r="X12" s="311">
        <v>1</v>
      </c>
      <c r="Y12" s="315">
        <v>7</v>
      </c>
      <c r="Z12" s="312">
        <v>8</v>
      </c>
      <c r="AA12" s="314">
        <v>0</v>
      </c>
      <c r="AB12" s="315">
        <v>35</v>
      </c>
      <c r="AC12" s="315">
        <v>25</v>
      </c>
      <c r="AD12" s="315">
        <v>21</v>
      </c>
      <c r="AE12" s="315">
        <v>25</v>
      </c>
      <c r="AF12" s="315">
        <v>14</v>
      </c>
      <c r="AG12" s="312">
        <v>120</v>
      </c>
      <c r="AH12" s="317">
        <v>128</v>
      </c>
      <c r="AI12" s="311">
        <v>1</v>
      </c>
      <c r="AJ12" s="315">
        <v>2</v>
      </c>
      <c r="AK12" s="312">
        <v>3</v>
      </c>
      <c r="AL12" s="314">
        <v>0</v>
      </c>
      <c r="AM12" s="315">
        <v>0</v>
      </c>
      <c r="AN12" s="315">
        <v>6</v>
      </c>
      <c r="AO12" s="315">
        <v>3</v>
      </c>
      <c r="AP12" s="315">
        <v>4</v>
      </c>
      <c r="AQ12" s="315">
        <v>2</v>
      </c>
      <c r="AR12" s="312">
        <v>15</v>
      </c>
      <c r="AS12" s="317">
        <v>18</v>
      </c>
      <c r="AT12" s="311">
        <v>16</v>
      </c>
      <c r="AU12" s="315">
        <v>12</v>
      </c>
      <c r="AV12" s="312">
        <v>28</v>
      </c>
      <c r="AW12" s="314">
        <v>0</v>
      </c>
      <c r="AX12" s="315">
        <v>55</v>
      </c>
      <c r="AY12" s="315">
        <v>44</v>
      </c>
      <c r="AZ12" s="315">
        <v>55</v>
      </c>
      <c r="BA12" s="315">
        <v>48</v>
      </c>
      <c r="BB12" s="315">
        <v>27</v>
      </c>
      <c r="BC12" s="316">
        <v>229</v>
      </c>
      <c r="BD12" s="317">
        <v>257</v>
      </c>
      <c r="BE12" s="311">
        <v>0</v>
      </c>
      <c r="BF12" s="315">
        <v>0</v>
      </c>
      <c r="BG12" s="312">
        <v>0</v>
      </c>
      <c r="BH12" s="314">
        <v>0</v>
      </c>
      <c r="BI12" s="315">
        <v>53</v>
      </c>
      <c r="BJ12" s="315">
        <v>38</v>
      </c>
      <c r="BK12" s="315">
        <v>29</v>
      </c>
      <c r="BL12" s="315">
        <v>11</v>
      </c>
      <c r="BM12" s="315">
        <v>8</v>
      </c>
      <c r="BN12" s="312">
        <v>139</v>
      </c>
      <c r="BO12" s="317">
        <v>139</v>
      </c>
      <c r="BP12" s="311">
        <v>4</v>
      </c>
      <c r="BQ12" s="315">
        <v>3</v>
      </c>
      <c r="BR12" s="312">
        <v>7</v>
      </c>
      <c r="BS12" s="314">
        <v>0</v>
      </c>
      <c r="BT12" s="315">
        <v>16</v>
      </c>
      <c r="BU12" s="315">
        <v>19</v>
      </c>
      <c r="BV12" s="315">
        <v>9</v>
      </c>
      <c r="BW12" s="315">
        <v>11</v>
      </c>
      <c r="BX12" s="315">
        <v>0</v>
      </c>
      <c r="BY12" s="312">
        <v>55</v>
      </c>
      <c r="BZ12" s="317">
        <v>62</v>
      </c>
      <c r="CA12" s="311">
        <v>0</v>
      </c>
      <c r="CB12" s="315">
        <v>0</v>
      </c>
      <c r="CC12" s="312">
        <v>0</v>
      </c>
      <c r="CD12" s="314">
        <v>0</v>
      </c>
      <c r="CE12" s="315">
        <v>6</v>
      </c>
      <c r="CF12" s="315">
        <v>7</v>
      </c>
      <c r="CG12" s="315">
        <v>13</v>
      </c>
      <c r="CH12" s="315">
        <v>5</v>
      </c>
      <c r="CI12" s="315">
        <v>2</v>
      </c>
      <c r="CJ12" s="312">
        <v>33</v>
      </c>
      <c r="CK12" s="317">
        <v>33</v>
      </c>
      <c r="CL12" s="311">
        <v>0</v>
      </c>
      <c r="CM12" s="315">
        <v>0</v>
      </c>
      <c r="CN12" s="312">
        <v>0</v>
      </c>
      <c r="CO12" s="314">
        <v>0</v>
      </c>
      <c r="CP12" s="315">
        <v>1</v>
      </c>
      <c r="CQ12" s="315">
        <v>3</v>
      </c>
      <c r="CR12" s="315">
        <v>0</v>
      </c>
      <c r="CS12" s="315">
        <v>2</v>
      </c>
      <c r="CT12" s="315">
        <v>0</v>
      </c>
      <c r="CU12" s="312">
        <v>6</v>
      </c>
      <c r="CV12" s="317">
        <v>6</v>
      </c>
      <c r="CW12" s="311">
        <v>0</v>
      </c>
      <c r="CX12" s="315">
        <v>0</v>
      </c>
      <c r="CY12" s="312">
        <v>0</v>
      </c>
      <c r="CZ12" s="314">
        <v>0</v>
      </c>
      <c r="DA12" s="315">
        <v>0</v>
      </c>
      <c r="DB12" s="315">
        <v>0</v>
      </c>
      <c r="DC12" s="315">
        <v>0</v>
      </c>
      <c r="DD12" s="315">
        <v>0</v>
      </c>
      <c r="DE12" s="315">
        <v>0</v>
      </c>
      <c r="DF12" s="312">
        <v>0</v>
      </c>
      <c r="DG12" s="317">
        <v>0</v>
      </c>
      <c r="DH12" s="311">
        <v>0</v>
      </c>
      <c r="DI12" s="315">
        <v>0</v>
      </c>
      <c r="DJ12" s="312">
        <v>0</v>
      </c>
      <c r="DK12" s="314">
        <v>0</v>
      </c>
      <c r="DL12" s="315">
        <v>0</v>
      </c>
      <c r="DM12" s="315">
        <v>0</v>
      </c>
      <c r="DN12" s="315">
        <v>0</v>
      </c>
      <c r="DO12" s="315">
        <v>0</v>
      </c>
      <c r="DP12" s="315">
        <v>0</v>
      </c>
      <c r="DQ12" s="312">
        <v>0</v>
      </c>
      <c r="DR12" s="317">
        <v>0</v>
      </c>
      <c r="DS12" s="311">
        <v>27</v>
      </c>
      <c r="DT12" s="315">
        <v>29</v>
      </c>
      <c r="DU12" s="312">
        <v>56</v>
      </c>
      <c r="DV12" s="314">
        <v>0</v>
      </c>
      <c r="DW12" s="315">
        <v>88</v>
      </c>
      <c r="DX12" s="315">
        <v>99</v>
      </c>
      <c r="DY12" s="315">
        <v>69</v>
      </c>
      <c r="DZ12" s="315">
        <v>52</v>
      </c>
      <c r="EA12" s="315">
        <v>28</v>
      </c>
      <c r="EB12" s="312">
        <v>336</v>
      </c>
      <c r="EC12" s="317">
        <v>392</v>
      </c>
      <c r="ED12" s="311">
        <v>10</v>
      </c>
      <c r="EE12" s="315">
        <v>6</v>
      </c>
      <c r="EF12" s="312">
        <v>16</v>
      </c>
      <c r="EG12" s="314">
        <v>0</v>
      </c>
      <c r="EH12" s="315">
        <v>24</v>
      </c>
      <c r="EI12" s="315">
        <v>14</v>
      </c>
      <c r="EJ12" s="315">
        <v>12</v>
      </c>
      <c r="EK12" s="315">
        <v>13</v>
      </c>
      <c r="EL12" s="315">
        <v>8</v>
      </c>
      <c r="EM12" s="312">
        <v>71</v>
      </c>
      <c r="EN12" s="317">
        <v>87</v>
      </c>
      <c r="EO12" s="311">
        <v>32</v>
      </c>
      <c r="EP12" s="315">
        <v>37</v>
      </c>
      <c r="EQ12" s="312">
        <v>69</v>
      </c>
      <c r="ER12" s="314">
        <v>0</v>
      </c>
      <c r="ES12" s="315">
        <v>166</v>
      </c>
      <c r="ET12" s="315">
        <v>126</v>
      </c>
      <c r="EU12" s="315">
        <v>80</v>
      </c>
      <c r="EV12" s="315">
        <v>52</v>
      </c>
      <c r="EW12" s="315">
        <v>30</v>
      </c>
      <c r="EX12" s="312">
        <v>454</v>
      </c>
      <c r="EY12" s="317">
        <v>523</v>
      </c>
    </row>
    <row r="13" spans="1:155" ht="19.5" customHeight="1" x14ac:dyDescent="0.2">
      <c r="A13" s="296" t="s">
        <v>10</v>
      </c>
      <c r="B13" s="311">
        <v>0</v>
      </c>
      <c r="C13" s="315">
        <v>0</v>
      </c>
      <c r="D13" s="437">
        <v>0</v>
      </c>
      <c r="E13" s="314">
        <v>0</v>
      </c>
      <c r="F13" s="315">
        <v>85</v>
      </c>
      <c r="G13" s="315">
        <v>43</v>
      </c>
      <c r="H13" s="315">
        <v>39</v>
      </c>
      <c r="I13" s="315">
        <v>27</v>
      </c>
      <c r="J13" s="315">
        <v>20</v>
      </c>
      <c r="K13" s="316">
        <v>214</v>
      </c>
      <c r="L13" s="317">
        <v>214</v>
      </c>
      <c r="M13" s="311">
        <v>0</v>
      </c>
      <c r="N13" s="315">
        <v>0</v>
      </c>
      <c r="O13" s="312">
        <v>0</v>
      </c>
      <c r="P13" s="314">
        <v>0</v>
      </c>
      <c r="Q13" s="315">
        <v>0</v>
      </c>
      <c r="R13" s="315">
        <v>1</v>
      </c>
      <c r="S13" s="315">
        <v>4</v>
      </c>
      <c r="T13" s="315">
        <v>9</v>
      </c>
      <c r="U13" s="315">
        <v>11</v>
      </c>
      <c r="V13" s="312">
        <v>25</v>
      </c>
      <c r="W13" s="317">
        <v>25</v>
      </c>
      <c r="X13" s="311">
        <v>18</v>
      </c>
      <c r="Y13" s="315">
        <v>26</v>
      </c>
      <c r="Z13" s="312">
        <v>44</v>
      </c>
      <c r="AA13" s="314">
        <v>0</v>
      </c>
      <c r="AB13" s="315">
        <v>56</v>
      </c>
      <c r="AC13" s="315">
        <v>41</v>
      </c>
      <c r="AD13" s="315">
        <v>22</v>
      </c>
      <c r="AE13" s="315">
        <v>25</v>
      </c>
      <c r="AF13" s="315">
        <v>13</v>
      </c>
      <c r="AG13" s="312">
        <v>157</v>
      </c>
      <c r="AH13" s="317">
        <v>201</v>
      </c>
      <c r="AI13" s="311">
        <v>1</v>
      </c>
      <c r="AJ13" s="315">
        <v>5</v>
      </c>
      <c r="AK13" s="312">
        <v>6</v>
      </c>
      <c r="AL13" s="314">
        <v>0</v>
      </c>
      <c r="AM13" s="315">
        <v>13</v>
      </c>
      <c r="AN13" s="315">
        <v>3</v>
      </c>
      <c r="AO13" s="315">
        <v>3</v>
      </c>
      <c r="AP13" s="315">
        <v>3</v>
      </c>
      <c r="AQ13" s="315">
        <v>2</v>
      </c>
      <c r="AR13" s="312">
        <v>24</v>
      </c>
      <c r="AS13" s="317">
        <v>30</v>
      </c>
      <c r="AT13" s="311">
        <v>12</v>
      </c>
      <c r="AU13" s="315">
        <v>25</v>
      </c>
      <c r="AV13" s="312">
        <v>37</v>
      </c>
      <c r="AW13" s="314">
        <v>0</v>
      </c>
      <c r="AX13" s="315">
        <v>87</v>
      </c>
      <c r="AY13" s="315">
        <v>75</v>
      </c>
      <c r="AZ13" s="315">
        <v>62</v>
      </c>
      <c r="BA13" s="315">
        <v>52</v>
      </c>
      <c r="BB13" s="315">
        <v>46</v>
      </c>
      <c r="BC13" s="316">
        <v>322</v>
      </c>
      <c r="BD13" s="317">
        <v>359</v>
      </c>
      <c r="BE13" s="311">
        <v>0</v>
      </c>
      <c r="BF13" s="315">
        <v>0</v>
      </c>
      <c r="BG13" s="312">
        <v>0</v>
      </c>
      <c r="BH13" s="314">
        <v>0</v>
      </c>
      <c r="BI13" s="315">
        <v>122</v>
      </c>
      <c r="BJ13" s="315">
        <v>62</v>
      </c>
      <c r="BK13" s="315">
        <v>39</v>
      </c>
      <c r="BL13" s="315">
        <v>14</v>
      </c>
      <c r="BM13" s="315">
        <v>8</v>
      </c>
      <c r="BN13" s="312">
        <v>245</v>
      </c>
      <c r="BO13" s="317">
        <v>245</v>
      </c>
      <c r="BP13" s="311">
        <v>3</v>
      </c>
      <c r="BQ13" s="315">
        <v>2</v>
      </c>
      <c r="BR13" s="312">
        <v>5</v>
      </c>
      <c r="BS13" s="314">
        <v>0</v>
      </c>
      <c r="BT13" s="315">
        <v>16</v>
      </c>
      <c r="BU13" s="315">
        <v>10</v>
      </c>
      <c r="BV13" s="315">
        <v>8</v>
      </c>
      <c r="BW13" s="315">
        <v>5</v>
      </c>
      <c r="BX13" s="315">
        <v>1</v>
      </c>
      <c r="BY13" s="312">
        <v>40</v>
      </c>
      <c r="BZ13" s="317">
        <v>45</v>
      </c>
      <c r="CA13" s="311">
        <v>0</v>
      </c>
      <c r="CB13" s="315">
        <v>1</v>
      </c>
      <c r="CC13" s="312">
        <v>1</v>
      </c>
      <c r="CD13" s="314">
        <v>0</v>
      </c>
      <c r="CE13" s="315">
        <v>11</v>
      </c>
      <c r="CF13" s="315">
        <v>12</v>
      </c>
      <c r="CG13" s="315">
        <v>15</v>
      </c>
      <c r="CH13" s="315">
        <v>11</v>
      </c>
      <c r="CI13" s="315">
        <v>4</v>
      </c>
      <c r="CJ13" s="312">
        <v>53</v>
      </c>
      <c r="CK13" s="317">
        <v>54</v>
      </c>
      <c r="CL13" s="311">
        <v>0</v>
      </c>
      <c r="CM13" s="315">
        <v>0</v>
      </c>
      <c r="CN13" s="312">
        <v>0</v>
      </c>
      <c r="CO13" s="314">
        <v>0</v>
      </c>
      <c r="CP13" s="315">
        <v>0</v>
      </c>
      <c r="CQ13" s="315">
        <v>1</v>
      </c>
      <c r="CR13" s="315">
        <v>1</v>
      </c>
      <c r="CS13" s="315">
        <v>0</v>
      </c>
      <c r="CT13" s="315">
        <v>0</v>
      </c>
      <c r="CU13" s="312">
        <v>2</v>
      </c>
      <c r="CV13" s="317">
        <v>2</v>
      </c>
      <c r="CW13" s="311">
        <v>0</v>
      </c>
      <c r="CX13" s="315">
        <v>0</v>
      </c>
      <c r="CY13" s="312">
        <v>0</v>
      </c>
      <c r="CZ13" s="314">
        <v>0</v>
      </c>
      <c r="DA13" s="315">
        <v>0</v>
      </c>
      <c r="DB13" s="315">
        <v>0</v>
      </c>
      <c r="DC13" s="315">
        <v>0</v>
      </c>
      <c r="DD13" s="315">
        <v>0</v>
      </c>
      <c r="DE13" s="315">
        <v>0</v>
      </c>
      <c r="DF13" s="312">
        <v>0</v>
      </c>
      <c r="DG13" s="317">
        <v>0</v>
      </c>
      <c r="DH13" s="311">
        <v>0</v>
      </c>
      <c r="DI13" s="315">
        <v>0</v>
      </c>
      <c r="DJ13" s="312">
        <v>0</v>
      </c>
      <c r="DK13" s="314">
        <v>0</v>
      </c>
      <c r="DL13" s="315">
        <v>0</v>
      </c>
      <c r="DM13" s="315">
        <v>0</v>
      </c>
      <c r="DN13" s="315">
        <v>0</v>
      </c>
      <c r="DO13" s="315">
        <v>0</v>
      </c>
      <c r="DP13" s="315">
        <v>0</v>
      </c>
      <c r="DQ13" s="312">
        <v>0</v>
      </c>
      <c r="DR13" s="317">
        <v>0</v>
      </c>
      <c r="DS13" s="311">
        <v>66</v>
      </c>
      <c r="DT13" s="315">
        <v>82</v>
      </c>
      <c r="DU13" s="312">
        <v>148</v>
      </c>
      <c r="DV13" s="314">
        <v>0</v>
      </c>
      <c r="DW13" s="315">
        <v>140</v>
      </c>
      <c r="DX13" s="315">
        <v>124</v>
      </c>
      <c r="DY13" s="315">
        <v>81</v>
      </c>
      <c r="DZ13" s="315">
        <v>54</v>
      </c>
      <c r="EA13" s="315">
        <v>34</v>
      </c>
      <c r="EB13" s="312">
        <v>433</v>
      </c>
      <c r="EC13" s="317">
        <v>581</v>
      </c>
      <c r="ED13" s="311">
        <v>7</v>
      </c>
      <c r="EE13" s="315">
        <v>9</v>
      </c>
      <c r="EF13" s="312">
        <v>16</v>
      </c>
      <c r="EG13" s="314">
        <v>0</v>
      </c>
      <c r="EH13" s="315">
        <v>33</v>
      </c>
      <c r="EI13" s="315">
        <v>15</v>
      </c>
      <c r="EJ13" s="315">
        <v>18</v>
      </c>
      <c r="EK13" s="315">
        <v>15</v>
      </c>
      <c r="EL13" s="315">
        <v>14</v>
      </c>
      <c r="EM13" s="312">
        <v>95</v>
      </c>
      <c r="EN13" s="317">
        <v>111</v>
      </c>
      <c r="EO13" s="311">
        <v>83</v>
      </c>
      <c r="EP13" s="315">
        <v>96</v>
      </c>
      <c r="EQ13" s="312">
        <v>179</v>
      </c>
      <c r="ER13" s="314">
        <v>0</v>
      </c>
      <c r="ES13" s="315">
        <v>263</v>
      </c>
      <c r="ET13" s="315">
        <v>153</v>
      </c>
      <c r="EU13" s="315">
        <v>86</v>
      </c>
      <c r="EV13" s="315">
        <v>56</v>
      </c>
      <c r="EW13" s="315">
        <v>34</v>
      </c>
      <c r="EX13" s="312">
        <v>592</v>
      </c>
      <c r="EY13" s="317">
        <v>771</v>
      </c>
    </row>
    <row r="14" spans="1:155" ht="19.5" customHeight="1" x14ac:dyDescent="0.2">
      <c r="A14" s="296" t="s">
        <v>11</v>
      </c>
      <c r="B14" s="311">
        <v>0</v>
      </c>
      <c r="C14" s="315">
        <v>0</v>
      </c>
      <c r="D14" s="437">
        <v>0</v>
      </c>
      <c r="E14" s="314">
        <v>0</v>
      </c>
      <c r="F14" s="315">
        <v>19</v>
      </c>
      <c r="G14" s="315">
        <v>13</v>
      </c>
      <c r="H14" s="315">
        <v>12</v>
      </c>
      <c r="I14" s="315">
        <v>13</v>
      </c>
      <c r="J14" s="315">
        <v>8</v>
      </c>
      <c r="K14" s="316">
        <v>65</v>
      </c>
      <c r="L14" s="317">
        <v>65</v>
      </c>
      <c r="M14" s="311">
        <v>0</v>
      </c>
      <c r="N14" s="315">
        <v>0</v>
      </c>
      <c r="O14" s="312">
        <v>0</v>
      </c>
      <c r="P14" s="314">
        <v>0</v>
      </c>
      <c r="Q14" s="315">
        <v>0</v>
      </c>
      <c r="R14" s="315">
        <v>0</v>
      </c>
      <c r="S14" s="315">
        <v>3</v>
      </c>
      <c r="T14" s="315">
        <v>3</v>
      </c>
      <c r="U14" s="315">
        <v>3</v>
      </c>
      <c r="V14" s="312">
        <v>9</v>
      </c>
      <c r="W14" s="317">
        <v>9</v>
      </c>
      <c r="X14" s="311">
        <v>4</v>
      </c>
      <c r="Y14" s="315">
        <v>5</v>
      </c>
      <c r="Z14" s="312">
        <v>9</v>
      </c>
      <c r="AA14" s="314">
        <v>0</v>
      </c>
      <c r="AB14" s="315">
        <v>24</v>
      </c>
      <c r="AC14" s="315">
        <v>17</v>
      </c>
      <c r="AD14" s="315">
        <v>16</v>
      </c>
      <c r="AE14" s="315">
        <v>11</v>
      </c>
      <c r="AF14" s="315">
        <v>7</v>
      </c>
      <c r="AG14" s="312">
        <v>75</v>
      </c>
      <c r="AH14" s="317">
        <v>84</v>
      </c>
      <c r="AI14" s="311">
        <v>0</v>
      </c>
      <c r="AJ14" s="315">
        <v>1</v>
      </c>
      <c r="AK14" s="312">
        <v>1</v>
      </c>
      <c r="AL14" s="314">
        <v>0</v>
      </c>
      <c r="AM14" s="315">
        <v>2</v>
      </c>
      <c r="AN14" s="315">
        <v>1</v>
      </c>
      <c r="AO14" s="315">
        <v>2</v>
      </c>
      <c r="AP14" s="315">
        <v>5</v>
      </c>
      <c r="AQ14" s="315">
        <v>0</v>
      </c>
      <c r="AR14" s="312">
        <v>10</v>
      </c>
      <c r="AS14" s="317">
        <v>11</v>
      </c>
      <c r="AT14" s="311">
        <v>4</v>
      </c>
      <c r="AU14" s="315">
        <v>6</v>
      </c>
      <c r="AV14" s="312">
        <v>10</v>
      </c>
      <c r="AW14" s="314">
        <v>0</v>
      </c>
      <c r="AX14" s="315">
        <v>28</v>
      </c>
      <c r="AY14" s="315">
        <v>26</v>
      </c>
      <c r="AZ14" s="315">
        <v>32</v>
      </c>
      <c r="BA14" s="315">
        <v>28</v>
      </c>
      <c r="BB14" s="315">
        <v>17</v>
      </c>
      <c r="BC14" s="316">
        <v>131</v>
      </c>
      <c r="BD14" s="317">
        <v>141</v>
      </c>
      <c r="BE14" s="311">
        <v>0</v>
      </c>
      <c r="BF14" s="315">
        <v>0</v>
      </c>
      <c r="BG14" s="312">
        <v>0</v>
      </c>
      <c r="BH14" s="314">
        <v>0</v>
      </c>
      <c r="BI14" s="315">
        <v>37</v>
      </c>
      <c r="BJ14" s="315">
        <v>20</v>
      </c>
      <c r="BK14" s="315">
        <v>16</v>
      </c>
      <c r="BL14" s="315">
        <v>10</v>
      </c>
      <c r="BM14" s="315">
        <v>2</v>
      </c>
      <c r="BN14" s="312">
        <v>85</v>
      </c>
      <c r="BO14" s="317">
        <v>85</v>
      </c>
      <c r="BP14" s="311">
        <v>3</v>
      </c>
      <c r="BQ14" s="315">
        <v>3</v>
      </c>
      <c r="BR14" s="312">
        <v>6</v>
      </c>
      <c r="BS14" s="314">
        <v>0</v>
      </c>
      <c r="BT14" s="315">
        <v>19</v>
      </c>
      <c r="BU14" s="315">
        <v>7</v>
      </c>
      <c r="BV14" s="315">
        <v>3</v>
      </c>
      <c r="BW14" s="315">
        <v>7</v>
      </c>
      <c r="BX14" s="315">
        <v>1</v>
      </c>
      <c r="BY14" s="312">
        <v>37</v>
      </c>
      <c r="BZ14" s="317">
        <v>43</v>
      </c>
      <c r="CA14" s="311">
        <v>0</v>
      </c>
      <c r="CB14" s="315">
        <v>0</v>
      </c>
      <c r="CC14" s="312">
        <v>0</v>
      </c>
      <c r="CD14" s="314">
        <v>0</v>
      </c>
      <c r="CE14" s="315">
        <v>6</v>
      </c>
      <c r="CF14" s="315">
        <v>2</v>
      </c>
      <c r="CG14" s="315">
        <v>6</v>
      </c>
      <c r="CH14" s="315">
        <v>6</v>
      </c>
      <c r="CI14" s="315">
        <v>1</v>
      </c>
      <c r="CJ14" s="312">
        <v>21</v>
      </c>
      <c r="CK14" s="317">
        <v>21</v>
      </c>
      <c r="CL14" s="311">
        <v>0</v>
      </c>
      <c r="CM14" s="315">
        <v>0</v>
      </c>
      <c r="CN14" s="312">
        <v>0</v>
      </c>
      <c r="CO14" s="314">
        <v>0</v>
      </c>
      <c r="CP14" s="315">
        <v>0</v>
      </c>
      <c r="CQ14" s="315">
        <v>1</v>
      </c>
      <c r="CR14" s="315">
        <v>0</v>
      </c>
      <c r="CS14" s="315">
        <v>1</v>
      </c>
      <c r="CT14" s="315">
        <v>0</v>
      </c>
      <c r="CU14" s="312">
        <v>2</v>
      </c>
      <c r="CV14" s="317">
        <v>2</v>
      </c>
      <c r="CW14" s="311">
        <v>0</v>
      </c>
      <c r="CX14" s="315">
        <v>0</v>
      </c>
      <c r="CY14" s="312">
        <v>0</v>
      </c>
      <c r="CZ14" s="314">
        <v>0</v>
      </c>
      <c r="DA14" s="315">
        <v>0</v>
      </c>
      <c r="DB14" s="315">
        <v>0</v>
      </c>
      <c r="DC14" s="315">
        <v>0</v>
      </c>
      <c r="DD14" s="315">
        <v>0</v>
      </c>
      <c r="DE14" s="315">
        <v>0</v>
      </c>
      <c r="DF14" s="312">
        <v>0</v>
      </c>
      <c r="DG14" s="317">
        <v>0</v>
      </c>
      <c r="DH14" s="311">
        <v>0</v>
      </c>
      <c r="DI14" s="315">
        <v>0</v>
      </c>
      <c r="DJ14" s="312">
        <v>0</v>
      </c>
      <c r="DK14" s="314">
        <v>0</v>
      </c>
      <c r="DL14" s="315">
        <v>0</v>
      </c>
      <c r="DM14" s="315">
        <v>0</v>
      </c>
      <c r="DN14" s="315">
        <v>0</v>
      </c>
      <c r="DO14" s="315">
        <v>0</v>
      </c>
      <c r="DP14" s="315">
        <v>0</v>
      </c>
      <c r="DQ14" s="312">
        <v>0</v>
      </c>
      <c r="DR14" s="317">
        <v>0</v>
      </c>
      <c r="DS14" s="311">
        <v>22</v>
      </c>
      <c r="DT14" s="315">
        <v>30</v>
      </c>
      <c r="DU14" s="312">
        <v>52</v>
      </c>
      <c r="DV14" s="314">
        <v>0</v>
      </c>
      <c r="DW14" s="315">
        <v>59</v>
      </c>
      <c r="DX14" s="315">
        <v>50</v>
      </c>
      <c r="DY14" s="315">
        <v>42</v>
      </c>
      <c r="DZ14" s="315">
        <v>30</v>
      </c>
      <c r="EA14" s="315">
        <v>12</v>
      </c>
      <c r="EB14" s="312">
        <v>193</v>
      </c>
      <c r="EC14" s="317">
        <v>245</v>
      </c>
      <c r="ED14" s="311">
        <v>3</v>
      </c>
      <c r="EE14" s="315">
        <v>3</v>
      </c>
      <c r="EF14" s="312">
        <v>6</v>
      </c>
      <c r="EG14" s="314">
        <v>0</v>
      </c>
      <c r="EH14" s="315">
        <v>23</v>
      </c>
      <c r="EI14" s="315">
        <v>19</v>
      </c>
      <c r="EJ14" s="315">
        <v>12</v>
      </c>
      <c r="EK14" s="315">
        <v>17</v>
      </c>
      <c r="EL14" s="315">
        <v>6</v>
      </c>
      <c r="EM14" s="312">
        <v>77</v>
      </c>
      <c r="EN14" s="317">
        <v>83</v>
      </c>
      <c r="EO14" s="311">
        <v>28</v>
      </c>
      <c r="EP14" s="315">
        <v>32</v>
      </c>
      <c r="EQ14" s="312">
        <v>60</v>
      </c>
      <c r="ER14" s="314">
        <v>0</v>
      </c>
      <c r="ES14" s="315">
        <v>113</v>
      </c>
      <c r="ET14" s="315">
        <v>58</v>
      </c>
      <c r="EU14" s="315">
        <v>49</v>
      </c>
      <c r="EV14" s="315">
        <v>31</v>
      </c>
      <c r="EW14" s="315">
        <v>13</v>
      </c>
      <c r="EX14" s="312">
        <v>264</v>
      </c>
      <c r="EY14" s="317">
        <v>324</v>
      </c>
    </row>
    <row r="15" spans="1:155" ht="19.5" customHeight="1" x14ac:dyDescent="0.2">
      <c r="A15" s="296" t="s">
        <v>12</v>
      </c>
      <c r="B15" s="311">
        <v>0</v>
      </c>
      <c r="C15" s="315">
        <v>0</v>
      </c>
      <c r="D15" s="437">
        <v>0</v>
      </c>
      <c r="E15" s="314">
        <v>0</v>
      </c>
      <c r="F15" s="315">
        <v>39</v>
      </c>
      <c r="G15" s="315">
        <v>31</v>
      </c>
      <c r="H15" s="315">
        <v>21</v>
      </c>
      <c r="I15" s="315">
        <v>21</v>
      </c>
      <c r="J15" s="315">
        <v>17</v>
      </c>
      <c r="K15" s="316">
        <v>129</v>
      </c>
      <c r="L15" s="317">
        <v>129</v>
      </c>
      <c r="M15" s="311">
        <v>0</v>
      </c>
      <c r="N15" s="315">
        <v>0</v>
      </c>
      <c r="O15" s="312">
        <v>0</v>
      </c>
      <c r="P15" s="314">
        <v>0</v>
      </c>
      <c r="Q15" s="315">
        <v>1</v>
      </c>
      <c r="R15" s="315">
        <v>0</v>
      </c>
      <c r="S15" s="315">
        <v>1</v>
      </c>
      <c r="T15" s="315">
        <v>1</v>
      </c>
      <c r="U15" s="315">
        <v>7</v>
      </c>
      <c r="V15" s="312">
        <v>10</v>
      </c>
      <c r="W15" s="317">
        <v>10</v>
      </c>
      <c r="X15" s="311">
        <v>19</v>
      </c>
      <c r="Y15" s="315">
        <v>14</v>
      </c>
      <c r="Z15" s="312">
        <v>33</v>
      </c>
      <c r="AA15" s="314">
        <v>0</v>
      </c>
      <c r="AB15" s="315">
        <v>37</v>
      </c>
      <c r="AC15" s="315">
        <v>33</v>
      </c>
      <c r="AD15" s="315">
        <v>16</v>
      </c>
      <c r="AE15" s="315">
        <v>12</v>
      </c>
      <c r="AF15" s="315">
        <v>11</v>
      </c>
      <c r="AG15" s="312">
        <v>109</v>
      </c>
      <c r="AH15" s="317">
        <v>142</v>
      </c>
      <c r="AI15" s="311">
        <v>0</v>
      </c>
      <c r="AJ15" s="315">
        <v>0</v>
      </c>
      <c r="AK15" s="312">
        <v>0</v>
      </c>
      <c r="AL15" s="314">
        <v>0</v>
      </c>
      <c r="AM15" s="315">
        <v>2</v>
      </c>
      <c r="AN15" s="315">
        <v>4</v>
      </c>
      <c r="AO15" s="315">
        <v>2</v>
      </c>
      <c r="AP15" s="315">
        <v>5</v>
      </c>
      <c r="AQ15" s="315">
        <v>2</v>
      </c>
      <c r="AR15" s="312">
        <v>15</v>
      </c>
      <c r="AS15" s="317">
        <v>15</v>
      </c>
      <c r="AT15" s="311">
        <v>7</v>
      </c>
      <c r="AU15" s="315">
        <v>10</v>
      </c>
      <c r="AV15" s="312">
        <v>17</v>
      </c>
      <c r="AW15" s="314">
        <v>0</v>
      </c>
      <c r="AX15" s="315">
        <v>35</v>
      </c>
      <c r="AY15" s="315">
        <v>21</v>
      </c>
      <c r="AZ15" s="315">
        <v>27</v>
      </c>
      <c r="BA15" s="315">
        <v>40</v>
      </c>
      <c r="BB15" s="315">
        <v>22</v>
      </c>
      <c r="BC15" s="316">
        <v>145</v>
      </c>
      <c r="BD15" s="317">
        <v>162</v>
      </c>
      <c r="BE15" s="311">
        <v>0</v>
      </c>
      <c r="BF15" s="315">
        <v>0</v>
      </c>
      <c r="BG15" s="312">
        <v>0</v>
      </c>
      <c r="BH15" s="314">
        <v>0</v>
      </c>
      <c r="BI15" s="315">
        <v>53</v>
      </c>
      <c r="BJ15" s="315">
        <v>22</v>
      </c>
      <c r="BK15" s="315">
        <v>27</v>
      </c>
      <c r="BL15" s="315">
        <v>6</v>
      </c>
      <c r="BM15" s="315">
        <v>5</v>
      </c>
      <c r="BN15" s="312">
        <v>113</v>
      </c>
      <c r="BO15" s="317">
        <v>113</v>
      </c>
      <c r="BP15" s="311">
        <v>11</v>
      </c>
      <c r="BQ15" s="315">
        <v>4</v>
      </c>
      <c r="BR15" s="312">
        <v>15</v>
      </c>
      <c r="BS15" s="314">
        <v>0</v>
      </c>
      <c r="BT15" s="315">
        <v>14</v>
      </c>
      <c r="BU15" s="315">
        <v>13</v>
      </c>
      <c r="BV15" s="315">
        <v>9</v>
      </c>
      <c r="BW15" s="315">
        <v>9</v>
      </c>
      <c r="BX15" s="315">
        <v>1</v>
      </c>
      <c r="BY15" s="312">
        <v>46</v>
      </c>
      <c r="BZ15" s="317">
        <v>61</v>
      </c>
      <c r="CA15" s="311">
        <v>0</v>
      </c>
      <c r="CB15" s="315">
        <v>0</v>
      </c>
      <c r="CC15" s="312">
        <v>0</v>
      </c>
      <c r="CD15" s="314">
        <v>0</v>
      </c>
      <c r="CE15" s="315">
        <v>5</v>
      </c>
      <c r="CF15" s="315">
        <v>5</v>
      </c>
      <c r="CG15" s="315">
        <v>11</v>
      </c>
      <c r="CH15" s="315">
        <v>9</v>
      </c>
      <c r="CI15" s="315">
        <v>3</v>
      </c>
      <c r="CJ15" s="312">
        <v>33</v>
      </c>
      <c r="CK15" s="317">
        <v>33</v>
      </c>
      <c r="CL15" s="311">
        <v>0</v>
      </c>
      <c r="CM15" s="315">
        <v>0</v>
      </c>
      <c r="CN15" s="312">
        <v>0</v>
      </c>
      <c r="CO15" s="314">
        <v>0</v>
      </c>
      <c r="CP15" s="315">
        <v>0</v>
      </c>
      <c r="CQ15" s="315">
        <v>1</v>
      </c>
      <c r="CR15" s="315">
        <v>1</v>
      </c>
      <c r="CS15" s="315">
        <v>0</v>
      </c>
      <c r="CT15" s="315">
        <v>0</v>
      </c>
      <c r="CU15" s="312">
        <v>2</v>
      </c>
      <c r="CV15" s="317">
        <v>2</v>
      </c>
      <c r="CW15" s="311">
        <v>0</v>
      </c>
      <c r="CX15" s="315">
        <v>0</v>
      </c>
      <c r="CY15" s="312">
        <v>0</v>
      </c>
      <c r="CZ15" s="314">
        <v>0</v>
      </c>
      <c r="DA15" s="315">
        <v>0</v>
      </c>
      <c r="DB15" s="315">
        <v>0</v>
      </c>
      <c r="DC15" s="315">
        <v>0</v>
      </c>
      <c r="DD15" s="315">
        <v>0</v>
      </c>
      <c r="DE15" s="315">
        <v>0</v>
      </c>
      <c r="DF15" s="312">
        <v>0</v>
      </c>
      <c r="DG15" s="317">
        <v>0</v>
      </c>
      <c r="DH15" s="311">
        <v>0</v>
      </c>
      <c r="DI15" s="315">
        <v>0</v>
      </c>
      <c r="DJ15" s="312">
        <v>0</v>
      </c>
      <c r="DK15" s="314">
        <v>0</v>
      </c>
      <c r="DL15" s="315">
        <v>0</v>
      </c>
      <c r="DM15" s="315">
        <v>0</v>
      </c>
      <c r="DN15" s="315">
        <v>0</v>
      </c>
      <c r="DO15" s="315">
        <v>0</v>
      </c>
      <c r="DP15" s="315">
        <v>0</v>
      </c>
      <c r="DQ15" s="312">
        <v>0</v>
      </c>
      <c r="DR15" s="317">
        <v>0</v>
      </c>
      <c r="DS15" s="311">
        <v>20</v>
      </c>
      <c r="DT15" s="315">
        <v>45</v>
      </c>
      <c r="DU15" s="312">
        <v>65</v>
      </c>
      <c r="DV15" s="314">
        <v>0</v>
      </c>
      <c r="DW15" s="315">
        <v>43</v>
      </c>
      <c r="DX15" s="315">
        <v>72</v>
      </c>
      <c r="DY15" s="315">
        <v>58</v>
      </c>
      <c r="DZ15" s="315">
        <v>45</v>
      </c>
      <c r="EA15" s="315">
        <v>23</v>
      </c>
      <c r="EB15" s="312">
        <v>241</v>
      </c>
      <c r="EC15" s="317">
        <v>306</v>
      </c>
      <c r="ED15" s="311">
        <v>0</v>
      </c>
      <c r="EE15" s="315">
        <v>5</v>
      </c>
      <c r="EF15" s="312">
        <v>5</v>
      </c>
      <c r="EG15" s="314">
        <v>0</v>
      </c>
      <c r="EH15" s="315">
        <v>5</v>
      </c>
      <c r="EI15" s="315">
        <v>7</v>
      </c>
      <c r="EJ15" s="315">
        <v>9</v>
      </c>
      <c r="EK15" s="315">
        <v>15</v>
      </c>
      <c r="EL15" s="315">
        <v>4</v>
      </c>
      <c r="EM15" s="312">
        <v>40</v>
      </c>
      <c r="EN15" s="317">
        <v>45</v>
      </c>
      <c r="EO15" s="311">
        <v>45</v>
      </c>
      <c r="EP15" s="315">
        <v>56</v>
      </c>
      <c r="EQ15" s="312">
        <v>101</v>
      </c>
      <c r="ER15" s="314">
        <v>0</v>
      </c>
      <c r="ES15" s="315">
        <v>131</v>
      </c>
      <c r="ET15" s="315">
        <v>87</v>
      </c>
      <c r="EU15" s="315">
        <v>61</v>
      </c>
      <c r="EV15" s="315">
        <v>43</v>
      </c>
      <c r="EW15" s="315">
        <v>22</v>
      </c>
      <c r="EX15" s="312">
        <v>344</v>
      </c>
      <c r="EY15" s="317">
        <v>445</v>
      </c>
    </row>
    <row r="16" spans="1:155" ht="19.5" customHeight="1" x14ac:dyDescent="0.2">
      <c r="A16" s="296" t="s">
        <v>13</v>
      </c>
      <c r="B16" s="311">
        <v>0</v>
      </c>
      <c r="C16" s="315">
        <v>0</v>
      </c>
      <c r="D16" s="437">
        <v>0</v>
      </c>
      <c r="E16" s="314">
        <v>0</v>
      </c>
      <c r="F16" s="315">
        <v>21</v>
      </c>
      <c r="G16" s="315">
        <v>24</v>
      </c>
      <c r="H16" s="315">
        <v>10</v>
      </c>
      <c r="I16" s="315">
        <v>10</v>
      </c>
      <c r="J16" s="315">
        <v>7</v>
      </c>
      <c r="K16" s="316">
        <v>72</v>
      </c>
      <c r="L16" s="317">
        <v>72</v>
      </c>
      <c r="M16" s="311">
        <v>0</v>
      </c>
      <c r="N16" s="315">
        <v>0</v>
      </c>
      <c r="O16" s="312">
        <v>0</v>
      </c>
      <c r="P16" s="314">
        <v>0</v>
      </c>
      <c r="Q16" s="315">
        <v>0</v>
      </c>
      <c r="R16" s="315">
        <v>0</v>
      </c>
      <c r="S16" s="315">
        <v>0</v>
      </c>
      <c r="T16" s="315">
        <v>2</v>
      </c>
      <c r="U16" s="315">
        <v>3</v>
      </c>
      <c r="V16" s="312">
        <v>5</v>
      </c>
      <c r="W16" s="317">
        <v>5</v>
      </c>
      <c r="X16" s="311">
        <v>1</v>
      </c>
      <c r="Y16" s="315">
        <v>1</v>
      </c>
      <c r="Z16" s="312">
        <v>2</v>
      </c>
      <c r="AA16" s="314">
        <v>0</v>
      </c>
      <c r="AB16" s="315">
        <v>8</v>
      </c>
      <c r="AC16" s="315">
        <v>15</v>
      </c>
      <c r="AD16" s="315">
        <v>6</v>
      </c>
      <c r="AE16" s="315">
        <v>6</v>
      </c>
      <c r="AF16" s="315">
        <v>7</v>
      </c>
      <c r="AG16" s="312">
        <v>42</v>
      </c>
      <c r="AH16" s="317">
        <v>44</v>
      </c>
      <c r="AI16" s="311">
        <v>0</v>
      </c>
      <c r="AJ16" s="315">
        <v>0</v>
      </c>
      <c r="AK16" s="312">
        <v>0</v>
      </c>
      <c r="AL16" s="314">
        <v>0</v>
      </c>
      <c r="AM16" s="315">
        <v>0</v>
      </c>
      <c r="AN16" s="315">
        <v>1</v>
      </c>
      <c r="AO16" s="315">
        <v>0</v>
      </c>
      <c r="AP16" s="315">
        <v>2</v>
      </c>
      <c r="AQ16" s="315">
        <v>1</v>
      </c>
      <c r="AR16" s="312">
        <v>4</v>
      </c>
      <c r="AS16" s="317">
        <v>4</v>
      </c>
      <c r="AT16" s="311">
        <v>3</v>
      </c>
      <c r="AU16" s="315">
        <v>0</v>
      </c>
      <c r="AV16" s="312">
        <v>3</v>
      </c>
      <c r="AW16" s="314">
        <v>0</v>
      </c>
      <c r="AX16" s="315">
        <v>13</v>
      </c>
      <c r="AY16" s="315">
        <v>21</v>
      </c>
      <c r="AZ16" s="315">
        <v>14</v>
      </c>
      <c r="BA16" s="315">
        <v>20</v>
      </c>
      <c r="BB16" s="315">
        <v>13</v>
      </c>
      <c r="BC16" s="316">
        <v>81</v>
      </c>
      <c r="BD16" s="317">
        <v>84</v>
      </c>
      <c r="BE16" s="311">
        <v>0</v>
      </c>
      <c r="BF16" s="315">
        <v>0</v>
      </c>
      <c r="BG16" s="312">
        <v>0</v>
      </c>
      <c r="BH16" s="314">
        <v>0</v>
      </c>
      <c r="BI16" s="315">
        <v>14</v>
      </c>
      <c r="BJ16" s="315">
        <v>23</v>
      </c>
      <c r="BK16" s="315">
        <v>11</v>
      </c>
      <c r="BL16" s="315">
        <v>4</v>
      </c>
      <c r="BM16" s="315">
        <v>4</v>
      </c>
      <c r="BN16" s="312">
        <v>56</v>
      </c>
      <c r="BO16" s="317">
        <v>56</v>
      </c>
      <c r="BP16" s="311">
        <v>0</v>
      </c>
      <c r="BQ16" s="315">
        <v>1</v>
      </c>
      <c r="BR16" s="312">
        <v>1</v>
      </c>
      <c r="BS16" s="314">
        <v>0</v>
      </c>
      <c r="BT16" s="315">
        <v>4</v>
      </c>
      <c r="BU16" s="315">
        <v>4</v>
      </c>
      <c r="BV16" s="315">
        <v>5</v>
      </c>
      <c r="BW16" s="315">
        <v>5</v>
      </c>
      <c r="BX16" s="315">
        <v>0</v>
      </c>
      <c r="BY16" s="312">
        <v>18</v>
      </c>
      <c r="BZ16" s="317">
        <v>19</v>
      </c>
      <c r="CA16" s="311">
        <v>0</v>
      </c>
      <c r="CB16" s="315">
        <v>0</v>
      </c>
      <c r="CC16" s="312">
        <v>0</v>
      </c>
      <c r="CD16" s="314">
        <v>0</v>
      </c>
      <c r="CE16" s="315">
        <v>2</v>
      </c>
      <c r="CF16" s="315">
        <v>3</v>
      </c>
      <c r="CG16" s="315">
        <v>4</v>
      </c>
      <c r="CH16" s="315">
        <v>5</v>
      </c>
      <c r="CI16" s="315">
        <v>3</v>
      </c>
      <c r="CJ16" s="312">
        <v>17</v>
      </c>
      <c r="CK16" s="317">
        <v>17</v>
      </c>
      <c r="CL16" s="311">
        <v>0</v>
      </c>
      <c r="CM16" s="315">
        <v>0</v>
      </c>
      <c r="CN16" s="312">
        <v>0</v>
      </c>
      <c r="CO16" s="314">
        <v>0</v>
      </c>
      <c r="CP16" s="315">
        <v>0</v>
      </c>
      <c r="CQ16" s="315">
        <v>1</v>
      </c>
      <c r="CR16" s="315">
        <v>0</v>
      </c>
      <c r="CS16" s="315">
        <v>0</v>
      </c>
      <c r="CT16" s="315">
        <v>0</v>
      </c>
      <c r="CU16" s="312">
        <v>1</v>
      </c>
      <c r="CV16" s="317">
        <v>1</v>
      </c>
      <c r="CW16" s="311">
        <v>0</v>
      </c>
      <c r="CX16" s="315">
        <v>0</v>
      </c>
      <c r="CY16" s="312">
        <v>0</v>
      </c>
      <c r="CZ16" s="314">
        <v>0</v>
      </c>
      <c r="DA16" s="315">
        <v>0</v>
      </c>
      <c r="DB16" s="315">
        <v>0</v>
      </c>
      <c r="DC16" s="315">
        <v>0</v>
      </c>
      <c r="DD16" s="315">
        <v>0</v>
      </c>
      <c r="DE16" s="315">
        <v>0</v>
      </c>
      <c r="DF16" s="312">
        <v>0</v>
      </c>
      <c r="DG16" s="317">
        <v>0</v>
      </c>
      <c r="DH16" s="311">
        <v>0</v>
      </c>
      <c r="DI16" s="315">
        <v>0</v>
      </c>
      <c r="DJ16" s="312">
        <v>0</v>
      </c>
      <c r="DK16" s="314">
        <v>0</v>
      </c>
      <c r="DL16" s="315">
        <v>0</v>
      </c>
      <c r="DM16" s="315">
        <v>0</v>
      </c>
      <c r="DN16" s="315">
        <v>0</v>
      </c>
      <c r="DO16" s="315">
        <v>0</v>
      </c>
      <c r="DP16" s="315">
        <v>0</v>
      </c>
      <c r="DQ16" s="312">
        <v>0</v>
      </c>
      <c r="DR16" s="317">
        <v>0</v>
      </c>
      <c r="DS16" s="311">
        <v>4</v>
      </c>
      <c r="DT16" s="315">
        <v>11</v>
      </c>
      <c r="DU16" s="312">
        <v>15</v>
      </c>
      <c r="DV16" s="314">
        <v>0</v>
      </c>
      <c r="DW16" s="315">
        <v>21</v>
      </c>
      <c r="DX16" s="315">
        <v>33</v>
      </c>
      <c r="DY16" s="315">
        <v>21</v>
      </c>
      <c r="DZ16" s="315">
        <v>22</v>
      </c>
      <c r="EA16" s="315">
        <v>6</v>
      </c>
      <c r="EB16" s="312">
        <v>103</v>
      </c>
      <c r="EC16" s="317">
        <v>118</v>
      </c>
      <c r="ED16" s="311">
        <v>2</v>
      </c>
      <c r="EE16" s="315">
        <v>0</v>
      </c>
      <c r="EF16" s="312">
        <v>2</v>
      </c>
      <c r="EG16" s="314">
        <v>0</v>
      </c>
      <c r="EH16" s="315">
        <v>6</v>
      </c>
      <c r="EI16" s="315">
        <v>8</v>
      </c>
      <c r="EJ16" s="315">
        <v>5</v>
      </c>
      <c r="EK16" s="315">
        <v>8</v>
      </c>
      <c r="EL16" s="315">
        <v>7</v>
      </c>
      <c r="EM16" s="312">
        <v>34</v>
      </c>
      <c r="EN16" s="317">
        <v>36</v>
      </c>
      <c r="EO16" s="311">
        <v>5</v>
      </c>
      <c r="EP16" s="315">
        <v>12</v>
      </c>
      <c r="EQ16" s="312">
        <v>17</v>
      </c>
      <c r="ER16" s="314">
        <v>0</v>
      </c>
      <c r="ES16" s="315">
        <v>52</v>
      </c>
      <c r="ET16" s="315">
        <v>49</v>
      </c>
      <c r="EU16" s="315">
        <v>28</v>
      </c>
      <c r="EV16" s="315">
        <v>22</v>
      </c>
      <c r="EW16" s="315">
        <v>10</v>
      </c>
      <c r="EX16" s="312">
        <v>161</v>
      </c>
      <c r="EY16" s="317">
        <v>178</v>
      </c>
    </row>
    <row r="17" spans="1:155" ht="19.5" customHeight="1" x14ac:dyDescent="0.2">
      <c r="A17" s="296" t="s">
        <v>15</v>
      </c>
      <c r="B17" s="311">
        <v>0</v>
      </c>
      <c r="C17" s="315">
        <v>0</v>
      </c>
      <c r="D17" s="437">
        <v>0</v>
      </c>
      <c r="E17" s="314">
        <v>0</v>
      </c>
      <c r="F17" s="315">
        <v>4</v>
      </c>
      <c r="G17" s="315">
        <v>7</v>
      </c>
      <c r="H17" s="315">
        <v>6</v>
      </c>
      <c r="I17" s="315">
        <v>2</v>
      </c>
      <c r="J17" s="315">
        <v>3</v>
      </c>
      <c r="K17" s="316">
        <v>22</v>
      </c>
      <c r="L17" s="317">
        <v>22</v>
      </c>
      <c r="M17" s="311">
        <v>0</v>
      </c>
      <c r="N17" s="315">
        <v>0</v>
      </c>
      <c r="O17" s="312">
        <v>0</v>
      </c>
      <c r="P17" s="314">
        <v>0</v>
      </c>
      <c r="Q17" s="315">
        <v>0</v>
      </c>
      <c r="R17" s="315">
        <v>0</v>
      </c>
      <c r="S17" s="315">
        <v>0</v>
      </c>
      <c r="T17" s="315">
        <v>4</v>
      </c>
      <c r="U17" s="315">
        <v>2</v>
      </c>
      <c r="V17" s="312">
        <v>6</v>
      </c>
      <c r="W17" s="317">
        <v>6</v>
      </c>
      <c r="X17" s="311">
        <v>1</v>
      </c>
      <c r="Y17" s="315">
        <v>0</v>
      </c>
      <c r="Z17" s="312">
        <v>1</v>
      </c>
      <c r="AA17" s="314">
        <v>0</v>
      </c>
      <c r="AB17" s="315">
        <v>1</v>
      </c>
      <c r="AC17" s="315">
        <v>8</v>
      </c>
      <c r="AD17" s="315">
        <v>0</v>
      </c>
      <c r="AE17" s="315">
        <v>5</v>
      </c>
      <c r="AF17" s="315">
        <v>1</v>
      </c>
      <c r="AG17" s="312">
        <v>15</v>
      </c>
      <c r="AH17" s="317">
        <v>16</v>
      </c>
      <c r="AI17" s="311">
        <v>0</v>
      </c>
      <c r="AJ17" s="315">
        <v>0</v>
      </c>
      <c r="AK17" s="312">
        <v>0</v>
      </c>
      <c r="AL17" s="314">
        <v>0</v>
      </c>
      <c r="AM17" s="315">
        <v>1</v>
      </c>
      <c r="AN17" s="315">
        <v>1</v>
      </c>
      <c r="AO17" s="315">
        <v>0</v>
      </c>
      <c r="AP17" s="315">
        <v>0</v>
      </c>
      <c r="AQ17" s="315">
        <v>1</v>
      </c>
      <c r="AR17" s="312">
        <v>3</v>
      </c>
      <c r="AS17" s="317">
        <v>3</v>
      </c>
      <c r="AT17" s="311">
        <v>1</v>
      </c>
      <c r="AU17" s="315">
        <v>1</v>
      </c>
      <c r="AV17" s="312">
        <v>2</v>
      </c>
      <c r="AW17" s="314">
        <v>0</v>
      </c>
      <c r="AX17" s="315">
        <v>7</v>
      </c>
      <c r="AY17" s="315">
        <v>9</v>
      </c>
      <c r="AZ17" s="315">
        <v>7</v>
      </c>
      <c r="BA17" s="315">
        <v>4</v>
      </c>
      <c r="BB17" s="315">
        <v>2</v>
      </c>
      <c r="BC17" s="316">
        <v>29</v>
      </c>
      <c r="BD17" s="317">
        <v>31</v>
      </c>
      <c r="BE17" s="311">
        <v>0</v>
      </c>
      <c r="BF17" s="315">
        <v>0</v>
      </c>
      <c r="BG17" s="312">
        <v>0</v>
      </c>
      <c r="BH17" s="314">
        <v>0</v>
      </c>
      <c r="BI17" s="315">
        <v>2</v>
      </c>
      <c r="BJ17" s="315">
        <v>7</v>
      </c>
      <c r="BK17" s="315">
        <v>3</v>
      </c>
      <c r="BL17" s="315">
        <v>1</v>
      </c>
      <c r="BM17" s="315">
        <v>0</v>
      </c>
      <c r="BN17" s="312">
        <v>13</v>
      </c>
      <c r="BO17" s="317">
        <v>13</v>
      </c>
      <c r="BP17" s="311">
        <v>0</v>
      </c>
      <c r="BQ17" s="315">
        <v>0</v>
      </c>
      <c r="BR17" s="312">
        <v>0</v>
      </c>
      <c r="BS17" s="314">
        <v>0</v>
      </c>
      <c r="BT17" s="315">
        <v>2</v>
      </c>
      <c r="BU17" s="315">
        <v>2</v>
      </c>
      <c r="BV17" s="315">
        <v>2</v>
      </c>
      <c r="BW17" s="315">
        <v>1</v>
      </c>
      <c r="BX17" s="315">
        <v>0</v>
      </c>
      <c r="BY17" s="312">
        <v>7</v>
      </c>
      <c r="BZ17" s="317">
        <v>7</v>
      </c>
      <c r="CA17" s="311">
        <v>0</v>
      </c>
      <c r="CB17" s="315">
        <v>0</v>
      </c>
      <c r="CC17" s="312">
        <v>0</v>
      </c>
      <c r="CD17" s="314">
        <v>0</v>
      </c>
      <c r="CE17" s="315">
        <v>0</v>
      </c>
      <c r="CF17" s="315">
        <v>0</v>
      </c>
      <c r="CG17" s="315">
        <v>1</v>
      </c>
      <c r="CH17" s="315">
        <v>2</v>
      </c>
      <c r="CI17" s="315">
        <v>0</v>
      </c>
      <c r="CJ17" s="312">
        <v>3</v>
      </c>
      <c r="CK17" s="317">
        <v>3</v>
      </c>
      <c r="CL17" s="311">
        <v>0</v>
      </c>
      <c r="CM17" s="315">
        <v>0</v>
      </c>
      <c r="CN17" s="312">
        <v>0</v>
      </c>
      <c r="CO17" s="314">
        <v>0</v>
      </c>
      <c r="CP17" s="315">
        <v>0</v>
      </c>
      <c r="CQ17" s="315">
        <v>0</v>
      </c>
      <c r="CR17" s="315">
        <v>0</v>
      </c>
      <c r="CS17" s="315">
        <v>0</v>
      </c>
      <c r="CT17" s="315">
        <v>0</v>
      </c>
      <c r="CU17" s="312">
        <v>0</v>
      </c>
      <c r="CV17" s="317">
        <v>0</v>
      </c>
      <c r="CW17" s="311">
        <v>0</v>
      </c>
      <c r="CX17" s="315">
        <v>0</v>
      </c>
      <c r="CY17" s="312">
        <v>0</v>
      </c>
      <c r="CZ17" s="314">
        <v>0</v>
      </c>
      <c r="DA17" s="315">
        <v>0</v>
      </c>
      <c r="DB17" s="315">
        <v>0</v>
      </c>
      <c r="DC17" s="315">
        <v>0</v>
      </c>
      <c r="DD17" s="315">
        <v>0</v>
      </c>
      <c r="DE17" s="315">
        <v>0</v>
      </c>
      <c r="DF17" s="312">
        <v>0</v>
      </c>
      <c r="DG17" s="317">
        <v>0</v>
      </c>
      <c r="DH17" s="311">
        <v>0</v>
      </c>
      <c r="DI17" s="315">
        <v>0</v>
      </c>
      <c r="DJ17" s="312">
        <v>0</v>
      </c>
      <c r="DK17" s="314">
        <v>0</v>
      </c>
      <c r="DL17" s="315">
        <v>0</v>
      </c>
      <c r="DM17" s="315">
        <v>0</v>
      </c>
      <c r="DN17" s="315">
        <v>0</v>
      </c>
      <c r="DO17" s="315">
        <v>0</v>
      </c>
      <c r="DP17" s="315">
        <v>0</v>
      </c>
      <c r="DQ17" s="312">
        <v>0</v>
      </c>
      <c r="DR17" s="317">
        <v>0</v>
      </c>
      <c r="DS17" s="311">
        <v>1</v>
      </c>
      <c r="DT17" s="315">
        <v>5</v>
      </c>
      <c r="DU17" s="312">
        <v>6</v>
      </c>
      <c r="DV17" s="314">
        <v>0</v>
      </c>
      <c r="DW17" s="315">
        <v>9</v>
      </c>
      <c r="DX17" s="315">
        <v>18</v>
      </c>
      <c r="DY17" s="315">
        <v>8</v>
      </c>
      <c r="DZ17" s="315">
        <v>9</v>
      </c>
      <c r="EA17" s="315">
        <v>5</v>
      </c>
      <c r="EB17" s="312">
        <v>49</v>
      </c>
      <c r="EC17" s="317">
        <v>55</v>
      </c>
      <c r="ED17" s="311">
        <v>3</v>
      </c>
      <c r="EE17" s="315">
        <v>2</v>
      </c>
      <c r="EF17" s="312">
        <v>5</v>
      </c>
      <c r="EG17" s="314">
        <v>0</v>
      </c>
      <c r="EH17" s="315">
        <v>5</v>
      </c>
      <c r="EI17" s="315">
        <v>3</v>
      </c>
      <c r="EJ17" s="315">
        <v>5</v>
      </c>
      <c r="EK17" s="315">
        <v>2</v>
      </c>
      <c r="EL17" s="315">
        <v>1</v>
      </c>
      <c r="EM17" s="312">
        <v>16</v>
      </c>
      <c r="EN17" s="317">
        <v>21</v>
      </c>
      <c r="EO17" s="311">
        <v>2</v>
      </c>
      <c r="EP17" s="315">
        <v>5</v>
      </c>
      <c r="EQ17" s="312">
        <v>7</v>
      </c>
      <c r="ER17" s="314">
        <v>0</v>
      </c>
      <c r="ES17" s="315">
        <v>15</v>
      </c>
      <c r="ET17" s="315">
        <v>24</v>
      </c>
      <c r="EU17" s="315">
        <v>10</v>
      </c>
      <c r="EV17" s="315">
        <v>9</v>
      </c>
      <c r="EW17" s="315">
        <v>5</v>
      </c>
      <c r="EX17" s="312">
        <v>63</v>
      </c>
      <c r="EY17" s="317">
        <v>70</v>
      </c>
    </row>
    <row r="18" spans="1:155" ht="19.5" customHeight="1" x14ac:dyDescent="0.2">
      <c r="A18" s="296" t="s">
        <v>16</v>
      </c>
      <c r="B18" s="311">
        <v>0</v>
      </c>
      <c r="C18" s="315">
        <v>0</v>
      </c>
      <c r="D18" s="437">
        <v>0</v>
      </c>
      <c r="E18" s="314">
        <v>0</v>
      </c>
      <c r="F18" s="315">
        <v>13</v>
      </c>
      <c r="G18" s="315">
        <v>12</v>
      </c>
      <c r="H18" s="315">
        <v>9</v>
      </c>
      <c r="I18" s="315">
        <v>3</v>
      </c>
      <c r="J18" s="315">
        <v>4</v>
      </c>
      <c r="K18" s="316">
        <v>41</v>
      </c>
      <c r="L18" s="317">
        <v>41</v>
      </c>
      <c r="M18" s="311">
        <v>0</v>
      </c>
      <c r="N18" s="315">
        <v>0</v>
      </c>
      <c r="O18" s="312">
        <v>0</v>
      </c>
      <c r="P18" s="314">
        <v>0</v>
      </c>
      <c r="Q18" s="315">
        <v>0</v>
      </c>
      <c r="R18" s="315">
        <v>0</v>
      </c>
      <c r="S18" s="315">
        <v>0</v>
      </c>
      <c r="T18" s="315">
        <v>0</v>
      </c>
      <c r="U18" s="315">
        <v>3</v>
      </c>
      <c r="V18" s="312">
        <v>3</v>
      </c>
      <c r="W18" s="317">
        <v>3</v>
      </c>
      <c r="X18" s="311">
        <v>1</v>
      </c>
      <c r="Y18" s="315">
        <v>4</v>
      </c>
      <c r="Z18" s="312">
        <v>5</v>
      </c>
      <c r="AA18" s="314">
        <v>0</v>
      </c>
      <c r="AB18" s="315">
        <v>13</v>
      </c>
      <c r="AC18" s="315">
        <v>22</v>
      </c>
      <c r="AD18" s="315">
        <v>12</v>
      </c>
      <c r="AE18" s="315">
        <v>4</v>
      </c>
      <c r="AF18" s="315">
        <v>5</v>
      </c>
      <c r="AG18" s="312">
        <v>56</v>
      </c>
      <c r="AH18" s="317">
        <v>61</v>
      </c>
      <c r="AI18" s="311">
        <v>0</v>
      </c>
      <c r="AJ18" s="315">
        <v>0</v>
      </c>
      <c r="AK18" s="312">
        <v>0</v>
      </c>
      <c r="AL18" s="314">
        <v>0</v>
      </c>
      <c r="AM18" s="315">
        <v>0</v>
      </c>
      <c r="AN18" s="315">
        <v>1</v>
      </c>
      <c r="AO18" s="315">
        <v>2</v>
      </c>
      <c r="AP18" s="315">
        <v>0</v>
      </c>
      <c r="AQ18" s="315">
        <v>1</v>
      </c>
      <c r="AR18" s="312">
        <v>4</v>
      </c>
      <c r="AS18" s="317">
        <v>4</v>
      </c>
      <c r="AT18" s="311">
        <v>2</v>
      </c>
      <c r="AU18" s="315">
        <v>2</v>
      </c>
      <c r="AV18" s="312">
        <v>4</v>
      </c>
      <c r="AW18" s="314">
        <v>0</v>
      </c>
      <c r="AX18" s="315">
        <v>19</v>
      </c>
      <c r="AY18" s="315">
        <v>17</v>
      </c>
      <c r="AZ18" s="315">
        <v>23</v>
      </c>
      <c r="BA18" s="315">
        <v>21</v>
      </c>
      <c r="BB18" s="315">
        <v>12</v>
      </c>
      <c r="BC18" s="316">
        <v>92</v>
      </c>
      <c r="BD18" s="317">
        <v>96</v>
      </c>
      <c r="BE18" s="311">
        <v>0</v>
      </c>
      <c r="BF18" s="315">
        <v>0</v>
      </c>
      <c r="BG18" s="312">
        <v>0</v>
      </c>
      <c r="BH18" s="314">
        <v>0</v>
      </c>
      <c r="BI18" s="315">
        <v>17</v>
      </c>
      <c r="BJ18" s="315">
        <v>24</v>
      </c>
      <c r="BK18" s="315">
        <v>11</v>
      </c>
      <c r="BL18" s="315">
        <v>6</v>
      </c>
      <c r="BM18" s="315">
        <v>3</v>
      </c>
      <c r="BN18" s="312">
        <v>61</v>
      </c>
      <c r="BO18" s="317">
        <v>61</v>
      </c>
      <c r="BP18" s="311">
        <v>2</v>
      </c>
      <c r="BQ18" s="315">
        <v>4</v>
      </c>
      <c r="BR18" s="312">
        <v>6</v>
      </c>
      <c r="BS18" s="314">
        <v>0</v>
      </c>
      <c r="BT18" s="315">
        <v>11</v>
      </c>
      <c r="BU18" s="315">
        <v>24</v>
      </c>
      <c r="BV18" s="315">
        <v>7</v>
      </c>
      <c r="BW18" s="315">
        <v>5</v>
      </c>
      <c r="BX18" s="315">
        <v>0</v>
      </c>
      <c r="BY18" s="312">
        <v>47</v>
      </c>
      <c r="BZ18" s="317">
        <v>53</v>
      </c>
      <c r="CA18" s="311">
        <v>0</v>
      </c>
      <c r="CB18" s="315">
        <v>1</v>
      </c>
      <c r="CC18" s="312">
        <v>1</v>
      </c>
      <c r="CD18" s="314">
        <v>0</v>
      </c>
      <c r="CE18" s="315">
        <v>3</v>
      </c>
      <c r="CF18" s="315">
        <v>8</v>
      </c>
      <c r="CG18" s="315">
        <v>2</v>
      </c>
      <c r="CH18" s="315">
        <v>0</v>
      </c>
      <c r="CI18" s="315">
        <v>0</v>
      </c>
      <c r="CJ18" s="312">
        <v>13</v>
      </c>
      <c r="CK18" s="317">
        <v>14</v>
      </c>
      <c r="CL18" s="311">
        <v>0</v>
      </c>
      <c r="CM18" s="315">
        <v>0</v>
      </c>
      <c r="CN18" s="312">
        <v>0</v>
      </c>
      <c r="CO18" s="314">
        <v>0</v>
      </c>
      <c r="CP18" s="315">
        <v>0</v>
      </c>
      <c r="CQ18" s="315">
        <v>1</v>
      </c>
      <c r="CR18" s="315">
        <v>0</v>
      </c>
      <c r="CS18" s="315">
        <v>1</v>
      </c>
      <c r="CT18" s="315">
        <v>0</v>
      </c>
      <c r="CU18" s="312">
        <v>2</v>
      </c>
      <c r="CV18" s="317">
        <v>2</v>
      </c>
      <c r="CW18" s="311">
        <v>0</v>
      </c>
      <c r="CX18" s="315">
        <v>0</v>
      </c>
      <c r="CY18" s="312">
        <v>0</v>
      </c>
      <c r="CZ18" s="314">
        <v>0</v>
      </c>
      <c r="DA18" s="315">
        <v>0</v>
      </c>
      <c r="DB18" s="315">
        <v>0</v>
      </c>
      <c r="DC18" s="315">
        <v>0</v>
      </c>
      <c r="DD18" s="315">
        <v>0</v>
      </c>
      <c r="DE18" s="315">
        <v>0</v>
      </c>
      <c r="DF18" s="312">
        <v>0</v>
      </c>
      <c r="DG18" s="317">
        <v>0</v>
      </c>
      <c r="DH18" s="311">
        <v>0</v>
      </c>
      <c r="DI18" s="315">
        <v>0</v>
      </c>
      <c r="DJ18" s="312">
        <v>0</v>
      </c>
      <c r="DK18" s="314">
        <v>0</v>
      </c>
      <c r="DL18" s="315">
        <v>0</v>
      </c>
      <c r="DM18" s="315">
        <v>0</v>
      </c>
      <c r="DN18" s="315">
        <v>0</v>
      </c>
      <c r="DO18" s="315">
        <v>0</v>
      </c>
      <c r="DP18" s="315">
        <v>0</v>
      </c>
      <c r="DQ18" s="312">
        <v>0</v>
      </c>
      <c r="DR18" s="317">
        <v>0</v>
      </c>
      <c r="DS18" s="311">
        <v>12</v>
      </c>
      <c r="DT18" s="315">
        <v>9</v>
      </c>
      <c r="DU18" s="312">
        <v>21</v>
      </c>
      <c r="DV18" s="314">
        <v>0</v>
      </c>
      <c r="DW18" s="315">
        <v>22</v>
      </c>
      <c r="DX18" s="315">
        <v>58</v>
      </c>
      <c r="DY18" s="315">
        <v>30</v>
      </c>
      <c r="DZ18" s="315">
        <v>18</v>
      </c>
      <c r="EA18" s="315">
        <v>9</v>
      </c>
      <c r="EB18" s="312">
        <v>137</v>
      </c>
      <c r="EC18" s="317">
        <v>158</v>
      </c>
      <c r="ED18" s="311">
        <v>2</v>
      </c>
      <c r="EE18" s="315">
        <v>3</v>
      </c>
      <c r="EF18" s="312">
        <v>5</v>
      </c>
      <c r="EG18" s="314">
        <v>0</v>
      </c>
      <c r="EH18" s="315">
        <v>11</v>
      </c>
      <c r="EI18" s="315">
        <v>8</v>
      </c>
      <c r="EJ18" s="315">
        <v>12</v>
      </c>
      <c r="EK18" s="315">
        <v>13</v>
      </c>
      <c r="EL18" s="315">
        <v>7</v>
      </c>
      <c r="EM18" s="312">
        <v>51</v>
      </c>
      <c r="EN18" s="317">
        <v>56</v>
      </c>
      <c r="EO18" s="311">
        <v>15</v>
      </c>
      <c r="EP18" s="315">
        <v>16</v>
      </c>
      <c r="EQ18" s="312">
        <v>31</v>
      </c>
      <c r="ER18" s="314">
        <v>0</v>
      </c>
      <c r="ES18" s="315">
        <v>49</v>
      </c>
      <c r="ET18" s="315">
        <v>81</v>
      </c>
      <c r="EU18" s="315">
        <v>33</v>
      </c>
      <c r="EV18" s="315">
        <v>20</v>
      </c>
      <c r="EW18" s="315">
        <v>9</v>
      </c>
      <c r="EX18" s="312">
        <v>192</v>
      </c>
      <c r="EY18" s="317">
        <v>223</v>
      </c>
    </row>
    <row r="19" spans="1:155" ht="19.5" customHeight="1" x14ac:dyDescent="0.2">
      <c r="A19" s="296" t="s">
        <v>17</v>
      </c>
      <c r="B19" s="311">
        <v>0</v>
      </c>
      <c r="C19" s="315">
        <v>0</v>
      </c>
      <c r="D19" s="437">
        <v>0</v>
      </c>
      <c r="E19" s="314">
        <v>0</v>
      </c>
      <c r="F19" s="315">
        <v>7</v>
      </c>
      <c r="G19" s="315">
        <v>19</v>
      </c>
      <c r="H19" s="315">
        <v>13</v>
      </c>
      <c r="I19" s="315">
        <v>11</v>
      </c>
      <c r="J19" s="315">
        <v>10</v>
      </c>
      <c r="K19" s="316">
        <v>60</v>
      </c>
      <c r="L19" s="317">
        <v>60</v>
      </c>
      <c r="M19" s="311">
        <v>0</v>
      </c>
      <c r="N19" s="315">
        <v>0</v>
      </c>
      <c r="O19" s="312">
        <v>0</v>
      </c>
      <c r="P19" s="314">
        <v>0</v>
      </c>
      <c r="Q19" s="315">
        <v>0</v>
      </c>
      <c r="R19" s="315">
        <v>0</v>
      </c>
      <c r="S19" s="315">
        <v>0</v>
      </c>
      <c r="T19" s="315">
        <v>1</v>
      </c>
      <c r="U19" s="315">
        <v>4</v>
      </c>
      <c r="V19" s="312">
        <v>5</v>
      </c>
      <c r="W19" s="317">
        <v>5</v>
      </c>
      <c r="X19" s="311">
        <v>1</v>
      </c>
      <c r="Y19" s="315">
        <v>3</v>
      </c>
      <c r="Z19" s="312">
        <v>4</v>
      </c>
      <c r="AA19" s="314">
        <v>0</v>
      </c>
      <c r="AB19" s="315">
        <v>11</v>
      </c>
      <c r="AC19" s="315">
        <v>12</v>
      </c>
      <c r="AD19" s="315">
        <v>7</v>
      </c>
      <c r="AE19" s="315">
        <v>8</v>
      </c>
      <c r="AF19" s="315">
        <v>6</v>
      </c>
      <c r="AG19" s="312">
        <v>44</v>
      </c>
      <c r="AH19" s="317">
        <v>48</v>
      </c>
      <c r="AI19" s="311">
        <v>1</v>
      </c>
      <c r="AJ19" s="315">
        <v>0</v>
      </c>
      <c r="AK19" s="312">
        <v>1</v>
      </c>
      <c r="AL19" s="314">
        <v>0</v>
      </c>
      <c r="AM19" s="315">
        <v>0</v>
      </c>
      <c r="AN19" s="315">
        <v>3</v>
      </c>
      <c r="AO19" s="315">
        <v>1</v>
      </c>
      <c r="AP19" s="315">
        <v>0</v>
      </c>
      <c r="AQ19" s="315">
        <v>2</v>
      </c>
      <c r="AR19" s="312">
        <v>6</v>
      </c>
      <c r="AS19" s="317">
        <v>7</v>
      </c>
      <c r="AT19" s="311">
        <v>3</v>
      </c>
      <c r="AU19" s="315">
        <v>1</v>
      </c>
      <c r="AV19" s="312">
        <v>4</v>
      </c>
      <c r="AW19" s="314">
        <v>0</v>
      </c>
      <c r="AX19" s="315">
        <v>9</v>
      </c>
      <c r="AY19" s="315">
        <v>24</v>
      </c>
      <c r="AZ19" s="315">
        <v>16</v>
      </c>
      <c r="BA19" s="315">
        <v>20</v>
      </c>
      <c r="BB19" s="315">
        <v>11</v>
      </c>
      <c r="BC19" s="316">
        <v>80</v>
      </c>
      <c r="BD19" s="317">
        <v>84</v>
      </c>
      <c r="BE19" s="311">
        <v>0</v>
      </c>
      <c r="BF19" s="315">
        <v>0</v>
      </c>
      <c r="BG19" s="312">
        <v>0</v>
      </c>
      <c r="BH19" s="314">
        <v>0</v>
      </c>
      <c r="BI19" s="315">
        <v>29</v>
      </c>
      <c r="BJ19" s="315">
        <v>20</v>
      </c>
      <c r="BK19" s="315">
        <v>16</v>
      </c>
      <c r="BL19" s="315">
        <v>6</v>
      </c>
      <c r="BM19" s="315">
        <v>4</v>
      </c>
      <c r="BN19" s="312">
        <v>75</v>
      </c>
      <c r="BO19" s="317">
        <v>75</v>
      </c>
      <c r="BP19" s="311">
        <v>2</v>
      </c>
      <c r="BQ19" s="315">
        <v>3</v>
      </c>
      <c r="BR19" s="312">
        <v>5</v>
      </c>
      <c r="BS19" s="314">
        <v>0</v>
      </c>
      <c r="BT19" s="315">
        <v>4</v>
      </c>
      <c r="BU19" s="315">
        <v>15</v>
      </c>
      <c r="BV19" s="315">
        <v>2</v>
      </c>
      <c r="BW19" s="315">
        <v>1</v>
      </c>
      <c r="BX19" s="315">
        <v>1</v>
      </c>
      <c r="BY19" s="312">
        <v>23</v>
      </c>
      <c r="BZ19" s="317">
        <v>28</v>
      </c>
      <c r="CA19" s="311">
        <v>0</v>
      </c>
      <c r="CB19" s="315">
        <v>1</v>
      </c>
      <c r="CC19" s="312">
        <v>1</v>
      </c>
      <c r="CD19" s="314">
        <v>0</v>
      </c>
      <c r="CE19" s="315">
        <v>7</v>
      </c>
      <c r="CF19" s="315">
        <v>3</v>
      </c>
      <c r="CG19" s="315">
        <v>8</v>
      </c>
      <c r="CH19" s="315">
        <v>5</v>
      </c>
      <c r="CI19" s="315">
        <v>3</v>
      </c>
      <c r="CJ19" s="312">
        <v>26</v>
      </c>
      <c r="CK19" s="317">
        <v>27</v>
      </c>
      <c r="CL19" s="311">
        <v>0</v>
      </c>
      <c r="CM19" s="315">
        <v>0</v>
      </c>
      <c r="CN19" s="312">
        <v>0</v>
      </c>
      <c r="CO19" s="314">
        <v>0</v>
      </c>
      <c r="CP19" s="315">
        <v>1</v>
      </c>
      <c r="CQ19" s="315">
        <v>1</v>
      </c>
      <c r="CR19" s="315">
        <v>1</v>
      </c>
      <c r="CS19" s="315">
        <v>0</v>
      </c>
      <c r="CT19" s="315">
        <v>0</v>
      </c>
      <c r="CU19" s="312">
        <v>3</v>
      </c>
      <c r="CV19" s="317">
        <v>3</v>
      </c>
      <c r="CW19" s="311">
        <v>0</v>
      </c>
      <c r="CX19" s="315">
        <v>0</v>
      </c>
      <c r="CY19" s="312">
        <v>0</v>
      </c>
      <c r="CZ19" s="314">
        <v>0</v>
      </c>
      <c r="DA19" s="315">
        <v>0</v>
      </c>
      <c r="DB19" s="315">
        <v>0</v>
      </c>
      <c r="DC19" s="315">
        <v>0</v>
      </c>
      <c r="DD19" s="315">
        <v>0</v>
      </c>
      <c r="DE19" s="315">
        <v>0</v>
      </c>
      <c r="DF19" s="312">
        <v>0</v>
      </c>
      <c r="DG19" s="317">
        <v>0</v>
      </c>
      <c r="DH19" s="311">
        <v>0</v>
      </c>
      <c r="DI19" s="315">
        <v>0</v>
      </c>
      <c r="DJ19" s="312">
        <v>0</v>
      </c>
      <c r="DK19" s="314">
        <v>0</v>
      </c>
      <c r="DL19" s="315">
        <v>0</v>
      </c>
      <c r="DM19" s="315">
        <v>0</v>
      </c>
      <c r="DN19" s="315">
        <v>0</v>
      </c>
      <c r="DO19" s="315">
        <v>0</v>
      </c>
      <c r="DP19" s="315">
        <v>0</v>
      </c>
      <c r="DQ19" s="312">
        <v>0</v>
      </c>
      <c r="DR19" s="317">
        <v>0</v>
      </c>
      <c r="DS19" s="311">
        <v>4</v>
      </c>
      <c r="DT19" s="315">
        <v>29</v>
      </c>
      <c r="DU19" s="312">
        <v>33</v>
      </c>
      <c r="DV19" s="314">
        <v>0</v>
      </c>
      <c r="DW19" s="315">
        <v>29</v>
      </c>
      <c r="DX19" s="315">
        <v>55</v>
      </c>
      <c r="DY19" s="315">
        <v>40</v>
      </c>
      <c r="DZ19" s="315">
        <v>19</v>
      </c>
      <c r="EA19" s="315">
        <v>17</v>
      </c>
      <c r="EB19" s="312">
        <v>160</v>
      </c>
      <c r="EC19" s="317">
        <v>193</v>
      </c>
      <c r="ED19" s="311">
        <v>3</v>
      </c>
      <c r="EE19" s="315">
        <v>1</v>
      </c>
      <c r="EF19" s="312">
        <v>4</v>
      </c>
      <c r="EG19" s="314">
        <v>0</v>
      </c>
      <c r="EH19" s="315">
        <v>7</v>
      </c>
      <c r="EI19" s="315">
        <v>5</v>
      </c>
      <c r="EJ19" s="315">
        <v>8</v>
      </c>
      <c r="EK19" s="315">
        <v>6</v>
      </c>
      <c r="EL19" s="315">
        <v>2</v>
      </c>
      <c r="EM19" s="312">
        <v>28</v>
      </c>
      <c r="EN19" s="317">
        <v>32</v>
      </c>
      <c r="EO19" s="311">
        <v>8</v>
      </c>
      <c r="EP19" s="315">
        <v>31</v>
      </c>
      <c r="EQ19" s="312">
        <v>39</v>
      </c>
      <c r="ER19" s="314">
        <v>0</v>
      </c>
      <c r="ES19" s="315">
        <v>69</v>
      </c>
      <c r="ET19" s="315">
        <v>74</v>
      </c>
      <c r="EU19" s="315">
        <v>44</v>
      </c>
      <c r="EV19" s="315">
        <v>23</v>
      </c>
      <c r="EW19" s="315">
        <v>17</v>
      </c>
      <c r="EX19" s="312">
        <v>227</v>
      </c>
      <c r="EY19" s="317">
        <v>266</v>
      </c>
    </row>
    <row r="20" spans="1:155" ht="19.5" customHeight="1" x14ac:dyDescent="0.2">
      <c r="A20" s="296" t="s">
        <v>18</v>
      </c>
      <c r="B20" s="311">
        <v>0</v>
      </c>
      <c r="C20" s="315">
        <v>0</v>
      </c>
      <c r="D20" s="437">
        <v>0</v>
      </c>
      <c r="E20" s="314">
        <v>0</v>
      </c>
      <c r="F20" s="315">
        <v>26</v>
      </c>
      <c r="G20" s="315">
        <v>36</v>
      </c>
      <c r="H20" s="315">
        <v>14</v>
      </c>
      <c r="I20" s="315">
        <v>13</v>
      </c>
      <c r="J20" s="315">
        <v>6</v>
      </c>
      <c r="K20" s="316">
        <v>95</v>
      </c>
      <c r="L20" s="317">
        <v>95</v>
      </c>
      <c r="M20" s="311">
        <v>0</v>
      </c>
      <c r="N20" s="315">
        <v>0</v>
      </c>
      <c r="O20" s="312">
        <v>0</v>
      </c>
      <c r="P20" s="314">
        <v>0</v>
      </c>
      <c r="Q20" s="315">
        <v>1</v>
      </c>
      <c r="R20" s="315">
        <v>1</v>
      </c>
      <c r="S20" s="315">
        <v>1</v>
      </c>
      <c r="T20" s="315">
        <v>4</v>
      </c>
      <c r="U20" s="315">
        <v>4</v>
      </c>
      <c r="V20" s="312">
        <v>11</v>
      </c>
      <c r="W20" s="317">
        <v>11</v>
      </c>
      <c r="X20" s="311">
        <v>3</v>
      </c>
      <c r="Y20" s="315">
        <v>7</v>
      </c>
      <c r="Z20" s="312">
        <v>10</v>
      </c>
      <c r="AA20" s="314">
        <v>0</v>
      </c>
      <c r="AB20" s="315">
        <v>19</v>
      </c>
      <c r="AC20" s="315">
        <v>20</v>
      </c>
      <c r="AD20" s="315">
        <v>10</v>
      </c>
      <c r="AE20" s="315">
        <v>10</v>
      </c>
      <c r="AF20" s="315">
        <v>5</v>
      </c>
      <c r="AG20" s="312">
        <v>64</v>
      </c>
      <c r="AH20" s="317">
        <v>74</v>
      </c>
      <c r="AI20" s="311">
        <v>0</v>
      </c>
      <c r="AJ20" s="315">
        <v>3</v>
      </c>
      <c r="AK20" s="312">
        <v>3</v>
      </c>
      <c r="AL20" s="314">
        <v>0</v>
      </c>
      <c r="AM20" s="315">
        <v>2</v>
      </c>
      <c r="AN20" s="315">
        <v>2</v>
      </c>
      <c r="AO20" s="315">
        <v>1</v>
      </c>
      <c r="AP20" s="315">
        <v>2</v>
      </c>
      <c r="AQ20" s="315">
        <v>0</v>
      </c>
      <c r="AR20" s="312">
        <v>7</v>
      </c>
      <c r="AS20" s="317">
        <v>10</v>
      </c>
      <c r="AT20" s="311">
        <v>2</v>
      </c>
      <c r="AU20" s="315">
        <v>9</v>
      </c>
      <c r="AV20" s="312">
        <v>11</v>
      </c>
      <c r="AW20" s="314">
        <v>0</v>
      </c>
      <c r="AX20" s="315">
        <v>35</v>
      </c>
      <c r="AY20" s="315">
        <v>51</v>
      </c>
      <c r="AZ20" s="315">
        <v>29</v>
      </c>
      <c r="BA20" s="315">
        <v>22</v>
      </c>
      <c r="BB20" s="315">
        <v>15</v>
      </c>
      <c r="BC20" s="316">
        <v>152</v>
      </c>
      <c r="BD20" s="317">
        <v>163</v>
      </c>
      <c r="BE20" s="311">
        <v>0</v>
      </c>
      <c r="BF20" s="315">
        <v>0</v>
      </c>
      <c r="BG20" s="312">
        <v>0</v>
      </c>
      <c r="BH20" s="314">
        <v>0</v>
      </c>
      <c r="BI20" s="315">
        <v>36</v>
      </c>
      <c r="BJ20" s="315">
        <v>30</v>
      </c>
      <c r="BK20" s="315">
        <v>17</v>
      </c>
      <c r="BL20" s="315">
        <v>8</v>
      </c>
      <c r="BM20" s="315">
        <v>3</v>
      </c>
      <c r="BN20" s="312">
        <v>94</v>
      </c>
      <c r="BO20" s="317">
        <v>94</v>
      </c>
      <c r="BP20" s="311">
        <v>2</v>
      </c>
      <c r="BQ20" s="315">
        <v>9</v>
      </c>
      <c r="BR20" s="312">
        <v>11</v>
      </c>
      <c r="BS20" s="314">
        <v>0</v>
      </c>
      <c r="BT20" s="315">
        <v>10</v>
      </c>
      <c r="BU20" s="315">
        <v>15</v>
      </c>
      <c r="BV20" s="315">
        <v>7</v>
      </c>
      <c r="BW20" s="315">
        <v>6</v>
      </c>
      <c r="BX20" s="315">
        <v>2</v>
      </c>
      <c r="BY20" s="312">
        <v>40</v>
      </c>
      <c r="BZ20" s="317">
        <v>51</v>
      </c>
      <c r="CA20" s="311">
        <v>0</v>
      </c>
      <c r="CB20" s="315">
        <v>0</v>
      </c>
      <c r="CC20" s="312">
        <v>0</v>
      </c>
      <c r="CD20" s="314">
        <v>0</v>
      </c>
      <c r="CE20" s="315">
        <v>3</v>
      </c>
      <c r="CF20" s="315">
        <v>8</v>
      </c>
      <c r="CG20" s="315">
        <v>3</v>
      </c>
      <c r="CH20" s="315">
        <v>7</v>
      </c>
      <c r="CI20" s="315">
        <v>2</v>
      </c>
      <c r="CJ20" s="312">
        <v>23</v>
      </c>
      <c r="CK20" s="317">
        <v>23</v>
      </c>
      <c r="CL20" s="311">
        <v>0</v>
      </c>
      <c r="CM20" s="315">
        <v>0</v>
      </c>
      <c r="CN20" s="312">
        <v>0</v>
      </c>
      <c r="CO20" s="314">
        <v>0</v>
      </c>
      <c r="CP20" s="315">
        <v>1</v>
      </c>
      <c r="CQ20" s="315">
        <v>1</v>
      </c>
      <c r="CR20" s="315">
        <v>0</v>
      </c>
      <c r="CS20" s="315">
        <v>0</v>
      </c>
      <c r="CT20" s="315">
        <v>0</v>
      </c>
      <c r="CU20" s="312">
        <v>2</v>
      </c>
      <c r="CV20" s="317">
        <v>2</v>
      </c>
      <c r="CW20" s="311">
        <v>0</v>
      </c>
      <c r="CX20" s="315">
        <v>0</v>
      </c>
      <c r="CY20" s="312">
        <v>0</v>
      </c>
      <c r="CZ20" s="314">
        <v>0</v>
      </c>
      <c r="DA20" s="315">
        <v>0</v>
      </c>
      <c r="DB20" s="315">
        <v>0</v>
      </c>
      <c r="DC20" s="315">
        <v>0</v>
      </c>
      <c r="DD20" s="315">
        <v>0</v>
      </c>
      <c r="DE20" s="315">
        <v>0</v>
      </c>
      <c r="DF20" s="312">
        <v>0</v>
      </c>
      <c r="DG20" s="317">
        <v>0</v>
      </c>
      <c r="DH20" s="311">
        <v>0</v>
      </c>
      <c r="DI20" s="315">
        <v>0</v>
      </c>
      <c r="DJ20" s="312">
        <v>0</v>
      </c>
      <c r="DK20" s="314">
        <v>0</v>
      </c>
      <c r="DL20" s="315">
        <v>0</v>
      </c>
      <c r="DM20" s="315">
        <v>0</v>
      </c>
      <c r="DN20" s="315">
        <v>0</v>
      </c>
      <c r="DO20" s="315">
        <v>0</v>
      </c>
      <c r="DP20" s="315">
        <v>0</v>
      </c>
      <c r="DQ20" s="312">
        <v>0</v>
      </c>
      <c r="DR20" s="317">
        <v>0</v>
      </c>
      <c r="DS20" s="311">
        <v>8</v>
      </c>
      <c r="DT20" s="315">
        <v>32</v>
      </c>
      <c r="DU20" s="312">
        <v>40</v>
      </c>
      <c r="DV20" s="314">
        <v>0</v>
      </c>
      <c r="DW20" s="315">
        <v>47</v>
      </c>
      <c r="DX20" s="315">
        <v>64</v>
      </c>
      <c r="DY20" s="315">
        <v>38</v>
      </c>
      <c r="DZ20" s="315">
        <v>28</v>
      </c>
      <c r="EA20" s="315">
        <v>10</v>
      </c>
      <c r="EB20" s="312">
        <v>187</v>
      </c>
      <c r="EC20" s="317">
        <v>227</v>
      </c>
      <c r="ED20" s="311">
        <v>1</v>
      </c>
      <c r="EE20" s="315">
        <v>3</v>
      </c>
      <c r="EF20" s="312">
        <v>4</v>
      </c>
      <c r="EG20" s="314">
        <v>0</v>
      </c>
      <c r="EH20" s="315">
        <v>11</v>
      </c>
      <c r="EI20" s="315">
        <v>12</v>
      </c>
      <c r="EJ20" s="315">
        <v>11</v>
      </c>
      <c r="EK20" s="315">
        <v>4</v>
      </c>
      <c r="EL20" s="315">
        <v>6</v>
      </c>
      <c r="EM20" s="312">
        <v>44</v>
      </c>
      <c r="EN20" s="317">
        <v>48</v>
      </c>
      <c r="EO20" s="311">
        <v>12</v>
      </c>
      <c r="EP20" s="315">
        <v>43</v>
      </c>
      <c r="EQ20" s="312">
        <v>55</v>
      </c>
      <c r="ER20" s="314">
        <v>0</v>
      </c>
      <c r="ES20" s="315">
        <v>100</v>
      </c>
      <c r="ET20" s="315">
        <v>96</v>
      </c>
      <c r="EU20" s="315">
        <v>50</v>
      </c>
      <c r="EV20" s="315">
        <v>31</v>
      </c>
      <c r="EW20" s="315">
        <v>12</v>
      </c>
      <c r="EX20" s="312">
        <v>289</v>
      </c>
      <c r="EY20" s="317">
        <v>344</v>
      </c>
    </row>
    <row r="21" spans="1:155" ht="19.5" customHeight="1" x14ac:dyDescent="0.2">
      <c r="A21" s="296" t="s">
        <v>19</v>
      </c>
      <c r="B21" s="311">
        <v>0</v>
      </c>
      <c r="C21" s="315">
        <v>0</v>
      </c>
      <c r="D21" s="437">
        <v>0</v>
      </c>
      <c r="E21" s="314">
        <v>0</v>
      </c>
      <c r="F21" s="315">
        <v>14</v>
      </c>
      <c r="G21" s="315">
        <v>11</v>
      </c>
      <c r="H21" s="315">
        <v>2</v>
      </c>
      <c r="I21" s="315">
        <v>9</v>
      </c>
      <c r="J21" s="315">
        <v>2</v>
      </c>
      <c r="K21" s="316">
        <v>38</v>
      </c>
      <c r="L21" s="317">
        <v>38</v>
      </c>
      <c r="M21" s="311">
        <v>0</v>
      </c>
      <c r="N21" s="315">
        <v>0</v>
      </c>
      <c r="O21" s="312">
        <v>0</v>
      </c>
      <c r="P21" s="314">
        <v>0</v>
      </c>
      <c r="Q21" s="315">
        <v>1</v>
      </c>
      <c r="R21" s="315">
        <v>2</v>
      </c>
      <c r="S21" s="315">
        <v>0</v>
      </c>
      <c r="T21" s="315">
        <v>4</v>
      </c>
      <c r="U21" s="315">
        <v>3</v>
      </c>
      <c r="V21" s="312">
        <v>10</v>
      </c>
      <c r="W21" s="317">
        <v>10</v>
      </c>
      <c r="X21" s="311">
        <v>1</v>
      </c>
      <c r="Y21" s="315">
        <v>0</v>
      </c>
      <c r="Z21" s="312">
        <v>1</v>
      </c>
      <c r="AA21" s="314">
        <v>0</v>
      </c>
      <c r="AB21" s="315">
        <v>14</v>
      </c>
      <c r="AC21" s="315">
        <v>15</v>
      </c>
      <c r="AD21" s="315">
        <v>4</v>
      </c>
      <c r="AE21" s="315">
        <v>5</v>
      </c>
      <c r="AF21" s="315">
        <v>5</v>
      </c>
      <c r="AG21" s="312">
        <v>43</v>
      </c>
      <c r="AH21" s="317">
        <v>44</v>
      </c>
      <c r="AI21" s="311">
        <v>0</v>
      </c>
      <c r="AJ21" s="315">
        <v>0</v>
      </c>
      <c r="AK21" s="312">
        <v>0</v>
      </c>
      <c r="AL21" s="314">
        <v>0</v>
      </c>
      <c r="AM21" s="315">
        <v>1</v>
      </c>
      <c r="AN21" s="315">
        <v>2</v>
      </c>
      <c r="AO21" s="315">
        <v>2</v>
      </c>
      <c r="AP21" s="315">
        <v>1</v>
      </c>
      <c r="AQ21" s="315">
        <v>0</v>
      </c>
      <c r="AR21" s="312">
        <v>6</v>
      </c>
      <c r="AS21" s="317">
        <v>6</v>
      </c>
      <c r="AT21" s="311">
        <v>2</v>
      </c>
      <c r="AU21" s="315">
        <v>3</v>
      </c>
      <c r="AV21" s="312">
        <v>5</v>
      </c>
      <c r="AW21" s="314">
        <v>0</v>
      </c>
      <c r="AX21" s="315">
        <v>23</v>
      </c>
      <c r="AY21" s="315">
        <v>15</v>
      </c>
      <c r="AZ21" s="315">
        <v>9</v>
      </c>
      <c r="BA21" s="315">
        <v>15</v>
      </c>
      <c r="BB21" s="315">
        <v>8</v>
      </c>
      <c r="BC21" s="316">
        <v>70</v>
      </c>
      <c r="BD21" s="317">
        <v>75</v>
      </c>
      <c r="BE21" s="311">
        <v>0</v>
      </c>
      <c r="BF21" s="315">
        <v>0</v>
      </c>
      <c r="BG21" s="312">
        <v>0</v>
      </c>
      <c r="BH21" s="314">
        <v>0</v>
      </c>
      <c r="BI21" s="315">
        <v>19</v>
      </c>
      <c r="BJ21" s="315">
        <v>18</v>
      </c>
      <c r="BK21" s="315">
        <v>7</v>
      </c>
      <c r="BL21" s="315">
        <v>2</v>
      </c>
      <c r="BM21" s="315">
        <v>0</v>
      </c>
      <c r="BN21" s="312">
        <v>46</v>
      </c>
      <c r="BO21" s="317">
        <v>46</v>
      </c>
      <c r="BP21" s="311">
        <v>2</v>
      </c>
      <c r="BQ21" s="315">
        <v>1</v>
      </c>
      <c r="BR21" s="312">
        <v>3</v>
      </c>
      <c r="BS21" s="314">
        <v>0</v>
      </c>
      <c r="BT21" s="315">
        <v>7</v>
      </c>
      <c r="BU21" s="315">
        <v>6</v>
      </c>
      <c r="BV21" s="315">
        <v>0</v>
      </c>
      <c r="BW21" s="315">
        <v>3</v>
      </c>
      <c r="BX21" s="315">
        <v>0</v>
      </c>
      <c r="BY21" s="312">
        <v>16</v>
      </c>
      <c r="BZ21" s="317">
        <v>19</v>
      </c>
      <c r="CA21" s="311">
        <v>0</v>
      </c>
      <c r="CB21" s="315">
        <v>0</v>
      </c>
      <c r="CC21" s="312">
        <v>0</v>
      </c>
      <c r="CD21" s="314">
        <v>0</v>
      </c>
      <c r="CE21" s="315">
        <v>2</v>
      </c>
      <c r="CF21" s="315">
        <v>2</v>
      </c>
      <c r="CG21" s="315">
        <v>0</v>
      </c>
      <c r="CH21" s="315">
        <v>0</v>
      </c>
      <c r="CI21" s="315">
        <v>0</v>
      </c>
      <c r="CJ21" s="312">
        <v>4</v>
      </c>
      <c r="CK21" s="317">
        <v>4</v>
      </c>
      <c r="CL21" s="311">
        <v>0</v>
      </c>
      <c r="CM21" s="315">
        <v>0</v>
      </c>
      <c r="CN21" s="312">
        <v>0</v>
      </c>
      <c r="CO21" s="314">
        <v>0</v>
      </c>
      <c r="CP21" s="315">
        <v>0</v>
      </c>
      <c r="CQ21" s="315">
        <v>0</v>
      </c>
      <c r="CR21" s="315">
        <v>0</v>
      </c>
      <c r="CS21" s="315">
        <v>1</v>
      </c>
      <c r="CT21" s="315">
        <v>0</v>
      </c>
      <c r="CU21" s="312">
        <v>1</v>
      </c>
      <c r="CV21" s="317">
        <v>1</v>
      </c>
      <c r="CW21" s="311">
        <v>0</v>
      </c>
      <c r="CX21" s="315">
        <v>0</v>
      </c>
      <c r="CY21" s="312">
        <v>0</v>
      </c>
      <c r="CZ21" s="314">
        <v>0</v>
      </c>
      <c r="DA21" s="315">
        <v>0</v>
      </c>
      <c r="DB21" s="315">
        <v>0</v>
      </c>
      <c r="DC21" s="315">
        <v>0</v>
      </c>
      <c r="DD21" s="315">
        <v>0</v>
      </c>
      <c r="DE21" s="315">
        <v>0</v>
      </c>
      <c r="DF21" s="312">
        <v>0</v>
      </c>
      <c r="DG21" s="317">
        <v>0</v>
      </c>
      <c r="DH21" s="311">
        <v>0</v>
      </c>
      <c r="DI21" s="315">
        <v>0</v>
      </c>
      <c r="DJ21" s="312">
        <v>0</v>
      </c>
      <c r="DK21" s="314">
        <v>0</v>
      </c>
      <c r="DL21" s="315">
        <v>0</v>
      </c>
      <c r="DM21" s="315">
        <v>0</v>
      </c>
      <c r="DN21" s="315">
        <v>0</v>
      </c>
      <c r="DO21" s="315">
        <v>0</v>
      </c>
      <c r="DP21" s="315">
        <v>0</v>
      </c>
      <c r="DQ21" s="312">
        <v>0</v>
      </c>
      <c r="DR21" s="317">
        <v>0</v>
      </c>
      <c r="DS21" s="311">
        <v>5</v>
      </c>
      <c r="DT21" s="315">
        <v>8</v>
      </c>
      <c r="DU21" s="312">
        <v>13</v>
      </c>
      <c r="DV21" s="314">
        <v>0</v>
      </c>
      <c r="DW21" s="315">
        <v>28</v>
      </c>
      <c r="DX21" s="315">
        <v>31</v>
      </c>
      <c r="DY21" s="315">
        <v>10</v>
      </c>
      <c r="DZ21" s="315">
        <v>14</v>
      </c>
      <c r="EA21" s="315">
        <v>8</v>
      </c>
      <c r="EB21" s="312">
        <v>91</v>
      </c>
      <c r="EC21" s="317">
        <v>104</v>
      </c>
      <c r="ED21" s="311">
        <v>0</v>
      </c>
      <c r="EE21" s="315">
        <v>3</v>
      </c>
      <c r="EF21" s="312">
        <v>3</v>
      </c>
      <c r="EG21" s="314">
        <v>0</v>
      </c>
      <c r="EH21" s="315">
        <v>7</v>
      </c>
      <c r="EI21" s="315">
        <v>4</v>
      </c>
      <c r="EJ21" s="315">
        <v>3</v>
      </c>
      <c r="EK21" s="315">
        <v>5</v>
      </c>
      <c r="EL21" s="315">
        <v>2</v>
      </c>
      <c r="EM21" s="312">
        <v>21</v>
      </c>
      <c r="EN21" s="317">
        <v>24</v>
      </c>
      <c r="EO21" s="311">
        <v>8</v>
      </c>
      <c r="EP21" s="315">
        <v>8</v>
      </c>
      <c r="EQ21" s="312">
        <v>16</v>
      </c>
      <c r="ER21" s="314">
        <v>0</v>
      </c>
      <c r="ES21" s="315">
        <v>48</v>
      </c>
      <c r="ET21" s="315">
        <v>46</v>
      </c>
      <c r="EU21" s="315">
        <v>13</v>
      </c>
      <c r="EV21" s="315">
        <v>16</v>
      </c>
      <c r="EW21" s="315">
        <v>5</v>
      </c>
      <c r="EX21" s="312">
        <v>128</v>
      </c>
      <c r="EY21" s="317">
        <v>144</v>
      </c>
    </row>
    <row r="22" spans="1:155" ht="19.5" customHeight="1" x14ac:dyDescent="0.2">
      <c r="A22" s="296" t="s">
        <v>20</v>
      </c>
      <c r="B22" s="311">
        <v>0</v>
      </c>
      <c r="C22" s="315">
        <v>0</v>
      </c>
      <c r="D22" s="437">
        <v>0</v>
      </c>
      <c r="E22" s="314">
        <v>0</v>
      </c>
      <c r="F22" s="315">
        <v>17</v>
      </c>
      <c r="G22" s="315">
        <v>13</v>
      </c>
      <c r="H22" s="315">
        <v>8</v>
      </c>
      <c r="I22" s="315">
        <v>6</v>
      </c>
      <c r="J22" s="315">
        <v>2</v>
      </c>
      <c r="K22" s="316">
        <v>46</v>
      </c>
      <c r="L22" s="317">
        <v>46</v>
      </c>
      <c r="M22" s="311">
        <v>0</v>
      </c>
      <c r="N22" s="315">
        <v>0</v>
      </c>
      <c r="O22" s="312">
        <v>0</v>
      </c>
      <c r="P22" s="314">
        <v>0</v>
      </c>
      <c r="Q22" s="315">
        <v>0</v>
      </c>
      <c r="R22" s="315">
        <v>0</v>
      </c>
      <c r="S22" s="315">
        <v>0</v>
      </c>
      <c r="T22" s="315">
        <v>1</v>
      </c>
      <c r="U22" s="315">
        <v>2</v>
      </c>
      <c r="V22" s="312">
        <v>3</v>
      </c>
      <c r="W22" s="317">
        <v>3</v>
      </c>
      <c r="X22" s="311">
        <v>1</v>
      </c>
      <c r="Y22" s="315">
        <v>6</v>
      </c>
      <c r="Z22" s="312">
        <v>7</v>
      </c>
      <c r="AA22" s="314">
        <v>0</v>
      </c>
      <c r="AB22" s="315">
        <v>27</v>
      </c>
      <c r="AC22" s="315">
        <v>12</v>
      </c>
      <c r="AD22" s="315">
        <v>9</v>
      </c>
      <c r="AE22" s="315">
        <v>6</v>
      </c>
      <c r="AF22" s="315">
        <v>3</v>
      </c>
      <c r="AG22" s="312">
        <v>57</v>
      </c>
      <c r="AH22" s="317">
        <v>64</v>
      </c>
      <c r="AI22" s="311">
        <v>2</v>
      </c>
      <c r="AJ22" s="315">
        <v>1</v>
      </c>
      <c r="AK22" s="312">
        <v>3</v>
      </c>
      <c r="AL22" s="314">
        <v>0</v>
      </c>
      <c r="AM22" s="315">
        <v>4</v>
      </c>
      <c r="AN22" s="315">
        <v>5</v>
      </c>
      <c r="AO22" s="315">
        <v>4</v>
      </c>
      <c r="AP22" s="315">
        <v>2</v>
      </c>
      <c r="AQ22" s="315">
        <v>1</v>
      </c>
      <c r="AR22" s="312">
        <v>16</v>
      </c>
      <c r="AS22" s="317">
        <v>19</v>
      </c>
      <c r="AT22" s="311">
        <v>2</v>
      </c>
      <c r="AU22" s="315">
        <v>6</v>
      </c>
      <c r="AV22" s="312">
        <v>8</v>
      </c>
      <c r="AW22" s="314">
        <v>0</v>
      </c>
      <c r="AX22" s="315">
        <v>20</v>
      </c>
      <c r="AY22" s="315">
        <v>23</v>
      </c>
      <c r="AZ22" s="315">
        <v>17</v>
      </c>
      <c r="BA22" s="315">
        <v>18</v>
      </c>
      <c r="BB22" s="315">
        <v>4</v>
      </c>
      <c r="BC22" s="316">
        <v>82</v>
      </c>
      <c r="BD22" s="317">
        <v>90</v>
      </c>
      <c r="BE22" s="311">
        <v>0</v>
      </c>
      <c r="BF22" s="315">
        <v>0</v>
      </c>
      <c r="BG22" s="312">
        <v>0</v>
      </c>
      <c r="BH22" s="314">
        <v>0</v>
      </c>
      <c r="BI22" s="315">
        <v>22</v>
      </c>
      <c r="BJ22" s="315">
        <v>15</v>
      </c>
      <c r="BK22" s="315">
        <v>12</v>
      </c>
      <c r="BL22" s="315">
        <v>5</v>
      </c>
      <c r="BM22" s="315">
        <v>1</v>
      </c>
      <c r="BN22" s="312">
        <v>55</v>
      </c>
      <c r="BO22" s="317">
        <v>55</v>
      </c>
      <c r="BP22" s="311">
        <v>6</v>
      </c>
      <c r="BQ22" s="315">
        <v>2</v>
      </c>
      <c r="BR22" s="312">
        <v>8</v>
      </c>
      <c r="BS22" s="314">
        <v>0</v>
      </c>
      <c r="BT22" s="315">
        <v>13</v>
      </c>
      <c r="BU22" s="315">
        <v>8</v>
      </c>
      <c r="BV22" s="315">
        <v>4</v>
      </c>
      <c r="BW22" s="315">
        <v>9</v>
      </c>
      <c r="BX22" s="315">
        <v>2</v>
      </c>
      <c r="BY22" s="312">
        <v>36</v>
      </c>
      <c r="BZ22" s="317">
        <v>44</v>
      </c>
      <c r="CA22" s="311">
        <v>1</v>
      </c>
      <c r="CB22" s="315">
        <v>2</v>
      </c>
      <c r="CC22" s="312">
        <v>3</v>
      </c>
      <c r="CD22" s="314">
        <v>0</v>
      </c>
      <c r="CE22" s="315">
        <v>3</v>
      </c>
      <c r="CF22" s="315">
        <v>1</v>
      </c>
      <c r="CG22" s="315">
        <v>9</v>
      </c>
      <c r="CH22" s="315">
        <v>7</v>
      </c>
      <c r="CI22" s="315">
        <v>0</v>
      </c>
      <c r="CJ22" s="312">
        <v>20</v>
      </c>
      <c r="CK22" s="317">
        <v>23</v>
      </c>
      <c r="CL22" s="311">
        <v>0</v>
      </c>
      <c r="CM22" s="315">
        <v>0</v>
      </c>
      <c r="CN22" s="312">
        <v>0</v>
      </c>
      <c r="CO22" s="314">
        <v>0</v>
      </c>
      <c r="CP22" s="315">
        <v>0</v>
      </c>
      <c r="CQ22" s="315">
        <v>0</v>
      </c>
      <c r="CR22" s="315">
        <v>0</v>
      </c>
      <c r="CS22" s="315">
        <v>3</v>
      </c>
      <c r="CT22" s="315">
        <v>0</v>
      </c>
      <c r="CU22" s="312">
        <v>3</v>
      </c>
      <c r="CV22" s="317">
        <v>3</v>
      </c>
      <c r="CW22" s="311">
        <v>0</v>
      </c>
      <c r="CX22" s="315">
        <v>0</v>
      </c>
      <c r="CY22" s="312">
        <v>0</v>
      </c>
      <c r="CZ22" s="314">
        <v>0</v>
      </c>
      <c r="DA22" s="315">
        <v>0</v>
      </c>
      <c r="DB22" s="315">
        <v>0</v>
      </c>
      <c r="DC22" s="315">
        <v>0</v>
      </c>
      <c r="DD22" s="315">
        <v>0</v>
      </c>
      <c r="DE22" s="315">
        <v>0</v>
      </c>
      <c r="DF22" s="312">
        <v>0</v>
      </c>
      <c r="DG22" s="317">
        <v>0</v>
      </c>
      <c r="DH22" s="311">
        <v>0</v>
      </c>
      <c r="DI22" s="315">
        <v>0</v>
      </c>
      <c r="DJ22" s="312">
        <v>0</v>
      </c>
      <c r="DK22" s="314">
        <v>0</v>
      </c>
      <c r="DL22" s="315">
        <v>0</v>
      </c>
      <c r="DM22" s="315">
        <v>0</v>
      </c>
      <c r="DN22" s="315">
        <v>0</v>
      </c>
      <c r="DO22" s="315">
        <v>0</v>
      </c>
      <c r="DP22" s="315">
        <v>0</v>
      </c>
      <c r="DQ22" s="312">
        <v>0</v>
      </c>
      <c r="DR22" s="317">
        <v>0</v>
      </c>
      <c r="DS22" s="311">
        <v>13</v>
      </c>
      <c r="DT22" s="315">
        <v>19</v>
      </c>
      <c r="DU22" s="312">
        <v>32</v>
      </c>
      <c r="DV22" s="314">
        <v>0</v>
      </c>
      <c r="DW22" s="315">
        <v>46</v>
      </c>
      <c r="DX22" s="315">
        <v>35</v>
      </c>
      <c r="DY22" s="315">
        <v>26</v>
      </c>
      <c r="DZ22" s="315">
        <v>20</v>
      </c>
      <c r="EA22" s="315">
        <v>7</v>
      </c>
      <c r="EB22" s="312">
        <v>134</v>
      </c>
      <c r="EC22" s="317">
        <v>166</v>
      </c>
      <c r="ED22" s="311">
        <v>2</v>
      </c>
      <c r="EE22" s="315">
        <v>4</v>
      </c>
      <c r="EF22" s="312">
        <v>6</v>
      </c>
      <c r="EG22" s="314">
        <v>0</v>
      </c>
      <c r="EH22" s="315">
        <v>8</v>
      </c>
      <c r="EI22" s="315">
        <v>12</v>
      </c>
      <c r="EJ22" s="315">
        <v>7</v>
      </c>
      <c r="EK22" s="315">
        <v>9</v>
      </c>
      <c r="EL22" s="315">
        <v>1</v>
      </c>
      <c r="EM22" s="312">
        <v>37</v>
      </c>
      <c r="EN22" s="317">
        <v>43</v>
      </c>
      <c r="EO22" s="311">
        <v>23</v>
      </c>
      <c r="EP22" s="315">
        <v>30</v>
      </c>
      <c r="EQ22" s="312">
        <v>53</v>
      </c>
      <c r="ER22" s="314">
        <v>0</v>
      </c>
      <c r="ES22" s="315">
        <v>79</v>
      </c>
      <c r="ET22" s="315">
        <v>47</v>
      </c>
      <c r="EU22" s="315">
        <v>35</v>
      </c>
      <c r="EV22" s="315">
        <v>22</v>
      </c>
      <c r="EW22" s="315">
        <v>5</v>
      </c>
      <c r="EX22" s="312">
        <v>188</v>
      </c>
      <c r="EY22" s="317">
        <v>241</v>
      </c>
    </row>
    <row r="23" spans="1:155" ht="19.5" customHeight="1" x14ac:dyDescent="0.2">
      <c r="A23" s="296" t="s">
        <v>21</v>
      </c>
      <c r="B23" s="311">
        <v>0</v>
      </c>
      <c r="C23" s="315">
        <v>0</v>
      </c>
      <c r="D23" s="437">
        <v>0</v>
      </c>
      <c r="E23" s="314">
        <v>0</v>
      </c>
      <c r="F23" s="315">
        <v>22</v>
      </c>
      <c r="G23" s="315">
        <v>9</v>
      </c>
      <c r="H23" s="315">
        <v>7</v>
      </c>
      <c r="I23" s="315">
        <v>9</v>
      </c>
      <c r="J23" s="315">
        <v>6</v>
      </c>
      <c r="K23" s="316">
        <v>53</v>
      </c>
      <c r="L23" s="317">
        <v>53</v>
      </c>
      <c r="M23" s="311">
        <v>0</v>
      </c>
      <c r="N23" s="315">
        <v>0</v>
      </c>
      <c r="O23" s="312">
        <v>0</v>
      </c>
      <c r="P23" s="314">
        <v>0</v>
      </c>
      <c r="Q23" s="315">
        <v>0</v>
      </c>
      <c r="R23" s="315">
        <v>0</v>
      </c>
      <c r="S23" s="315">
        <v>0</v>
      </c>
      <c r="T23" s="315">
        <v>1</v>
      </c>
      <c r="U23" s="315">
        <v>3</v>
      </c>
      <c r="V23" s="312">
        <v>4</v>
      </c>
      <c r="W23" s="317">
        <v>4</v>
      </c>
      <c r="X23" s="311">
        <v>3</v>
      </c>
      <c r="Y23" s="315">
        <v>3</v>
      </c>
      <c r="Z23" s="312">
        <v>6</v>
      </c>
      <c r="AA23" s="314">
        <v>0</v>
      </c>
      <c r="AB23" s="315">
        <v>17</v>
      </c>
      <c r="AC23" s="315">
        <v>20</v>
      </c>
      <c r="AD23" s="315">
        <v>6</v>
      </c>
      <c r="AE23" s="315">
        <v>8</v>
      </c>
      <c r="AF23" s="315">
        <v>5</v>
      </c>
      <c r="AG23" s="312">
        <v>56</v>
      </c>
      <c r="AH23" s="317">
        <v>62</v>
      </c>
      <c r="AI23" s="311">
        <v>1</v>
      </c>
      <c r="AJ23" s="315">
        <v>1</v>
      </c>
      <c r="AK23" s="312">
        <v>2</v>
      </c>
      <c r="AL23" s="314">
        <v>0</v>
      </c>
      <c r="AM23" s="315">
        <v>2</v>
      </c>
      <c r="AN23" s="315">
        <v>5</v>
      </c>
      <c r="AO23" s="315">
        <v>0</v>
      </c>
      <c r="AP23" s="315">
        <v>0</v>
      </c>
      <c r="AQ23" s="315">
        <v>0</v>
      </c>
      <c r="AR23" s="312">
        <v>7</v>
      </c>
      <c r="AS23" s="317">
        <v>9</v>
      </c>
      <c r="AT23" s="311">
        <v>3</v>
      </c>
      <c r="AU23" s="315">
        <v>1</v>
      </c>
      <c r="AV23" s="312">
        <v>4</v>
      </c>
      <c r="AW23" s="314">
        <v>0</v>
      </c>
      <c r="AX23" s="315">
        <v>19</v>
      </c>
      <c r="AY23" s="315">
        <v>19</v>
      </c>
      <c r="AZ23" s="315">
        <v>12</v>
      </c>
      <c r="BA23" s="315">
        <v>16</v>
      </c>
      <c r="BB23" s="315">
        <v>10</v>
      </c>
      <c r="BC23" s="316">
        <v>76</v>
      </c>
      <c r="BD23" s="317">
        <v>80</v>
      </c>
      <c r="BE23" s="311">
        <v>0</v>
      </c>
      <c r="BF23" s="315">
        <v>0</v>
      </c>
      <c r="BG23" s="312">
        <v>0</v>
      </c>
      <c r="BH23" s="314">
        <v>0</v>
      </c>
      <c r="BI23" s="315">
        <v>18</v>
      </c>
      <c r="BJ23" s="315">
        <v>16</v>
      </c>
      <c r="BK23" s="315">
        <v>9</v>
      </c>
      <c r="BL23" s="315">
        <v>2</v>
      </c>
      <c r="BM23" s="315">
        <v>2</v>
      </c>
      <c r="BN23" s="312">
        <v>47</v>
      </c>
      <c r="BO23" s="317">
        <v>47</v>
      </c>
      <c r="BP23" s="311">
        <v>0</v>
      </c>
      <c r="BQ23" s="315">
        <v>2</v>
      </c>
      <c r="BR23" s="312">
        <v>2</v>
      </c>
      <c r="BS23" s="314">
        <v>0</v>
      </c>
      <c r="BT23" s="315">
        <v>5</v>
      </c>
      <c r="BU23" s="315">
        <v>10</v>
      </c>
      <c r="BV23" s="315">
        <v>4</v>
      </c>
      <c r="BW23" s="315">
        <v>0</v>
      </c>
      <c r="BX23" s="315">
        <v>0</v>
      </c>
      <c r="BY23" s="312">
        <v>19</v>
      </c>
      <c r="BZ23" s="317">
        <v>21</v>
      </c>
      <c r="CA23" s="311">
        <v>0</v>
      </c>
      <c r="CB23" s="315">
        <v>0</v>
      </c>
      <c r="CC23" s="312">
        <v>0</v>
      </c>
      <c r="CD23" s="314">
        <v>0</v>
      </c>
      <c r="CE23" s="315">
        <v>2</v>
      </c>
      <c r="CF23" s="315">
        <v>2</v>
      </c>
      <c r="CG23" s="315">
        <v>10</v>
      </c>
      <c r="CH23" s="315">
        <v>5</v>
      </c>
      <c r="CI23" s="315">
        <v>1</v>
      </c>
      <c r="CJ23" s="312">
        <v>20</v>
      </c>
      <c r="CK23" s="317">
        <v>20</v>
      </c>
      <c r="CL23" s="311">
        <v>0</v>
      </c>
      <c r="CM23" s="315">
        <v>0</v>
      </c>
      <c r="CN23" s="312">
        <v>0</v>
      </c>
      <c r="CO23" s="314">
        <v>0</v>
      </c>
      <c r="CP23" s="315">
        <v>0</v>
      </c>
      <c r="CQ23" s="315">
        <v>0</v>
      </c>
      <c r="CR23" s="315">
        <v>0</v>
      </c>
      <c r="CS23" s="315">
        <v>0</v>
      </c>
      <c r="CT23" s="315">
        <v>0</v>
      </c>
      <c r="CU23" s="312">
        <v>0</v>
      </c>
      <c r="CV23" s="317">
        <v>0</v>
      </c>
      <c r="CW23" s="311">
        <v>0</v>
      </c>
      <c r="CX23" s="315">
        <v>0</v>
      </c>
      <c r="CY23" s="312">
        <v>0</v>
      </c>
      <c r="CZ23" s="314">
        <v>0</v>
      </c>
      <c r="DA23" s="315">
        <v>0</v>
      </c>
      <c r="DB23" s="315">
        <v>0</v>
      </c>
      <c r="DC23" s="315">
        <v>0</v>
      </c>
      <c r="DD23" s="315">
        <v>0</v>
      </c>
      <c r="DE23" s="315">
        <v>0</v>
      </c>
      <c r="DF23" s="312">
        <v>0</v>
      </c>
      <c r="DG23" s="317">
        <v>0</v>
      </c>
      <c r="DH23" s="311">
        <v>0</v>
      </c>
      <c r="DI23" s="315">
        <v>0</v>
      </c>
      <c r="DJ23" s="312">
        <v>0</v>
      </c>
      <c r="DK23" s="314">
        <v>0</v>
      </c>
      <c r="DL23" s="315">
        <v>0</v>
      </c>
      <c r="DM23" s="315">
        <v>0</v>
      </c>
      <c r="DN23" s="315">
        <v>0</v>
      </c>
      <c r="DO23" s="315">
        <v>0</v>
      </c>
      <c r="DP23" s="315">
        <v>0</v>
      </c>
      <c r="DQ23" s="312">
        <v>0</v>
      </c>
      <c r="DR23" s="317">
        <v>0</v>
      </c>
      <c r="DS23" s="311">
        <v>6</v>
      </c>
      <c r="DT23" s="315">
        <v>12</v>
      </c>
      <c r="DU23" s="312">
        <v>18</v>
      </c>
      <c r="DV23" s="314">
        <v>0</v>
      </c>
      <c r="DW23" s="315">
        <v>22</v>
      </c>
      <c r="DX23" s="315">
        <v>44</v>
      </c>
      <c r="DY23" s="315">
        <v>21</v>
      </c>
      <c r="DZ23" s="315">
        <v>18</v>
      </c>
      <c r="EA23" s="315">
        <v>8</v>
      </c>
      <c r="EB23" s="312">
        <v>113</v>
      </c>
      <c r="EC23" s="317">
        <v>131</v>
      </c>
      <c r="ED23" s="311">
        <v>1</v>
      </c>
      <c r="EE23" s="315">
        <v>1</v>
      </c>
      <c r="EF23" s="312">
        <v>2</v>
      </c>
      <c r="EG23" s="314">
        <v>0</v>
      </c>
      <c r="EH23" s="315">
        <v>9</v>
      </c>
      <c r="EI23" s="315">
        <v>5</v>
      </c>
      <c r="EJ23" s="315">
        <v>4</v>
      </c>
      <c r="EK23" s="315">
        <v>4</v>
      </c>
      <c r="EL23" s="315">
        <v>3</v>
      </c>
      <c r="EM23" s="312">
        <v>25</v>
      </c>
      <c r="EN23" s="317">
        <v>27</v>
      </c>
      <c r="EO23" s="311">
        <v>9</v>
      </c>
      <c r="EP23" s="315">
        <v>16</v>
      </c>
      <c r="EQ23" s="312">
        <v>25</v>
      </c>
      <c r="ER23" s="314">
        <v>0</v>
      </c>
      <c r="ES23" s="315">
        <v>52</v>
      </c>
      <c r="ET23" s="315">
        <v>59</v>
      </c>
      <c r="EU23" s="315">
        <v>30</v>
      </c>
      <c r="EV23" s="315">
        <v>18</v>
      </c>
      <c r="EW23" s="315">
        <v>9</v>
      </c>
      <c r="EX23" s="312">
        <v>168</v>
      </c>
      <c r="EY23" s="317">
        <v>193</v>
      </c>
    </row>
    <row r="24" spans="1:155" ht="19.5" customHeight="1" x14ac:dyDescent="0.2">
      <c r="A24" s="296" t="s">
        <v>22</v>
      </c>
      <c r="B24" s="311">
        <v>0</v>
      </c>
      <c r="C24" s="315">
        <v>0</v>
      </c>
      <c r="D24" s="437">
        <v>0</v>
      </c>
      <c r="E24" s="314">
        <v>0</v>
      </c>
      <c r="F24" s="315">
        <v>6</v>
      </c>
      <c r="G24" s="315">
        <v>6</v>
      </c>
      <c r="H24" s="315">
        <v>1</v>
      </c>
      <c r="I24" s="315">
        <v>2</v>
      </c>
      <c r="J24" s="315">
        <v>3</v>
      </c>
      <c r="K24" s="316">
        <v>18</v>
      </c>
      <c r="L24" s="317">
        <v>18</v>
      </c>
      <c r="M24" s="311">
        <v>0</v>
      </c>
      <c r="N24" s="315">
        <v>0</v>
      </c>
      <c r="O24" s="312">
        <v>0</v>
      </c>
      <c r="P24" s="314">
        <v>0</v>
      </c>
      <c r="Q24" s="315">
        <v>0</v>
      </c>
      <c r="R24" s="315">
        <v>0</v>
      </c>
      <c r="S24" s="315">
        <v>1</v>
      </c>
      <c r="T24" s="315">
        <v>0</v>
      </c>
      <c r="U24" s="315">
        <v>1</v>
      </c>
      <c r="V24" s="312">
        <v>2</v>
      </c>
      <c r="W24" s="317">
        <v>2</v>
      </c>
      <c r="X24" s="311">
        <v>1</v>
      </c>
      <c r="Y24" s="315">
        <v>0</v>
      </c>
      <c r="Z24" s="312">
        <v>1</v>
      </c>
      <c r="AA24" s="314">
        <v>0</v>
      </c>
      <c r="AB24" s="315">
        <v>2</v>
      </c>
      <c r="AC24" s="315">
        <v>3</v>
      </c>
      <c r="AD24" s="315">
        <v>2</v>
      </c>
      <c r="AE24" s="315">
        <v>3</v>
      </c>
      <c r="AF24" s="315">
        <v>3</v>
      </c>
      <c r="AG24" s="312">
        <v>13</v>
      </c>
      <c r="AH24" s="317">
        <v>14</v>
      </c>
      <c r="AI24" s="311">
        <v>0</v>
      </c>
      <c r="AJ24" s="315">
        <v>0</v>
      </c>
      <c r="AK24" s="312">
        <v>0</v>
      </c>
      <c r="AL24" s="314">
        <v>0</v>
      </c>
      <c r="AM24" s="315">
        <v>1</v>
      </c>
      <c r="AN24" s="315">
        <v>0</v>
      </c>
      <c r="AO24" s="315">
        <v>0</v>
      </c>
      <c r="AP24" s="315">
        <v>1</v>
      </c>
      <c r="AQ24" s="315">
        <v>1</v>
      </c>
      <c r="AR24" s="312">
        <v>3</v>
      </c>
      <c r="AS24" s="317">
        <v>3</v>
      </c>
      <c r="AT24" s="311">
        <v>0</v>
      </c>
      <c r="AU24" s="315">
        <v>0</v>
      </c>
      <c r="AV24" s="312">
        <v>0</v>
      </c>
      <c r="AW24" s="314">
        <v>0</v>
      </c>
      <c r="AX24" s="315">
        <v>4</v>
      </c>
      <c r="AY24" s="315">
        <v>7</v>
      </c>
      <c r="AZ24" s="315">
        <v>3</v>
      </c>
      <c r="BA24" s="315">
        <v>1</v>
      </c>
      <c r="BB24" s="315">
        <v>3</v>
      </c>
      <c r="BC24" s="316">
        <v>18</v>
      </c>
      <c r="BD24" s="317">
        <v>18</v>
      </c>
      <c r="BE24" s="311">
        <v>0</v>
      </c>
      <c r="BF24" s="315">
        <v>0</v>
      </c>
      <c r="BG24" s="312">
        <v>0</v>
      </c>
      <c r="BH24" s="314">
        <v>0</v>
      </c>
      <c r="BI24" s="315">
        <v>7</v>
      </c>
      <c r="BJ24" s="315">
        <v>11</v>
      </c>
      <c r="BK24" s="315">
        <v>5</v>
      </c>
      <c r="BL24" s="315">
        <v>4</v>
      </c>
      <c r="BM24" s="315">
        <v>3</v>
      </c>
      <c r="BN24" s="312">
        <v>30</v>
      </c>
      <c r="BO24" s="317">
        <v>30</v>
      </c>
      <c r="BP24" s="311">
        <v>0</v>
      </c>
      <c r="BQ24" s="315">
        <v>0</v>
      </c>
      <c r="BR24" s="312">
        <v>0</v>
      </c>
      <c r="BS24" s="314">
        <v>0</v>
      </c>
      <c r="BT24" s="315">
        <v>4</v>
      </c>
      <c r="BU24" s="315">
        <v>1</v>
      </c>
      <c r="BV24" s="315">
        <v>1</v>
      </c>
      <c r="BW24" s="315">
        <v>1</v>
      </c>
      <c r="BX24" s="315">
        <v>2</v>
      </c>
      <c r="BY24" s="312">
        <v>9</v>
      </c>
      <c r="BZ24" s="317">
        <v>9</v>
      </c>
      <c r="CA24" s="311">
        <v>0</v>
      </c>
      <c r="CB24" s="315">
        <v>0</v>
      </c>
      <c r="CC24" s="312">
        <v>0</v>
      </c>
      <c r="CD24" s="314">
        <v>0</v>
      </c>
      <c r="CE24" s="315">
        <v>1</v>
      </c>
      <c r="CF24" s="315">
        <v>0</v>
      </c>
      <c r="CG24" s="315">
        <v>2</v>
      </c>
      <c r="CH24" s="315">
        <v>3</v>
      </c>
      <c r="CI24" s="315">
        <v>0</v>
      </c>
      <c r="CJ24" s="312">
        <v>6</v>
      </c>
      <c r="CK24" s="317">
        <v>6</v>
      </c>
      <c r="CL24" s="311">
        <v>0</v>
      </c>
      <c r="CM24" s="315">
        <v>0</v>
      </c>
      <c r="CN24" s="312">
        <v>0</v>
      </c>
      <c r="CO24" s="314">
        <v>0</v>
      </c>
      <c r="CP24" s="315">
        <v>0</v>
      </c>
      <c r="CQ24" s="315">
        <v>0</v>
      </c>
      <c r="CR24" s="315">
        <v>1</v>
      </c>
      <c r="CS24" s="315">
        <v>0</v>
      </c>
      <c r="CT24" s="315">
        <v>0</v>
      </c>
      <c r="CU24" s="312">
        <v>1</v>
      </c>
      <c r="CV24" s="317">
        <v>1</v>
      </c>
      <c r="CW24" s="311">
        <v>0</v>
      </c>
      <c r="CX24" s="315">
        <v>0</v>
      </c>
      <c r="CY24" s="312">
        <v>0</v>
      </c>
      <c r="CZ24" s="314">
        <v>0</v>
      </c>
      <c r="DA24" s="315">
        <v>0</v>
      </c>
      <c r="DB24" s="315">
        <v>0</v>
      </c>
      <c r="DC24" s="315">
        <v>0</v>
      </c>
      <c r="DD24" s="315">
        <v>0</v>
      </c>
      <c r="DE24" s="315">
        <v>0</v>
      </c>
      <c r="DF24" s="312">
        <v>0</v>
      </c>
      <c r="DG24" s="317">
        <v>0</v>
      </c>
      <c r="DH24" s="311">
        <v>0</v>
      </c>
      <c r="DI24" s="315">
        <v>0</v>
      </c>
      <c r="DJ24" s="312">
        <v>0</v>
      </c>
      <c r="DK24" s="314">
        <v>0</v>
      </c>
      <c r="DL24" s="315">
        <v>0</v>
      </c>
      <c r="DM24" s="315">
        <v>0</v>
      </c>
      <c r="DN24" s="315">
        <v>0</v>
      </c>
      <c r="DO24" s="315">
        <v>0</v>
      </c>
      <c r="DP24" s="315">
        <v>0</v>
      </c>
      <c r="DQ24" s="312">
        <v>0</v>
      </c>
      <c r="DR24" s="317">
        <v>0</v>
      </c>
      <c r="DS24" s="311">
        <v>1</v>
      </c>
      <c r="DT24" s="315">
        <v>6</v>
      </c>
      <c r="DU24" s="312">
        <v>7</v>
      </c>
      <c r="DV24" s="314">
        <v>0</v>
      </c>
      <c r="DW24" s="315">
        <v>13</v>
      </c>
      <c r="DX24" s="315">
        <v>15</v>
      </c>
      <c r="DY24" s="315">
        <v>7</v>
      </c>
      <c r="DZ24" s="315">
        <v>9</v>
      </c>
      <c r="EA24" s="315">
        <v>7</v>
      </c>
      <c r="EB24" s="312">
        <v>51</v>
      </c>
      <c r="EC24" s="317">
        <v>58</v>
      </c>
      <c r="ED24" s="311">
        <v>0</v>
      </c>
      <c r="EE24" s="315">
        <v>1</v>
      </c>
      <c r="EF24" s="312">
        <v>1</v>
      </c>
      <c r="EG24" s="314">
        <v>0</v>
      </c>
      <c r="EH24" s="315">
        <v>2</v>
      </c>
      <c r="EI24" s="315">
        <v>3</v>
      </c>
      <c r="EJ24" s="315">
        <v>1</v>
      </c>
      <c r="EK24" s="315">
        <v>2</v>
      </c>
      <c r="EL24" s="315">
        <v>1</v>
      </c>
      <c r="EM24" s="312">
        <v>9</v>
      </c>
      <c r="EN24" s="317">
        <v>10</v>
      </c>
      <c r="EO24" s="311">
        <v>2</v>
      </c>
      <c r="EP24" s="315">
        <v>5</v>
      </c>
      <c r="EQ24" s="312">
        <v>7</v>
      </c>
      <c r="ER24" s="314">
        <v>0</v>
      </c>
      <c r="ES24" s="315">
        <v>24</v>
      </c>
      <c r="ET24" s="315">
        <v>23</v>
      </c>
      <c r="EU24" s="315">
        <v>10</v>
      </c>
      <c r="EV24" s="315">
        <v>9</v>
      </c>
      <c r="EW24" s="315">
        <v>7</v>
      </c>
      <c r="EX24" s="312">
        <v>73</v>
      </c>
      <c r="EY24" s="317">
        <v>80</v>
      </c>
    </row>
    <row r="25" spans="1:155" ht="19.5" customHeight="1" x14ac:dyDescent="0.2">
      <c r="A25" s="296" t="s">
        <v>23</v>
      </c>
      <c r="B25" s="311">
        <v>0</v>
      </c>
      <c r="C25" s="315">
        <v>0</v>
      </c>
      <c r="D25" s="437">
        <v>0</v>
      </c>
      <c r="E25" s="314">
        <v>0</v>
      </c>
      <c r="F25" s="315">
        <v>6</v>
      </c>
      <c r="G25" s="315">
        <v>7</v>
      </c>
      <c r="H25" s="315">
        <v>5</v>
      </c>
      <c r="I25" s="315">
        <v>2</v>
      </c>
      <c r="J25" s="315">
        <v>1</v>
      </c>
      <c r="K25" s="316">
        <v>21</v>
      </c>
      <c r="L25" s="317">
        <v>21</v>
      </c>
      <c r="M25" s="311">
        <v>0</v>
      </c>
      <c r="N25" s="315">
        <v>0</v>
      </c>
      <c r="O25" s="312">
        <v>0</v>
      </c>
      <c r="P25" s="314">
        <v>0</v>
      </c>
      <c r="Q25" s="315">
        <v>1</v>
      </c>
      <c r="R25" s="315">
        <v>0</v>
      </c>
      <c r="S25" s="315">
        <v>0</v>
      </c>
      <c r="T25" s="315">
        <v>1</v>
      </c>
      <c r="U25" s="315">
        <v>0</v>
      </c>
      <c r="V25" s="312">
        <v>2</v>
      </c>
      <c r="W25" s="317">
        <v>2</v>
      </c>
      <c r="X25" s="311">
        <v>5</v>
      </c>
      <c r="Y25" s="315">
        <v>2</v>
      </c>
      <c r="Z25" s="312">
        <v>7</v>
      </c>
      <c r="AA25" s="314">
        <v>0</v>
      </c>
      <c r="AB25" s="315">
        <v>9</v>
      </c>
      <c r="AC25" s="315">
        <v>9</v>
      </c>
      <c r="AD25" s="315">
        <v>2</v>
      </c>
      <c r="AE25" s="315">
        <v>4</v>
      </c>
      <c r="AF25" s="315">
        <v>0</v>
      </c>
      <c r="AG25" s="312">
        <v>24</v>
      </c>
      <c r="AH25" s="317">
        <v>31</v>
      </c>
      <c r="AI25" s="311">
        <v>0</v>
      </c>
      <c r="AJ25" s="315">
        <v>0</v>
      </c>
      <c r="AK25" s="312">
        <v>0</v>
      </c>
      <c r="AL25" s="314">
        <v>0</v>
      </c>
      <c r="AM25" s="315">
        <v>0</v>
      </c>
      <c r="AN25" s="315">
        <v>2</v>
      </c>
      <c r="AO25" s="315">
        <v>0</v>
      </c>
      <c r="AP25" s="315">
        <v>0</v>
      </c>
      <c r="AQ25" s="315">
        <v>0</v>
      </c>
      <c r="AR25" s="312">
        <v>2</v>
      </c>
      <c r="AS25" s="317">
        <v>2</v>
      </c>
      <c r="AT25" s="311">
        <v>2</v>
      </c>
      <c r="AU25" s="315">
        <v>3</v>
      </c>
      <c r="AV25" s="312">
        <v>5</v>
      </c>
      <c r="AW25" s="314">
        <v>0</v>
      </c>
      <c r="AX25" s="315">
        <v>13</v>
      </c>
      <c r="AY25" s="315">
        <v>10</v>
      </c>
      <c r="AZ25" s="315">
        <v>6</v>
      </c>
      <c r="BA25" s="315">
        <v>4</v>
      </c>
      <c r="BB25" s="315">
        <v>3</v>
      </c>
      <c r="BC25" s="316">
        <v>36</v>
      </c>
      <c r="BD25" s="317">
        <v>41</v>
      </c>
      <c r="BE25" s="311">
        <v>0</v>
      </c>
      <c r="BF25" s="315">
        <v>0</v>
      </c>
      <c r="BG25" s="312">
        <v>0</v>
      </c>
      <c r="BH25" s="314">
        <v>0</v>
      </c>
      <c r="BI25" s="315">
        <v>23</v>
      </c>
      <c r="BJ25" s="315">
        <v>8</v>
      </c>
      <c r="BK25" s="315">
        <v>5</v>
      </c>
      <c r="BL25" s="315">
        <v>3</v>
      </c>
      <c r="BM25" s="315">
        <v>1</v>
      </c>
      <c r="BN25" s="312">
        <v>40</v>
      </c>
      <c r="BO25" s="317">
        <v>40</v>
      </c>
      <c r="BP25" s="311">
        <v>0</v>
      </c>
      <c r="BQ25" s="315">
        <v>0</v>
      </c>
      <c r="BR25" s="312">
        <v>0</v>
      </c>
      <c r="BS25" s="314">
        <v>0</v>
      </c>
      <c r="BT25" s="315">
        <v>3</v>
      </c>
      <c r="BU25" s="315">
        <v>3</v>
      </c>
      <c r="BV25" s="315">
        <v>2</v>
      </c>
      <c r="BW25" s="315">
        <v>3</v>
      </c>
      <c r="BX25" s="315">
        <v>0</v>
      </c>
      <c r="BY25" s="312">
        <v>11</v>
      </c>
      <c r="BZ25" s="317">
        <v>11</v>
      </c>
      <c r="CA25" s="311">
        <v>0</v>
      </c>
      <c r="CB25" s="315">
        <v>0</v>
      </c>
      <c r="CC25" s="312">
        <v>0</v>
      </c>
      <c r="CD25" s="314">
        <v>0</v>
      </c>
      <c r="CE25" s="315">
        <v>0</v>
      </c>
      <c r="CF25" s="315">
        <v>0</v>
      </c>
      <c r="CG25" s="315">
        <v>4</v>
      </c>
      <c r="CH25" s="315">
        <v>3</v>
      </c>
      <c r="CI25" s="315">
        <v>0</v>
      </c>
      <c r="CJ25" s="312">
        <v>7</v>
      </c>
      <c r="CK25" s="317">
        <v>7</v>
      </c>
      <c r="CL25" s="311">
        <v>0</v>
      </c>
      <c r="CM25" s="315">
        <v>0</v>
      </c>
      <c r="CN25" s="312">
        <v>0</v>
      </c>
      <c r="CO25" s="314">
        <v>0</v>
      </c>
      <c r="CP25" s="315">
        <v>1</v>
      </c>
      <c r="CQ25" s="315">
        <v>0</v>
      </c>
      <c r="CR25" s="315">
        <v>0</v>
      </c>
      <c r="CS25" s="315">
        <v>0</v>
      </c>
      <c r="CT25" s="315">
        <v>0</v>
      </c>
      <c r="CU25" s="312">
        <v>1</v>
      </c>
      <c r="CV25" s="317">
        <v>1</v>
      </c>
      <c r="CW25" s="311">
        <v>0</v>
      </c>
      <c r="CX25" s="315">
        <v>0</v>
      </c>
      <c r="CY25" s="312">
        <v>0</v>
      </c>
      <c r="CZ25" s="314">
        <v>0</v>
      </c>
      <c r="DA25" s="315">
        <v>0</v>
      </c>
      <c r="DB25" s="315">
        <v>0</v>
      </c>
      <c r="DC25" s="315">
        <v>0</v>
      </c>
      <c r="DD25" s="315">
        <v>0</v>
      </c>
      <c r="DE25" s="315">
        <v>0</v>
      </c>
      <c r="DF25" s="312">
        <v>0</v>
      </c>
      <c r="DG25" s="317">
        <v>0</v>
      </c>
      <c r="DH25" s="311">
        <v>0</v>
      </c>
      <c r="DI25" s="315">
        <v>0</v>
      </c>
      <c r="DJ25" s="312">
        <v>0</v>
      </c>
      <c r="DK25" s="314">
        <v>0</v>
      </c>
      <c r="DL25" s="315">
        <v>0</v>
      </c>
      <c r="DM25" s="315">
        <v>0</v>
      </c>
      <c r="DN25" s="315">
        <v>0</v>
      </c>
      <c r="DO25" s="315">
        <v>0</v>
      </c>
      <c r="DP25" s="315">
        <v>0</v>
      </c>
      <c r="DQ25" s="312">
        <v>0</v>
      </c>
      <c r="DR25" s="317">
        <v>0</v>
      </c>
      <c r="DS25" s="311">
        <v>2</v>
      </c>
      <c r="DT25" s="315">
        <v>5</v>
      </c>
      <c r="DU25" s="312">
        <v>7</v>
      </c>
      <c r="DV25" s="314">
        <v>0</v>
      </c>
      <c r="DW25" s="315">
        <v>11</v>
      </c>
      <c r="DX25" s="315">
        <v>21</v>
      </c>
      <c r="DY25" s="315">
        <v>10</v>
      </c>
      <c r="DZ25" s="315">
        <v>9</v>
      </c>
      <c r="EA25" s="315">
        <v>2</v>
      </c>
      <c r="EB25" s="312">
        <v>53</v>
      </c>
      <c r="EC25" s="317">
        <v>60</v>
      </c>
      <c r="ED25" s="311">
        <v>2</v>
      </c>
      <c r="EE25" s="315">
        <v>2</v>
      </c>
      <c r="EF25" s="312">
        <v>4</v>
      </c>
      <c r="EG25" s="314">
        <v>0</v>
      </c>
      <c r="EH25" s="315">
        <v>5</v>
      </c>
      <c r="EI25" s="315">
        <v>2</v>
      </c>
      <c r="EJ25" s="315">
        <v>2</v>
      </c>
      <c r="EK25" s="315">
        <v>1</v>
      </c>
      <c r="EL25" s="315">
        <v>2</v>
      </c>
      <c r="EM25" s="312">
        <v>12</v>
      </c>
      <c r="EN25" s="317">
        <v>16</v>
      </c>
      <c r="EO25" s="311">
        <v>6</v>
      </c>
      <c r="EP25" s="315">
        <v>7</v>
      </c>
      <c r="EQ25" s="312">
        <v>13</v>
      </c>
      <c r="ER25" s="314">
        <v>0</v>
      </c>
      <c r="ES25" s="315">
        <v>37</v>
      </c>
      <c r="ET25" s="315">
        <v>26</v>
      </c>
      <c r="EU25" s="315">
        <v>12</v>
      </c>
      <c r="EV25" s="315">
        <v>12</v>
      </c>
      <c r="EW25" s="315">
        <v>2</v>
      </c>
      <c r="EX25" s="312">
        <v>89</v>
      </c>
      <c r="EY25" s="317">
        <v>102</v>
      </c>
    </row>
    <row r="26" spans="1:155" ht="19.5" customHeight="1" x14ac:dyDescent="0.2">
      <c r="A26" s="296" t="s">
        <v>24</v>
      </c>
      <c r="B26" s="311">
        <v>0</v>
      </c>
      <c r="C26" s="315">
        <v>0</v>
      </c>
      <c r="D26" s="437">
        <v>0</v>
      </c>
      <c r="E26" s="314">
        <v>0</v>
      </c>
      <c r="F26" s="315">
        <v>13</v>
      </c>
      <c r="G26" s="315">
        <v>6</v>
      </c>
      <c r="H26" s="315">
        <v>1</v>
      </c>
      <c r="I26" s="315">
        <v>3</v>
      </c>
      <c r="J26" s="315">
        <v>2</v>
      </c>
      <c r="K26" s="316">
        <v>25</v>
      </c>
      <c r="L26" s="317">
        <v>25</v>
      </c>
      <c r="M26" s="311">
        <v>0</v>
      </c>
      <c r="N26" s="315">
        <v>0</v>
      </c>
      <c r="O26" s="312">
        <v>0</v>
      </c>
      <c r="P26" s="314">
        <v>0</v>
      </c>
      <c r="Q26" s="315">
        <v>0</v>
      </c>
      <c r="R26" s="315">
        <v>1</v>
      </c>
      <c r="S26" s="315">
        <v>0</v>
      </c>
      <c r="T26" s="315">
        <v>1</v>
      </c>
      <c r="U26" s="315">
        <v>1</v>
      </c>
      <c r="V26" s="312">
        <v>3</v>
      </c>
      <c r="W26" s="317">
        <v>3</v>
      </c>
      <c r="X26" s="311">
        <v>5</v>
      </c>
      <c r="Y26" s="315">
        <v>0</v>
      </c>
      <c r="Z26" s="312">
        <v>5</v>
      </c>
      <c r="AA26" s="314">
        <v>0</v>
      </c>
      <c r="AB26" s="315">
        <v>10</v>
      </c>
      <c r="AC26" s="315">
        <v>5</v>
      </c>
      <c r="AD26" s="315">
        <v>4</v>
      </c>
      <c r="AE26" s="315">
        <v>5</v>
      </c>
      <c r="AF26" s="315">
        <v>2</v>
      </c>
      <c r="AG26" s="312">
        <v>26</v>
      </c>
      <c r="AH26" s="317">
        <v>31</v>
      </c>
      <c r="AI26" s="311">
        <v>1</v>
      </c>
      <c r="AJ26" s="315">
        <v>1</v>
      </c>
      <c r="AK26" s="312">
        <v>2</v>
      </c>
      <c r="AL26" s="314">
        <v>0</v>
      </c>
      <c r="AM26" s="315">
        <v>2</v>
      </c>
      <c r="AN26" s="315">
        <v>0</v>
      </c>
      <c r="AO26" s="315">
        <v>0</v>
      </c>
      <c r="AP26" s="315">
        <v>1</v>
      </c>
      <c r="AQ26" s="315">
        <v>0</v>
      </c>
      <c r="AR26" s="312">
        <v>3</v>
      </c>
      <c r="AS26" s="317">
        <v>5</v>
      </c>
      <c r="AT26" s="311">
        <v>5</v>
      </c>
      <c r="AU26" s="315">
        <v>2</v>
      </c>
      <c r="AV26" s="312">
        <v>7</v>
      </c>
      <c r="AW26" s="314">
        <v>0</v>
      </c>
      <c r="AX26" s="315">
        <v>14</v>
      </c>
      <c r="AY26" s="315">
        <v>8</v>
      </c>
      <c r="AZ26" s="315">
        <v>9</v>
      </c>
      <c r="BA26" s="315">
        <v>8</v>
      </c>
      <c r="BB26" s="315">
        <v>3</v>
      </c>
      <c r="BC26" s="316">
        <v>42</v>
      </c>
      <c r="BD26" s="317">
        <v>49</v>
      </c>
      <c r="BE26" s="311">
        <v>0</v>
      </c>
      <c r="BF26" s="315">
        <v>0</v>
      </c>
      <c r="BG26" s="312">
        <v>0</v>
      </c>
      <c r="BH26" s="314">
        <v>0</v>
      </c>
      <c r="BI26" s="315">
        <v>11</v>
      </c>
      <c r="BJ26" s="315">
        <v>8</v>
      </c>
      <c r="BK26" s="315">
        <v>3</v>
      </c>
      <c r="BL26" s="315">
        <v>3</v>
      </c>
      <c r="BM26" s="315">
        <v>0</v>
      </c>
      <c r="BN26" s="312">
        <v>25</v>
      </c>
      <c r="BO26" s="317">
        <v>25</v>
      </c>
      <c r="BP26" s="311">
        <v>2</v>
      </c>
      <c r="BQ26" s="315">
        <v>3</v>
      </c>
      <c r="BR26" s="312">
        <v>5</v>
      </c>
      <c r="BS26" s="314">
        <v>0</v>
      </c>
      <c r="BT26" s="315">
        <v>5</v>
      </c>
      <c r="BU26" s="315">
        <v>3</v>
      </c>
      <c r="BV26" s="315">
        <v>3</v>
      </c>
      <c r="BW26" s="315">
        <v>0</v>
      </c>
      <c r="BX26" s="315">
        <v>0</v>
      </c>
      <c r="BY26" s="312">
        <v>11</v>
      </c>
      <c r="BZ26" s="317">
        <v>16</v>
      </c>
      <c r="CA26" s="311">
        <v>0</v>
      </c>
      <c r="CB26" s="315">
        <v>0</v>
      </c>
      <c r="CC26" s="312">
        <v>0</v>
      </c>
      <c r="CD26" s="314">
        <v>0</v>
      </c>
      <c r="CE26" s="315">
        <v>2</v>
      </c>
      <c r="CF26" s="315">
        <v>0</v>
      </c>
      <c r="CG26" s="315">
        <v>3</v>
      </c>
      <c r="CH26" s="315">
        <v>3</v>
      </c>
      <c r="CI26" s="315">
        <v>1</v>
      </c>
      <c r="CJ26" s="312">
        <v>9</v>
      </c>
      <c r="CK26" s="317">
        <v>9</v>
      </c>
      <c r="CL26" s="311">
        <v>0</v>
      </c>
      <c r="CM26" s="315">
        <v>0</v>
      </c>
      <c r="CN26" s="312">
        <v>0</v>
      </c>
      <c r="CO26" s="314">
        <v>0</v>
      </c>
      <c r="CP26" s="315">
        <v>0</v>
      </c>
      <c r="CQ26" s="315">
        <v>0</v>
      </c>
      <c r="CR26" s="315">
        <v>0</v>
      </c>
      <c r="CS26" s="315">
        <v>0</v>
      </c>
      <c r="CT26" s="315">
        <v>0</v>
      </c>
      <c r="CU26" s="312">
        <v>0</v>
      </c>
      <c r="CV26" s="317">
        <v>0</v>
      </c>
      <c r="CW26" s="311">
        <v>0</v>
      </c>
      <c r="CX26" s="315">
        <v>0</v>
      </c>
      <c r="CY26" s="312">
        <v>0</v>
      </c>
      <c r="CZ26" s="314">
        <v>0</v>
      </c>
      <c r="DA26" s="315">
        <v>0</v>
      </c>
      <c r="DB26" s="315">
        <v>0</v>
      </c>
      <c r="DC26" s="315">
        <v>0</v>
      </c>
      <c r="DD26" s="315">
        <v>0</v>
      </c>
      <c r="DE26" s="315">
        <v>0</v>
      </c>
      <c r="DF26" s="312">
        <v>0</v>
      </c>
      <c r="DG26" s="317">
        <v>0</v>
      </c>
      <c r="DH26" s="311">
        <v>0</v>
      </c>
      <c r="DI26" s="315">
        <v>0</v>
      </c>
      <c r="DJ26" s="312">
        <v>0</v>
      </c>
      <c r="DK26" s="314">
        <v>0</v>
      </c>
      <c r="DL26" s="315">
        <v>0</v>
      </c>
      <c r="DM26" s="315">
        <v>0</v>
      </c>
      <c r="DN26" s="315">
        <v>0</v>
      </c>
      <c r="DO26" s="315">
        <v>0</v>
      </c>
      <c r="DP26" s="315">
        <v>0</v>
      </c>
      <c r="DQ26" s="312">
        <v>0</v>
      </c>
      <c r="DR26" s="317">
        <v>0</v>
      </c>
      <c r="DS26" s="311">
        <v>14</v>
      </c>
      <c r="DT26" s="315">
        <v>5</v>
      </c>
      <c r="DU26" s="312">
        <v>19</v>
      </c>
      <c r="DV26" s="314">
        <v>0</v>
      </c>
      <c r="DW26" s="315">
        <v>18</v>
      </c>
      <c r="DX26" s="315">
        <v>12</v>
      </c>
      <c r="DY26" s="315">
        <v>9</v>
      </c>
      <c r="DZ26" s="315">
        <v>9</v>
      </c>
      <c r="EA26" s="315">
        <v>3</v>
      </c>
      <c r="EB26" s="312">
        <v>51</v>
      </c>
      <c r="EC26" s="317">
        <v>70</v>
      </c>
      <c r="ED26" s="311">
        <v>2</v>
      </c>
      <c r="EE26" s="315">
        <v>1</v>
      </c>
      <c r="EF26" s="312">
        <v>3</v>
      </c>
      <c r="EG26" s="314">
        <v>0</v>
      </c>
      <c r="EH26" s="315">
        <v>5</v>
      </c>
      <c r="EI26" s="315">
        <v>3</v>
      </c>
      <c r="EJ26" s="315">
        <v>3</v>
      </c>
      <c r="EK26" s="315">
        <v>1</v>
      </c>
      <c r="EL26" s="315">
        <v>2</v>
      </c>
      <c r="EM26" s="312">
        <v>14</v>
      </c>
      <c r="EN26" s="317">
        <v>17</v>
      </c>
      <c r="EO26" s="311">
        <v>18</v>
      </c>
      <c r="EP26" s="315">
        <v>6</v>
      </c>
      <c r="EQ26" s="312">
        <v>24</v>
      </c>
      <c r="ER26" s="314">
        <v>0</v>
      </c>
      <c r="ES26" s="315">
        <v>35</v>
      </c>
      <c r="ET26" s="315">
        <v>19</v>
      </c>
      <c r="EU26" s="315">
        <v>13</v>
      </c>
      <c r="EV26" s="315">
        <v>10</v>
      </c>
      <c r="EW26" s="315">
        <v>3</v>
      </c>
      <c r="EX26" s="312">
        <v>80</v>
      </c>
      <c r="EY26" s="317">
        <v>104</v>
      </c>
    </row>
    <row r="27" spans="1:155" ht="19.5" customHeight="1" x14ac:dyDescent="0.2">
      <c r="A27" s="296" t="s">
        <v>25</v>
      </c>
      <c r="B27" s="311">
        <v>0</v>
      </c>
      <c r="C27" s="315">
        <v>0</v>
      </c>
      <c r="D27" s="437">
        <v>0</v>
      </c>
      <c r="E27" s="314">
        <v>0</v>
      </c>
      <c r="F27" s="315">
        <v>5</v>
      </c>
      <c r="G27" s="315">
        <v>3</v>
      </c>
      <c r="H27" s="315">
        <v>1</v>
      </c>
      <c r="I27" s="315">
        <v>2</v>
      </c>
      <c r="J27" s="315">
        <v>1</v>
      </c>
      <c r="K27" s="316">
        <v>12</v>
      </c>
      <c r="L27" s="317">
        <v>12</v>
      </c>
      <c r="M27" s="311">
        <v>0</v>
      </c>
      <c r="N27" s="315">
        <v>0</v>
      </c>
      <c r="O27" s="312">
        <v>0</v>
      </c>
      <c r="P27" s="314">
        <v>0</v>
      </c>
      <c r="Q27" s="315">
        <v>1</v>
      </c>
      <c r="R27" s="315">
        <v>0</v>
      </c>
      <c r="S27" s="315">
        <v>0</v>
      </c>
      <c r="T27" s="315">
        <v>2</v>
      </c>
      <c r="U27" s="315">
        <v>1</v>
      </c>
      <c r="V27" s="312">
        <v>4</v>
      </c>
      <c r="W27" s="317">
        <v>4</v>
      </c>
      <c r="X27" s="311">
        <v>0</v>
      </c>
      <c r="Y27" s="315">
        <v>1</v>
      </c>
      <c r="Z27" s="312">
        <v>1</v>
      </c>
      <c r="AA27" s="314">
        <v>0</v>
      </c>
      <c r="AB27" s="315">
        <v>8</v>
      </c>
      <c r="AC27" s="315">
        <v>6</v>
      </c>
      <c r="AD27" s="315">
        <v>1</v>
      </c>
      <c r="AE27" s="315">
        <v>1</v>
      </c>
      <c r="AF27" s="315">
        <v>2</v>
      </c>
      <c r="AG27" s="312">
        <v>18</v>
      </c>
      <c r="AH27" s="317">
        <v>19</v>
      </c>
      <c r="AI27" s="311">
        <v>0</v>
      </c>
      <c r="AJ27" s="315">
        <v>1</v>
      </c>
      <c r="AK27" s="312">
        <v>1</v>
      </c>
      <c r="AL27" s="314">
        <v>0</v>
      </c>
      <c r="AM27" s="315">
        <v>1</v>
      </c>
      <c r="AN27" s="315">
        <v>0</v>
      </c>
      <c r="AO27" s="315">
        <v>0</v>
      </c>
      <c r="AP27" s="315">
        <v>0</v>
      </c>
      <c r="AQ27" s="315">
        <v>1</v>
      </c>
      <c r="AR27" s="312">
        <v>2</v>
      </c>
      <c r="AS27" s="317">
        <v>3</v>
      </c>
      <c r="AT27" s="311">
        <v>0</v>
      </c>
      <c r="AU27" s="315">
        <v>1</v>
      </c>
      <c r="AV27" s="312">
        <v>1</v>
      </c>
      <c r="AW27" s="314">
        <v>0</v>
      </c>
      <c r="AX27" s="315">
        <v>9</v>
      </c>
      <c r="AY27" s="315">
        <v>2</v>
      </c>
      <c r="AZ27" s="315">
        <v>2</v>
      </c>
      <c r="BA27" s="315">
        <v>5</v>
      </c>
      <c r="BB27" s="315">
        <v>1</v>
      </c>
      <c r="BC27" s="316">
        <v>19</v>
      </c>
      <c r="BD27" s="317">
        <v>20</v>
      </c>
      <c r="BE27" s="311">
        <v>0</v>
      </c>
      <c r="BF27" s="315">
        <v>0</v>
      </c>
      <c r="BG27" s="312">
        <v>0</v>
      </c>
      <c r="BH27" s="314">
        <v>0</v>
      </c>
      <c r="BI27" s="315">
        <v>8</v>
      </c>
      <c r="BJ27" s="315">
        <v>4</v>
      </c>
      <c r="BK27" s="315">
        <v>1</v>
      </c>
      <c r="BL27" s="315">
        <v>2</v>
      </c>
      <c r="BM27" s="315">
        <v>1</v>
      </c>
      <c r="BN27" s="312">
        <v>16</v>
      </c>
      <c r="BO27" s="317">
        <v>16</v>
      </c>
      <c r="BP27" s="311">
        <v>0</v>
      </c>
      <c r="BQ27" s="315">
        <v>0</v>
      </c>
      <c r="BR27" s="312">
        <v>0</v>
      </c>
      <c r="BS27" s="314">
        <v>0</v>
      </c>
      <c r="BT27" s="315">
        <v>2</v>
      </c>
      <c r="BU27" s="315">
        <v>3</v>
      </c>
      <c r="BV27" s="315">
        <v>1</v>
      </c>
      <c r="BW27" s="315">
        <v>1</v>
      </c>
      <c r="BX27" s="315">
        <v>1</v>
      </c>
      <c r="BY27" s="312">
        <v>8</v>
      </c>
      <c r="BZ27" s="317">
        <v>8</v>
      </c>
      <c r="CA27" s="311">
        <v>0</v>
      </c>
      <c r="CB27" s="315">
        <v>0</v>
      </c>
      <c r="CC27" s="312">
        <v>0</v>
      </c>
      <c r="CD27" s="314">
        <v>0</v>
      </c>
      <c r="CE27" s="315">
        <v>1</v>
      </c>
      <c r="CF27" s="315">
        <v>0</v>
      </c>
      <c r="CG27" s="315">
        <v>1</v>
      </c>
      <c r="CH27" s="315">
        <v>1</v>
      </c>
      <c r="CI27" s="315">
        <v>0</v>
      </c>
      <c r="CJ27" s="312">
        <v>3</v>
      </c>
      <c r="CK27" s="317">
        <v>3</v>
      </c>
      <c r="CL27" s="311">
        <v>0</v>
      </c>
      <c r="CM27" s="315">
        <v>0</v>
      </c>
      <c r="CN27" s="312">
        <v>0</v>
      </c>
      <c r="CO27" s="314">
        <v>0</v>
      </c>
      <c r="CP27" s="315">
        <v>0</v>
      </c>
      <c r="CQ27" s="315">
        <v>0</v>
      </c>
      <c r="CR27" s="315">
        <v>0</v>
      </c>
      <c r="CS27" s="315">
        <v>0</v>
      </c>
      <c r="CT27" s="315">
        <v>1</v>
      </c>
      <c r="CU27" s="312">
        <v>1</v>
      </c>
      <c r="CV27" s="317">
        <v>1</v>
      </c>
      <c r="CW27" s="311">
        <v>0</v>
      </c>
      <c r="CX27" s="315">
        <v>0</v>
      </c>
      <c r="CY27" s="312">
        <v>0</v>
      </c>
      <c r="CZ27" s="314">
        <v>0</v>
      </c>
      <c r="DA27" s="315">
        <v>0</v>
      </c>
      <c r="DB27" s="315">
        <v>0</v>
      </c>
      <c r="DC27" s="315">
        <v>0</v>
      </c>
      <c r="DD27" s="315">
        <v>0</v>
      </c>
      <c r="DE27" s="315">
        <v>0</v>
      </c>
      <c r="DF27" s="312">
        <v>0</v>
      </c>
      <c r="DG27" s="317">
        <v>0</v>
      </c>
      <c r="DH27" s="311">
        <v>0</v>
      </c>
      <c r="DI27" s="315">
        <v>0</v>
      </c>
      <c r="DJ27" s="312">
        <v>0</v>
      </c>
      <c r="DK27" s="314">
        <v>0</v>
      </c>
      <c r="DL27" s="315">
        <v>0</v>
      </c>
      <c r="DM27" s="315">
        <v>0</v>
      </c>
      <c r="DN27" s="315">
        <v>0</v>
      </c>
      <c r="DO27" s="315">
        <v>0</v>
      </c>
      <c r="DP27" s="315">
        <v>0</v>
      </c>
      <c r="DQ27" s="312">
        <v>0</v>
      </c>
      <c r="DR27" s="317">
        <v>0</v>
      </c>
      <c r="DS27" s="311">
        <v>1</v>
      </c>
      <c r="DT27" s="315">
        <v>2</v>
      </c>
      <c r="DU27" s="312">
        <v>3</v>
      </c>
      <c r="DV27" s="314">
        <v>0</v>
      </c>
      <c r="DW27" s="315">
        <v>10</v>
      </c>
      <c r="DX27" s="315">
        <v>6</v>
      </c>
      <c r="DY27" s="315">
        <v>5</v>
      </c>
      <c r="DZ27" s="315">
        <v>7</v>
      </c>
      <c r="EA27" s="315">
        <v>3</v>
      </c>
      <c r="EB27" s="312">
        <v>31</v>
      </c>
      <c r="EC27" s="317">
        <v>34</v>
      </c>
      <c r="ED27" s="311">
        <v>0</v>
      </c>
      <c r="EE27" s="315">
        <v>1</v>
      </c>
      <c r="EF27" s="312">
        <v>1</v>
      </c>
      <c r="EG27" s="314">
        <v>0</v>
      </c>
      <c r="EH27" s="315">
        <v>5</v>
      </c>
      <c r="EI27" s="315">
        <v>0</v>
      </c>
      <c r="EJ27" s="315">
        <v>1</v>
      </c>
      <c r="EK27" s="315">
        <v>2</v>
      </c>
      <c r="EL27" s="315">
        <v>0</v>
      </c>
      <c r="EM27" s="312">
        <v>8</v>
      </c>
      <c r="EN27" s="317">
        <v>9</v>
      </c>
      <c r="EO27" s="311">
        <v>1</v>
      </c>
      <c r="EP27" s="315">
        <v>3</v>
      </c>
      <c r="EQ27" s="312">
        <v>4</v>
      </c>
      <c r="ER27" s="314">
        <v>0</v>
      </c>
      <c r="ES27" s="315">
        <v>26</v>
      </c>
      <c r="ET27" s="315">
        <v>10</v>
      </c>
      <c r="EU27" s="315">
        <v>4</v>
      </c>
      <c r="EV27" s="315">
        <v>8</v>
      </c>
      <c r="EW27" s="315">
        <v>3</v>
      </c>
      <c r="EX27" s="312">
        <v>51</v>
      </c>
      <c r="EY27" s="317">
        <v>55</v>
      </c>
    </row>
    <row r="28" spans="1:155" ht="19.5" customHeight="1" x14ac:dyDescent="0.2">
      <c r="A28" s="296" t="s">
        <v>26</v>
      </c>
      <c r="B28" s="311">
        <v>0</v>
      </c>
      <c r="C28" s="315">
        <v>0</v>
      </c>
      <c r="D28" s="437">
        <v>0</v>
      </c>
      <c r="E28" s="314">
        <v>0</v>
      </c>
      <c r="F28" s="315">
        <v>2</v>
      </c>
      <c r="G28" s="315">
        <v>9</v>
      </c>
      <c r="H28" s="315">
        <v>5</v>
      </c>
      <c r="I28" s="315">
        <v>1</v>
      </c>
      <c r="J28" s="315">
        <v>4</v>
      </c>
      <c r="K28" s="316">
        <v>21</v>
      </c>
      <c r="L28" s="317">
        <v>21</v>
      </c>
      <c r="M28" s="311">
        <v>0</v>
      </c>
      <c r="N28" s="315">
        <v>0</v>
      </c>
      <c r="O28" s="312">
        <v>0</v>
      </c>
      <c r="P28" s="314">
        <v>0</v>
      </c>
      <c r="Q28" s="315">
        <v>0</v>
      </c>
      <c r="R28" s="315">
        <v>0</v>
      </c>
      <c r="S28" s="315">
        <v>1</v>
      </c>
      <c r="T28" s="315">
        <v>3</v>
      </c>
      <c r="U28" s="315">
        <v>1</v>
      </c>
      <c r="V28" s="312">
        <v>5</v>
      </c>
      <c r="W28" s="317">
        <v>5</v>
      </c>
      <c r="X28" s="311">
        <v>0</v>
      </c>
      <c r="Y28" s="315">
        <v>1</v>
      </c>
      <c r="Z28" s="312">
        <v>1</v>
      </c>
      <c r="AA28" s="314">
        <v>0</v>
      </c>
      <c r="AB28" s="315">
        <v>3</v>
      </c>
      <c r="AC28" s="315">
        <v>4</v>
      </c>
      <c r="AD28" s="315">
        <v>6</v>
      </c>
      <c r="AE28" s="315">
        <v>4</v>
      </c>
      <c r="AF28" s="315">
        <v>3</v>
      </c>
      <c r="AG28" s="312">
        <v>20</v>
      </c>
      <c r="AH28" s="317">
        <v>21</v>
      </c>
      <c r="AI28" s="311">
        <v>0</v>
      </c>
      <c r="AJ28" s="315">
        <v>0</v>
      </c>
      <c r="AK28" s="312">
        <v>0</v>
      </c>
      <c r="AL28" s="314">
        <v>0</v>
      </c>
      <c r="AM28" s="315">
        <v>0</v>
      </c>
      <c r="AN28" s="315">
        <v>1</v>
      </c>
      <c r="AO28" s="315">
        <v>1</v>
      </c>
      <c r="AP28" s="315">
        <v>0</v>
      </c>
      <c r="AQ28" s="315">
        <v>0</v>
      </c>
      <c r="AR28" s="312">
        <v>2</v>
      </c>
      <c r="AS28" s="317">
        <v>2</v>
      </c>
      <c r="AT28" s="311">
        <v>1</v>
      </c>
      <c r="AU28" s="315">
        <v>2</v>
      </c>
      <c r="AV28" s="312">
        <v>3</v>
      </c>
      <c r="AW28" s="314">
        <v>0</v>
      </c>
      <c r="AX28" s="315">
        <v>3</v>
      </c>
      <c r="AY28" s="315">
        <v>6</v>
      </c>
      <c r="AZ28" s="315">
        <v>7</v>
      </c>
      <c r="BA28" s="315">
        <v>2</v>
      </c>
      <c r="BB28" s="315">
        <v>3</v>
      </c>
      <c r="BC28" s="316">
        <v>21</v>
      </c>
      <c r="BD28" s="317">
        <v>24</v>
      </c>
      <c r="BE28" s="311">
        <v>0</v>
      </c>
      <c r="BF28" s="315">
        <v>0</v>
      </c>
      <c r="BG28" s="312">
        <v>0</v>
      </c>
      <c r="BH28" s="314">
        <v>0</v>
      </c>
      <c r="BI28" s="315">
        <v>6</v>
      </c>
      <c r="BJ28" s="315">
        <v>11</v>
      </c>
      <c r="BK28" s="315">
        <v>4</v>
      </c>
      <c r="BL28" s="315">
        <v>0</v>
      </c>
      <c r="BM28" s="315">
        <v>2</v>
      </c>
      <c r="BN28" s="312">
        <v>23</v>
      </c>
      <c r="BO28" s="317">
        <v>23</v>
      </c>
      <c r="BP28" s="311">
        <v>1</v>
      </c>
      <c r="BQ28" s="315">
        <v>0</v>
      </c>
      <c r="BR28" s="312">
        <v>1</v>
      </c>
      <c r="BS28" s="314">
        <v>0</v>
      </c>
      <c r="BT28" s="315">
        <v>0</v>
      </c>
      <c r="BU28" s="315">
        <v>3</v>
      </c>
      <c r="BV28" s="315">
        <v>3</v>
      </c>
      <c r="BW28" s="315">
        <v>0</v>
      </c>
      <c r="BX28" s="315">
        <v>0</v>
      </c>
      <c r="BY28" s="312">
        <v>6</v>
      </c>
      <c r="BZ28" s="317">
        <v>7</v>
      </c>
      <c r="CA28" s="311">
        <v>0</v>
      </c>
      <c r="CB28" s="315">
        <v>0</v>
      </c>
      <c r="CC28" s="312">
        <v>0</v>
      </c>
      <c r="CD28" s="314">
        <v>0</v>
      </c>
      <c r="CE28" s="315">
        <v>1</v>
      </c>
      <c r="CF28" s="315">
        <v>4</v>
      </c>
      <c r="CG28" s="315">
        <v>0</v>
      </c>
      <c r="CH28" s="315">
        <v>1</v>
      </c>
      <c r="CI28" s="315">
        <v>0</v>
      </c>
      <c r="CJ28" s="312">
        <v>6</v>
      </c>
      <c r="CK28" s="317">
        <v>6</v>
      </c>
      <c r="CL28" s="311">
        <v>0</v>
      </c>
      <c r="CM28" s="315">
        <v>0</v>
      </c>
      <c r="CN28" s="312">
        <v>0</v>
      </c>
      <c r="CO28" s="314">
        <v>0</v>
      </c>
      <c r="CP28" s="315">
        <v>0</v>
      </c>
      <c r="CQ28" s="315">
        <v>0</v>
      </c>
      <c r="CR28" s="315">
        <v>1</v>
      </c>
      <c r="CS28" s="315">
        <v>0</v>
      </c>
      <c r="CT28" s="315">
        <v>0</v>
      </c>
      <c r="CU28" s="312">
        <v>1</v>
      </c>
      <c r="CV28" s="317">
        <v>1</v>
      </c>
      <c r="CW28" s="311">
        <v>0</v>
      </c>
      <c r="CX28" s="315">
        <v>0</v>
      </c>
      <c r="CY28" s="312">
        <v>0</v>
      </c>
      <c r="CZ28" s="314">
        <v>0</v>
      </c>
      <c r="DA28" s="315">
        <v>0</v>
      </c>
      <c r="DB28" s="315">
        <v>0</v>
      </c>
      <c r="DC28" s="315">
        <v>0</v>
      </c>
      <c r="DD28" s="315">
        <v>0</v>
      </c>
      <c r="DE28" s="315">
        <v>0</v>
      </c>
      <c r="DF28" s="312">
        <v>0</v>
      </c>
      <c r="DG28" s="317">
        <v>0</v>
      </c>
      <c r="DH28" s="311">
        <v>0</v>
      </c>
      <c r="DI28" s="315">
        <v>0</v>
      </c>
      <c r="DJ28" s="312">
        <v>0</v>
      </c>
      <c r="DK28" s="314">
        <v>0</v>
      </c>
      <c r="DL28" s="315">
        <v>0</v>
      </c>
      <c r="DM28" s="315">
        <v>0</v>
      </c>
      <c r="DN28" s="315">
        <v>0</v>
      </c>
      <c r="DO28" s="315">
        <v>0</v>
      </c>
      <c r="DP28" s="315">
        <v>0</v>
      </c>
      <c r="DQ28" s="312">
        <v>0</v>
      </c>
      <c r="DR28" s="317">
        <v>0</v>
      </c>
      <c r="DS28" s="311">
        <v>3</v>
      </c>
      <c r="DT28" s="315">
        <v>5</v>
      </c>
      <c r="DU28" s="312">
        <v>8</v>
      </c>
      <c r="DV28" s="314">
        <v>0</v>
      </c>
      <c r="DW28" s="315">
        <v>8</v>
      </c>
      <c r="DX28" s="315">
        <v>19</v>
      </c>
      <c r="DY28" s="315">
        <v>14</v>
      </c>
      <c r="DZ28" s="315">
        <v>5</v>
      </c>
      <c r="EA28" s="315">
        <v>4</v>
      </c>
      <c r="EB28" s="312">
        <v>50</v>
      </c>
      <c r="EC28" s="317">
        <v>58</v>
      </c>
      <c r="ED28" s="311">
        <v>0</v>
      </c>
      <c r="EE28" s="315">
        <v>0</v>
      </c>
      <c r="EF28" s="312">
        <v>0</v>
      </c>
      <c r="EG28" s="314">
        <v>0</v>
      </c>
      <c r="EH28" s="315">
        <v>2</v>
      </c>
      <c r="EI28" s="315">
        <v>1</v>
      </c>
      <c r="EJ28" s="315">
        <v>0</v>
      </c>
      <c r="EK28" s="315">
        <v>0</v>
      </c>
      <c r="EL28" s="315">
        <v>1</v>
      </c>
      <c r="EM28" s="312">
        <v>4</v>
      </c>
      <c r="EN28" s="317">
        <v>4</v>
      </c>
      <c r="EO28" s="311">
        <v>4</v>
      </c>
      <c r="EP28" s="315">
        <v>5</v>
      </c>
      <c r="EQ28" s="312">
        <v>9</v>
      </c>
      <c r="ER28" s="314">
        <v>0</v>
      </c>
      <c r="ES28" s="315">
        <v>15</v>
      </c>
      <c r="ET28" s="315">
        <v>25</v>
      </c>
      <c r="EU28" s="315">
        <v>14</v>
      </c>
      <c r="EV28" s="315">
        <v>6</v>
      </c>
      <c r="EW28" s="315">
        <v>6</v>
      </c>
      <c r="EX28" s="312">
        <v>66</v>
      </c>
      <c r="EY28" s="317">
        <v>75</v>
      </c>
    </row>
    <row r="29" spans="1:155" ht="19.5" customHeight="1" x14ac:dyDescent="0.2">
      <c r="A29" s="296" t="s">
        <v>27</v>
      </c>
      <c r="B29" s="311">
        <v>0</v>
      </c>
      <c r="C29" s="315">
        <v>0</v>
      </c>
      <c r="D29" s="437">
        <v>0</v>
      </c>
      <c r="E29" s="314">
        <v>0</v>
      </c>
      <c r="F29" s="315">
        <v>3</v>
      </c>
      <c r="G29" s="315">
        <v>1</v>
      </c>
      <c r="H29" s="315">
        <v>10</v>
      </c>
      <c r="I29" s="315">
        <v>4</v>
      </c>
      <c r="J29" s="315">
        <v>0</v>
      </c>
      <c r="K29" s="316">
        <v>18</v>
      </c>
      <c r="L29" s="317">
        <v>18</v>
      </c>
      <c r="M29" s="311">
        <v>0</v>
      </c>
      <c r="N29" s="315">
        <v>0</v>
      </c>
      <c r="O29" s="312">
        <v>0</v>
      </c>
      <c r="P29" s="314">
        <v>0</v>
      </c>
      <c r="Q29" s="315">
        <v>1</v>
      </c>
      <c r="R29" s="315">
        <v>0</v>
      </c>
      <c r="S29" s="315">
        <v>0</v>
      </c>
      <c r="T29" s="315">
        <v>1</v>
      </c>
      <c r="U29" s="315">
        <v>1</v>
      </c>
      <c r="V29" s="312">
        <v>3</v>
      </c>
      <c r="W29" s="317">
        <v>3</v>
      </c>
      <c r="X29" s="311">
        <v>0</v>
      </c>
      <c r="Y29" s="315">
        <v>3</v>
      </c>
      <c r="Z29" s="312">
        <v>3</v>
      </c>
      <c r="AA29" s="314">
        <v>0</v>
      </c>
      <c r="AB29" s="315">
        <v>5</v>
      </c>
      <c r="AC29" s="315">
        <v>8</v>
      </c>
      <c r="AD29" s="315">
        <v>2</v>
      </c>
      <c r="AE29" s="315">
        <v>4</v>
      </c>
      <c r="AF29" s="315">
        <v>3</v>
      </c>
      <c r="AG29" s="312">
        <v>22</v>
      </c>
      <c r="AH29" s="317">
        <v>25</v>
      </c>
      <c r="AI29" s="311">
        <v>0</v>
      </c>
      <c r="AJ29" s="315">
        <v>1</v>
      </c>
      <c r="AK29" s="312">
        <v>1</v>
      </c>
      <c r="AL29" s="314">
        <v>0</v>
      </c>
      <c r="AM29" s="315">
        <v>0</v>
      </c>
      <c r="AN29" s="315">
        <v>0</v>
      </c>
      <c r="AO29" s="315">
        <v>0</v>
      </c>
      <c r="AP29" s="315">
        <v>0</v>
      </c>
      <c r="AQ29" s="315">
        <v>0</v>
      </c>
      <c r="AR29" s="312">
        <v>0</v>
      </c>
      <c r="AS29" s="317">
        <v>1</v>
      </c>
      <c r="AT29" s="311">
        <v>0</v>
      </c>
      <c r="AU29" s="315">
        <v>1</v>
      </c>
      <c r="AV29" s="312">
        <v>1</v>
      </c>
      <c r="AW29" s="314">
        <v>0</v>
      </c>
      <c r="AX29" s="315">
        <v>3</v>
      </c>
      <c r="AY29" s="315">
        <v>5</v>
      </c>
      <c r="AZ29" s="315">
        <v>8</v>
      </c>
      <c r="BA29" s="315">
        <v>11</v>
      </c>
      <c r="BB29" s="315">
        <v>4</v>
      </c>
      <c r="BC29" s="316">
        <v>31</v>
      </c>
      <c r="BD29" s="317">
        <v>32</v>
      </c>
      <c r="BE29" s="311">
        <v>0</v>
      </c>
      <c r="BF29" s="315">
        <v>0</v>
      </c>
      <c r="BG29" s="312">
        <v>0</v>
      </c>
      <c r="BH29" s="314">
        <v>0</v>
      </c>
      <c r="BI29" s="315">
        <v>8</v>
      </c>
      <c r="BJ29" s="315">
        <v>6</v>
      </c>
      <c r="BK29" s="315">
        <v>6</v>
      </c>
      <c r="BL29" s="315">
        <v>4</v>
      </c>
      <c r="BM29" s="315">
        <v>3</v>
      </c>
      <c r="BN29" s="312">
        <v>27</v>
      </c>
      <c r="BO29" s="317">
        <v>27</v>
      </c>
      <c r="BP29" s="311">
        <v>0</v>
      </c>
      <c r="BQ29" s="315">
        <v>2</v>
      </c>
      <c r="BR29" s="312">
        <v>2</v>
      </c>
      <c r="BS29" s="314">
        <v>0</v>
      </c>
      <c r="BT29" s="315">
        <v>2</v>
      </c>
      <c r="BU29" s="315">
        <v>4</v>
      </c>
      <c r="BV29" s="315">
        <v>3</v>
      </c>
      <c r="BW29" s="315">
        <v>1</v>
      </c>
      <c r="BX29" s="315">
        <v>1</v>
      </c>
      <c r="BY29" s="312">
        <v>11</v>
      </c>
      <c r="BZ29" s="317">
        <v>13</v>
      </c>
      <c r="CA29" s="311">
        <v>0</v>
      </c>
      <c r="CB29" s="315">
        <v>0</v>
      </c>
      <c r="CC29" s="312">
        <v>0</v>
      </c>
      <c r="CD29" s="314">
        <v>0</v>
      </c>
      <c r="CE29" s="315">
        <v>1</v>
      </c>
      <c r="CF29" s="315">
        <v>1</v>
      </c>
      <c r="CG29" s="315">
        <v>2</v>
      </c>
      <c r="CH29" s="315">
        <v>0</v>
      </c>
      <c r="CI29" s="315">
        <v>2</v>
      </c>
      <c r="CJ29" s="312">
        <v>6</v>
      </c>
      <c r="CK29" s="317">
        <v>6</v>
      </c>
      <c r="CL29" s="311">
        <v>0</v>
      </c>
      <c r="CM29" s="315">
        <v>0</v>
      </c>
      <c r="CN29" s="312">
        <v>0</v>
      </c>
      <c r="CO29" s="314">
        <v>0</v>
      </c>
      <c r="CP29" s="315">
        <v>0</v>
      </c>
      <c r="CQ29" s="315">
        <v>0</v>
      </c>
      <c r="CR29" s="315">
        <v>1</v>
      </c>
      <c r="CS29" s="315">
        <v>0</v>
      </c>
      <c r="CT29" s="315">
        <v>0</v>
      </c>
      <c r="CU29" s="312">
        <v>1</v>
      </c>
      <c r="CV29" s="317">
        <v>1</v>
      </c>
      <c r="CW29" s="311">
        <v>0</v>
      </c>
      <c r="CX29" s="315">
        <v>0</v>
      </c>
      <c r="CY29" s="312">
        <v>0</v>
      </c>
      <c r="CZ29" s="314">
        <v>0</v>
      </c>
      <c r="DA29" s="315">
        <v>0</v>
      </c>
      <c r="DB29" s="315">
        <v>0</v>
      </c>
      <c r="DC29" s="315">
        <v>0</v>
      </c>
      <c r="DD29" s="315">
        <v>0</v>
      </c>
      <c r="DE29" s="315">
        <v>0</v>
      </c>
      <c r="DF29" s="312">
        <v>0</v>
      </c>
      <c r="DG29" s="317">
        <v>0</v>
      </c>
      <c r="DH29" s="311">
        <v>0</v>
      </c>
      <c r="DI29" s="315">
        <v>0</v>
      </c>
      <c r="DJ29" s="312">
        <v>0</v>
      </c>
      <c r="DK29" s="314">
        <v>0</v>
      </c>
      <c r="DL29" s="315">
        <v>0</v>
      </c>
      <c r="DM29" s="315">
        <v>0</v>
      </c>
      <c r="DN29" s="315">
        <v>0</v>
      </c>
      <c r="DO29" s="315">
        <v>0</v>
      </c>
      <c r="DP29" s="315">
        <v>0</v>
      </c>
      <c r="DQ29" s="312">
        <v>0</v>
      </c>
      <c r="DR29" s="317">
        <v>0</v>
      </c>
      <c r="DS29" s="311">
        <v>3</v>
      </c>
      <c r="DT29" s="315">
        <v>8</v>
      </c>
      <c r="DU29" s="312">
        <v>11</v>
      </c>
      <c r="DV29" s="314">
        <v>0</v>
      </c>
      <c r="DW29" s="315">
        <v>6</v>
      </c>
      <c r="DX29" s="315">
        <v>12</v>
      </c>
      <c r="DY29" s="315">
        <v>10</v>
      </c>
      <c r="DZ29" s="315">
        <v>7</v>
      </c>
      <c r="EA29" s="315">
        <v>6</v>
      </c>
      <c r="EB29" s="312">
        <v>41</v>
      </c>
      <c r="EC29" s="317">
        <v>52</v>
      </c>
      <c r="ED29" s="311">
        <v>0</v>
      </c>
      <c r="EE29" s="315">
        <v>1</v>
      </c>
      <c r="EF29" s="312">
        <v>1</v>
      </c>
      <c r="EG29" s="314">
        <v>0</v>
      </c>
      <c r="EH29" s="315">
        <v>1</v>
      </c>
      <c r="EI29" s="315">
        <v>2</v>
      </c>
      <c r="EJ29" s="315">
        <v>2</v>
      </c>
      <c r="EK29" s="315">
        <v>4</v>
      </c>
      <c r="EL29" s="315">
        <v>1</v>
      </c>
      <c r="EM29" s="312">
        <v>10</v>
      </c>
      <c r="EN29" s="317">
        <v>11</v>
      </c>
      <c r="EO29" s="311">
        <v>3</v>
      </c>
      <c r="EP29" s="315">
        <v>12</v>
      </c>
      <c r="EQ29" s="312">
        <v>15</v>
      </c>
      <c r="ER29" s="314">
        <v>0</v>
      </c>
      <c r="ES29" s="315">
        <v>16</v>
      </c>
      <c r="ET29" s="315">
        <v>15</v>
      </c>
      <c r="EU29" s="315">
        <v>12</v>
      </c>
      <c r="EV29" s="315">
        <v>8</v>
      </c>
      <c r="EW29" s="315">
        <v>6</v>
      </c>
      <c r="EX29" s="312">
        <v>57</v>
      </c>
      <c r="EY29" s="317">
        <v>72</v>
      </c>
    </row>
    <row r="30" spans="1:155" ht="19.5" customHeight="1" x14ac:dyDescent="0.2">
      <c r="A30" s="296" t="s">
        <v>28</v>
      </c>
      <c r="B30" s="311">
        <v>0</v>
      </c>
      <c r="C30" s="315">
        <v>0</v>
      </c>
      <c r="D30" s="437">
        <v>0</v>
      </c>
      <c r="E30" s="314">
        <v>0</v>
      </c>
      <c r="F30" s="315">
        <v>0</v>
      </c>
      <c r="G30" s="315">
        <v>0</v>
      </c>
      <c r="H30" s="315">
        <v>1</v>
      </c>
      <c r="I30" s="315">
        <v>0</v>
      </c>
      <c r="J30" s="315">
        <v>0</v>
      </c>
      <c r="K30" s="316">
        <v>1</v>
      </c>
      <c r="L30" s="317">
        <v>1</v>
      </c>
      <c r="M30" s="311">
        <v>0</v>
      </c>
      <c r="N30" s="315">
        <v>0</v>
      </c>
      <c r="O30" s="312">
        <v>0</v>
      </c>
      <c r="P30" s="314">
        <v>0</v>
      </c>
      <c r="Q30" s="315">
        <v>0</v>
      </c>
      <c r="R30" s="315">
        <v>0</v>
      </c>
      <c r="S30" s="315">
        <v>0</v>
      </c>
      <c r="T30" s="315">
        <v>0</v>
      </c>
      <c r="U30" s="315">
        <v>0</v>
      </c>
      <c r="V30" s="312">
        <v>0</v>
      </c>
      <c r="W30" s="317">
        <v>0</v>
      </c>
      <c r="X30" s="311">
        <v>0</v>
      </c>
      <c r="Y30" s="315">
        <v>0</v>
      </c>
      <c r="Z30" s="312">
        <v>0</v>
      </c>
      <c r="AA30" s="314">
        <v>0</v>
      </c>
      <c r="AB30" s="315">
        <v>0</v>
      </c>
      <c r="AC30" s="315">
        <v>4</v>
      </c>
      <c r="AD30" s="315">
        <v>1</v>
      </c>
      <c r="AE30" s="315">
        <v>0</v>
      </c>
      <c r="AF30" s="315">
        <v>0</v>
      </c>
      <c r="AG30" s="312">
        <v>5</v>
      </c>
      <c r="AH30" s="317">
        <v>5</v>
      </c>
      <c r="AI30" s="311">
        <v>0</v>
      </c>
      <c r="AJ30" s="315">
        <v>0</v>
      </c>
      <c r="AK30" s="312">
        <v>0</v>
      </c>
      <c r="AL30" s="314">
        <v>0</v>
      </c>
      <c r="AM30" s="315">
        <v>0</v>
      </c>
      <c r="AN30" s="315">
        <v>0</v>
      </c>
      <c r="AO30" s="315">
        <v>0</v>
      </c>
      <c r="AP30" s="315">
        <v>0</v>
      </c>
      <c r="AQ30" s="315">
        <v>0</v>
      </c>
      <c r="AR30" s="312">
        <v>0</v>
      </c>
      <c r="AS30" s="317">
        <v>0</v>
      </c>
      <c r="AT30" s="311">
        <v>0</v>
      </c>
      <c r="AU30" s="315">
        <v>0</v>
      </c>
      <c r="AV30" s="312">
        <v>0</v>
      </c>
      <c r="AW30" s="314">
        <v>0</v>
      </c>
      <c r="AX30" s="315">
        <v>1</v>
      </c>
      <c r="AY30" s="315">
        <v>1</v>
      </c>
      <c r="AZ30" s="315">
        <v>1</v>
      </c>
      <c r="BA30" s="315">
        <v>0</v>
      </c>
      <c r="BB30" s="315">
        <v>0</v>
      </c>
      <c r="BC30" s="316">
        <v>3</v>
      </c>
      <c r="BD30" s="317">
        <v>3</v>
      </c>
      <c r="BE30" s="311">
        <v>0</v>
      </c>
      <c r="BF30" s="315">
        <v>0</v>
      </c>
      <c r="BG30" s="312">
        <v>0</v>
      </c>
      <c r="BH30" s="314">
        <v>0</v>
      </c>
      <c r="BI30" s="315">
        <v>2</v>
      </c>
      <c r="BJ30" s="315">
        <v>0</v>
      </c>
      <c r="BK30" s="315">
        <v>0</v>
      </c>
      <c r="BL30" s="315">
        <v>0</v>
      </c>
      <c r="BM30" s="315">
        <v>0</v>
      </c>
      <c r="BN30" s="312">
        <v>2</v>
      </c>
      <c r="BO30" s="317">
        <v>2</v>
      </c>
      <c r="BP30" s="311">
        <v>0</v>
      </c>
      <c r="BQ30" s="315">
        <v>0</v>
      </c>
      <c r="BR30" s="312">
        <v>0</v>
      </c>
      <c r="BS30" s="314">
        <v>0</v>
      </c>
      <c r="BT30" s="315">
        <v>0</v>
      </c>
      <c r="BU30" s="315">
        <v>0</v>
      </c>
      <c r="BV30" s="315">
        <v>0</v>
      </c>
      <c r="BW30" s="315">
        <v>0</v>
      </c>
      <c r="BX30" s="315">
        <v>0</v>
      </c>
      <c r="BY30" s="312">
        <v>0</v>
      </c>
      <c r="BZ30" s="317">
        <v>0</v>
      </c>
      <c r="CA30" s="311">
        <v>0</v>
      </c>
      <c r="CB30" s="315">
        <v>0</v>
      </c>
      <c r="CC30" s="312">
        <v>0</v>
      </c>
      <c r="CD30" s="314">
        <v>0</v>
      </c>
      <c r="CE30" s="315">
        <v>0</v>
      </c>
      <c r="CF30" s="315">
        <v>1</v>
      </c>
      <c r="CG30" s="315">
        <v>0</v>
      </c>
      <c r="CH30" s="315">
        <v>0</v>
      </c>
      <c r="CI30" s="315">
        <v>1</v>
      </c>
      <c r="CJ30" s="312">
        <v>2</v>
      </c>
      <c r="CK30" s="317">
        <v>2</v>
      </c>
      <c r="CL30" s="311">
        <v>0</v>
      </c>
      <c r="CM30" s="315">
        <v>0</v>
      </c>
      <c r="CN30" s="312">
        <v>0</v>
      </c>
      <c r="CO30" s="314">
        <v>0</v>
      </c>
      <c r="CP30" s="315">
        <v>0</v>
      </c>
      <c r="CQ30" s="315">
        <v>0</v>
      </c>
      <c r="CR30" s="315">
        <v>0</v>
      </c>
      <c r="CS30" s="315">
        <v>0</v>
      </c>
      <c r="CT30" s="315">
        <v>0</v>
      </c>
      <c r="CU30" s="312">
        <v>0</v>
      </c>
      <c r="CV30" s="317">
        <v>0</v>
      </c>
      <c r="CW30" s="311">
        <v>0</v>
      </c>
      <c r="CX30" s="315">
        <v>0</v>
      </c>
      <c r="CY30" s="312">
        <v>0</v>
      </c>
      <c r="CZ30" s="314">
        <v>0</v>
      </c>
      <c r="DA30" s="315">
        <v>0</v>
      </c>
      <c r="DB30" s="315">
        <v>0</v>
      </c>
      <c r="DC30" s="315">
        <v>0</v>
      </c>
      <c r="DD30" s="315">
        <v>0</v>
      </c>
      <c r="DE30" s="315">
        <v>0</v>
      </c>
      <c r="DF30" s="312">
        <v>0</v>
      </c>
      <c r="DG30" s="317">
        <v>0</v>
      </c>
      <c r="DH30" s="311">
        <v>0</v>
      </c>
      <c r="DI30" s="315">
        <v>0</v>
      </c>
      <c r="DJ30" s="312">
        <v>0</v>
      </c>
      <c r="DK30" s="314">
        <v>0</v>
      </c>
      <c r="DL30" s="315">
        <v>0</v>
      </c>
      <c r="DM30" s="315">
        <v>0</v>
      </c>
      <c r="DN30" s="315">
        <v>0</v>
      </c>
      <c r="DO30" s="315">
        <v>0</v>
      </c>
      <c r="DP30" s="315">
        <v>0</v>
      </c>
      <c r="DQ30" s="312">
        <v>0</v>
      </c>
      <c r="DR30" s="317">
        <v>0</v>
      </c>
      <c r="DS30" s="311">
        <v>0</v>
      </c>
      <c r="DT30" s="315">
        <v>1</v>
      </c>
      <c r="DU30" s="312">
        <v>1</v>
      </c>
      <c r="DV30" s="314">
        <v>0</v>
      </c>
      <c r="DW30" s="315">
        <v>3</v>
      </c>
      <c r="DX30" s="315">
        <v>7</v>
      </c>
      <c r="DY30" s="315">
        <v>0</v>
      </c>
      <c r="DZ30" s="315">
        <v>0</v>
      </c>
      <c r="EA30" s="315">
        <v>0</v>
      </c>
      <c r="EB30" s="312">
        <v>10</v>
      </c>
      <c r="EC30" s="317">
        <v>11</v>
      </c>
      <c r="ED30" s="311">
        <v>0</v>
      </c>
      <c r="EE30" s="315">
        <v>0</v>
      </c>
      <c r="EF30" s="312">
        <v>0</v>
      </c>
      <c r="EG30" s="314">
        <v>0</v>
      </c>
      <c r="EH30" s="315">
        <v>1</v>
      </c>
      <c r="EI30" s="315">
        <v>0</v>
      </c>
      <c r="EJ30" s="315">
        <v>1</v>
      </c>
      <c r="EK30" s="315">
        <v>0</v>
      </c>
      <c r="EL30" s="315">
        <v>0</v>
      </c>
      <c r="EM30" s="312">
        <v>2</v>
      </c>
      <c r="EN30" s="317">
        <v>2</v>
      </c>
      <c r="EO30" s="311">
        <v>0</v>
      </c>
      <c r="EP30" s="315">
        <v>1</v>
      </c>
      <c r="EQ30" s="312">
        <v>1</v>
      </c>
      <c r="ER30" s="314">
        <v>0</v>
      </c>
      <c r="ES30" s="315">
        <v>6</v>
      </c>
      <c r="ET30" s="315">
        <v>7</v>
      </c>
      <c r="EU30" s="315">
        <v>1</v>
      </c>
      <c r="EV30" s="315">
        <v>0</v>
      </c>
      <c r="EW30" s="315">
        <v>1</v>
      </c>
      <c r="EX30" s="312">
        <v>15</v>
      </c>
      <c r="EY30" s="317">
        <v>16</v>
      </c>
    </row>
    <row r="31" spans="1:155" ht="19.5" customHeight="1" x14ac:dyDescent="0.2">
      <c r="A31" s="296" t="s">
        <v>29</v>
      </c>
      <c r="B31" s="311">
        <v>0</v>
      </c>
      <c r="C31" s="315">
        <v>0</v>
      </c>
      <c r="D31" s="437">
        <v>0</v>
      </c>
      <c r="E31" s="314">
        <v>0</v>
      </c>
      <c r="F31" s="315">
        <v>1</v>
      </c>
      <c r="G31" s="315">
        <v>0</v>
      </c>
      <c r="H31" s="315">
        <v>0</v>
      </c>
      <c r="I31" s="315">
        <v>1</v>
      </c>
      <c r="J31" s="315">
        <v>0</v>
      </c>
      <c r="K31" s="316">
        <v>2</v>
      </c>
      <c r="L31" s="317">
        <v>2</v>
      </c>
      <c r="M31" s="311">
        <v>0</v>
      </c>
      <c r="N31" s="315">
        <v>0</v>
      </c>
      <c r="O31" s="312">
        <v>0</v>
      </c>
      <c r="P31" s="314">
        <v>0</v>
      </c>
      <c r="Q31" s="315">
        <v>0</v>
      </c>
      <c r="R31" s="315">
        <v>0</v>
      </c>
      <c r="S31" s="315">
        <v>0</v>
      </c>
      <c r="T31" s="315">
        <v>0</v>
      </c>
      <c r="U31" s="315">
        <v>1</v>
      </c>
      <c r="V31" s="312">
        <v>1</v>
      </c>
      <c r="W31" s="317">
        <v>1</v>
      </c>
      <c r="X31" s="311">
        <v>0</v>
      </c>
      <c r="Y31" s="315">
        <v>1</v>
      </c>
      <c r="Z31" s="312">
        <v>1</v>
      </c>
      <c r="AA31" s="314">
        <v>0</v>
      </c>
      <c r="AB31" s="315">
        <v>1</v>
      </c>
      <c r="AC31" s="315">
        <v>0</v>
      </c>
      <c r="AD31" s="315">
        <v>0</v>
      </c>
      <c r="AE31" s="315">
        <v>0</v>
      </c>
      <c r="AF31" s="315">
        <v>1</v>
      </c>
      <c r="AG31" s="312">
        <v>2</v>
      </c>
      <c r="AH31" s="317">
        <v>3</v>
      </c>
      <c r="AI31" s="311">
        <v>0</v>
      </c>
      <c r="AJ31" s="315">
        <v>0</v>
      </c>
      <c r="AK31" s="312">
        <v>0</v>
      </c>
      <c r="AL31" s="314">
        <v>0</v>
      </c>
      <c r="AM31" s="315">
        <v>0</v>
      </c>
      <c r="AN31" s="315">
        <v>0</v>
      </c>
      <c r="AO31" s="315">
        <v>0</v>
      </c>
      <c r="AP31" s="315">
        <v>0</v>
      </c>
      <c r="AQ31" s="315">
        <v>0</v>
      </c>
      <c r="AR31" s="312">
        <v>0</v>
      </c>
      <c r="AS31" s="317">
        <v>0</v>
      </c>
      <c r="AT31" s="311">
        <v>0</v>
      </c>
      <c r="AU31" s="315">
        <v>0</v>
      </c>
      <c r="AV31" s="312">
        <v>0</v>
      </c>
      <c r="AW31" s="314">
        <v>0</v>
      </c>
      <c r="AX31" s="315">
        <v>0</v>
      </c>
      <c r="AY31" s="315">
        <v>2</v>
      </c>
      <c r="AZ31" s="315">
        <v>0</v>
      </c>
      <c r="BA31" s="315">
        <v>0</v>
      </c>
      <c r="BB31" s="315">
        <v>2</v>
      </c>
      <c r="BC31" s="316">
        <v>4</v>
      </c>
      <c r="BD31" s="317">
        <v>4</v>
      </c>
      <c r="BE31" s="311">
        <v>0</v>
      </c>
      <c r="BF31" s="315">
        <v>0</v>
      </c>
      <c r="BG31" s="312">
        <v>0</v>
      </c>
      <c r="BH31" s="314">
        <v>0</v>
      </c>
      <c r="BI31" s="315">
        <v>3</v>
      </c>
      <c r="BJ31" s="315">
        <v>1</v>
      </c>
      <c r="BK31" s="315">
        <v>1</v>
      </c>
      <c r="BL31" s="315">
        <v>0</v>
      </c>
      <c r="BM31" s="315">
        <v>1</v>
      </c>
      <c r="BN31" s="312">
        <v>6</v>
      </c>
      <c r="BO31" s="317">
        <v>6</v>
      </c>
      <c r="BP31" s="311">
        <v>0</v>
      </c>
      <c r="BQ31" s="315">
        <v>0</v>
      </c>
      <c r="BR31" s="312">
        <v>0</v>
      </c>
      <c r="BS31" s="314">
        <v>0</v>
      </c>
      <c r="BT31" s="315">
        <v>0</v>
      </c>
      <c r="BU31" s="315">
        <v>1</v>
      </c>
      <c r="BV31" s="315">
        <v>1</v>
      </c>
      <c r="BW31" s="315">
        <v>1</v>
      </c>
      <c r="BX31" s="315">
        <v>0</v>
      </c>
      <c r="BY31" s="312">
        <v>3</v>
      </c>
      <c r="BZ31" s="317">
        <v>3</v>
      </c>
      <c r="CA31" s="311">
        <v>0</v>
      </c>
      <c r="CB31" s="315">
        <v>0</v>
      </c>
      <c r="CC31" s="312">
        <v>0</v>
      </c>
      <c r="CD31" s="314">
        <v>0</v>
      </c>
      <c r="CE31" s="315">
        <v>0</v>
      </c>
      <c r="CF31" s="315">
        <v>0</v>
      </c>
      <c r="CG31" s="315">
        <v>0</v>
      </c>
      <c r="CH31" s="315">
        <v>0</v>
      </c>
      <c r="CI31" s="315">
        <v>1</v>
      </c>
      <c r="CJ31" s="312">
        <v>1</v>
      </c>
      <c r="CK31" s="317">
        <v>1</v>
      </c>
      <c r="CL31" s="311">
        <v>0</v>
      </c>
      <c r="CM31" s="315">
        <v>0</v>
      </c>
      <c r="CN31" s="312">
        <v>0</v>
      </c>
      <c r="CO31" s="314">
        <v>0</v>
      </c>
      <c r="CP31" s="315">
        <v>0</v>
      </c>
      <c r="CQ31" s="315">
        <v>0</v>
      </c>
      <c r="CR31" s="315">
        <v>0</v>
      </c>
      <c r="CS31" s="315">
        <v>0</v>
      </c>
      <c r="CT31" s="315">
        <v>0</v>
      </c>
      <c r="CU31" s="312">
        <v>0</v>
      </c>
      <c r="CV31" s="317">
        <v>0</v>
      </c>
      <c r="CW31" s="311">
        <v>0</v>
      </c>
      <c r="CX31" s="315">
        <v>0</v>
      </c>
      <c r="CY31" s="312">
        <v>0</v>
      </c>
      <c r="CZ31" s="314">
        <v>0</v>
      </c>
      <c r="DA31" s="315">
        <v>0</v>
      </c>
      <c r="DB31" s="315">
        <v>0</v>
      </c>
      <c r="DC31" s="315">
        <v>0</v>
      </c>
      <c r="DD31" s="315">
        <v>0</v>
      </c>
      <c r="DE31" s="315">
        <v>0</v>
      </c>
      <c r="DF31" s="312">
        <v>0</v>
      </c>
      <c r="DG31" s="317">
        <v>0</v>
      </c>
      <c r="DH31" s="311">
        <v>0</v>
      </c>
      <c r="DI31" s="315">
        <v>0</v>
      </c>
      <c r="DJ31" s="312">
        <v>0</v>
      </c>
      <c r="DK31" s="314">
        <v>0</v>
      </c>
      <c r="DL31" s="315">
        <v>0</v>
      </c>
      <c r="DM31" s="315">
        <v>0</v>
      </c>
      <c r="DN31" s="315">
        <v>0</v>
      </c>
      <c r="DO31" s="315">
        <v>0</v>
      </c>
      <c r="DP31" s="315">
        <v>0</v>
      </c>
      <c r="DQ31" s="312">
        <v>0</v>
      </c>
      <c r="DR31" s="317">
        <v>0</v>
      </c>
      <c r="DS31" s="311">
        <v>2</v>
      </c>
      <c r="DT31" s="315">
        <v>1</v>
      </c>
      <c r="DU31" s="312">
        <v>3</v>
      </c>
      <c r="DV31" s="314">
        <v>0</v>
      </c>
      <c r="DW31" s="315">
        <v>1</v>
      </c>
      <c r="DX31" s="315">
        <v>2</v>
      </c>
      <c r="DY31" s="315">
        <v>1</v>
      </c>
      <c r="DZ31" s="315">
        <v>1</v>
      </c>
      <c r="EA31" s="315">
        <v>2</v>
      </c>
      <c r="EB31" s="312">
        <v>7</v>
      </c>
      <c r="EC31" s="317">
        <v>10</v>
      </c>
      <c r="ED31" s="311">
        <v>0</v>
      </c>
      <c r="EE31" s="315">
        <v>0</v>
      </c>
      <c r="EF31" s="312">
        <v>0</v>
      </c>
      <c r="EG31" s="314">
        <v>0</v>
      </c>
      <c r="EH31" s="315">
        <v>0</v>
      </c>
      <c r="EI31" s="315">
        <v>2</v>
      </c>
      <c r="EJ31" s="315">
        <v>0</v>
      </c>
      <c r="EK31" s="315">
        <v>0</v>
      </c>
      <c r="EL31" s="315">
        <v>0</v>
      </c>
      <c r="EM31" s="312">
        <v>2</v>
      </c>
      <c r="EN31" s="317">
        <v>2</v>
      </c>
      <c r="EO31" s="311">
        <v>2</v>
      </c>
      <c r="EP31" s="315">
        <v>2</v>
      </c>
      <c r="EQ31" s="312">
        <v>4</v>
      </c>
      <c r="ER31" s="314">
        <v>0</v>
      </c>
      <c r="ES31" s="315">
        <v>6</v>
      </c>
      <c r="ET31" s="315">
        <v>3</v>
      </c>
      <c r="EU31" s="315">
        <v>1</v>
      </c>
      <c r="EV31" s="315">
        <v>1</v>
      </c>
      <c r="EW31" s="315">
        <v>2</v>
      </c>
      <c r="EX31" s="312">
        <v>13</v>
      </c>
      <c r="EY31" s="317">
        <v>17</v>
      </c>
    </row>
    <row r="32" spans="1:155" ht="19.5" customHeight="1" x14ac:dyDescent="0.2">
      <c r="A32" s="296" t="s">
        <v>30</v>
      </c>
      <c r="B32" s="311">
        <v>0</v>
      </c>
      <c r="C32" s="315">
        <v>0</v>
      </c>
      <c r="D32" s="437">
        <v>0</v>
      </c>
      <c r="E32" s="314">
        <v>0</v>
      </c>
      <c r="F32" s="315">
        <v>1</v>
      </c>
      <c r="G32" s="315">
        <v>2</v>
      </c>
      <c r="H32" s="315">
        <v>1</v>
      </c>
      <c r="I32" s="315">
        <v>2</v>
      </c>
      <c r="J32" s="315">
        <v>0</v>
      </c>
      <c r="K32" s="316">
        <v>6</v>
      </c>
      <c r="L32" s="317">
        <v>6</v>
      </c>
      <c r="M32" s="311">
        <v>0</v>
      </c>
      <c r="N32" s="315">
        <v>0</v>
      </c>
      <c r="O32" s="312">
        <v>0</v>
      </c>
      <c r="P32" s="314">
        <v>0</v>
      </c>
      <c r="Q32" s="315">
        <v>0</v>
      </c>
      <c r="R32" s="315">
        <v>0</v>
      </c>
      <c r="S32" s="315">
        <v>0</v>
      </c>
      <c r="T32" s="315">
        <v>1</v>
      </c>
      <c r="U32" s="315">
        <v>0</v>
      </c>
      <c r="V32" s="312">
        <v>1</v>
      </c>
      <c r="W32" s="317">
        <v>1</v>
      </c>
      <c r="X32" s="311">
        <v>0</v>
      </c>
      <c r="Y32" s="315">
        <v>1</v>
      </c>
      <c r="Z32" s="312">
        <v>1</v>
      </c>
      <c r="AA32" s="314">
        <v>0</v>
      </c>
      <c r="AB32" s="315">
        <v>1</v>
      </c>
      <c r="AC32" s="315">
        <v>0</v>
      </c>
      <c r="AD32" s="315">
        <v>0</v>
      </c>
      <c r="AE32" s="315">
        <v>2</v>
      </c>
      <c r="AF32" s="315">
        <v>0</v>
      </c>
      <c r="AG32" s="312">
        <v>3</v>
      </c>
      <c r="AH32" s="317">
        <v>4</v>
      </c>
      <c r="AI32" s="311">
        <v>0</v>
      </c>
      <c r="AJ32" s="315">
        <v>0</v>
      </c>
      <c r="AK32" s="312">
        <v>0</v>
      </c>
      <c r="AL32" s="314">
        <v>0</v>
      </c>
      <c r="AM32" s="315">
        <v>0</v>
      </c>
      <c r="AN32" s="315">
        <v>0</v>
      </c>
      <c r="AO32" s="315">
        <v>0</v>
      </c>
      <c r="AP32" s="315">
        <v>0</v>
      </c>
      <c r="AQ32" s="315">
        <v>0</v>
      </c>
      <c r="AR32" s="312">
        <v>0</v>
      </c>
      <c r="AS32" s="317">
        <v>0</v>
      </c>
      <c r="AT32" s="311">
        <v>0</v>
      </c>
      <c r="AU32" s="315">
        <v>0</v>
      </c>
      <c r="AV32" s="312">
        <v>0</v>
      </c>
      <c r="AW32" s="314">
        <v>0</v>
      </c>
      <c r="AX32" s="315">
        <v>2</v>
      </c>
      <c r="AY32" s="315">
        <v>1</v>
      </c>
      <c r="AZ32" s="315">
        <v>0</v>
      </c>
      <c r="BA32" s="315">
        <v>2</v>
      </c>
      <c r="BB32" s="315">
        <v>0</v>
      </c>
      <c r="BC32" s="316">
        <v>5</v>
      </c>
      <c r="BD32" s="317">
        <v>5</v>
      </c>
      <c r="BE32" s="311">
        <v>0</v>
      </c>
      <c r="BF32" s="315">
        <v>0</v>
      </c>
      <c r="BG32" s="312">
        <v>0</v>
      </c>
      <c r="BH32" s="314">
        <v>0</v>
      </c>
      <c r="BI32" s="315">
        <v>0</v>
      </c>
      <c r="BJ32" s="315">
        <v>0</v>
      </c>
      <c r="BK32" s="315">
        <v>0</v>
      </c>
      <c r="BL32" s="315">
        <v>1</v>
      </c>
      <c r="BM32" s="315">
        <v>0</v>
      </c>
      <c r="BN32" s="312">
        <v>1</v>
      </c>
      <c r="BO32" s="317">
        <v>1</v>
      </c>
      <c r="BP32" s="311">
        <v>0</v>
      </c>
      <c r="BQ32" s="315">
        <v>0</v>
      </c>
      <c r="BR32" s="312">
        <v>0</v>
      </c>
      <c r="BS32" s="314">
        <v>0</v>
      </c>
      <c r="BT32" s="315">
        <v>0</v>
      </c>
      <c r="BU32" s="315">
        <v>0</v>
      </c>
      <c r="BV32" s="315">
        <v>0</v>
      </c>
      <c r="BW32" s="315">
        <v>0</v>
      </c>
      <c r="BX32" s="315">
        <v>0</v>
      </c>
      <c r="BY32" s="312">
        <v>0</v>
      </c>
      <c r="BZ32" s="317">
        <v>0</v>
      </c>
      <c r="CA32" s="311">
        <v>0</v>
      </c>
      <c r="CB32" s="315">
        <v>0</v>
      </c>
      <c r="CC32" s="312">
        <v>0</v>
      </c>
      <c r="CD32" s="314">
        <v>0</v>
      </c>
      <c r="CE32" s="315">
        <v>1</v>
      </c>
      <c r="CF32" s="315">
        <v>1</v>
      </c>
      <c r="CG32" s="315">
        <v>1</v>
      </c>
      <c r="CH32" s="315">
        <v>1</v>
      </c>
      <c r="CI32" s="315">
        <v>0</v>
      </c>
      <c r="CJ32" s="312">
        <v>4</v>
      </c>
      <c r="CK32" s="317">
        <v>4</v>
      </c>
      <c r="CL32" s="311">
        <v>0</v>
      </c>
      <c r="CM32" s="315">
        <v>0</v>
      </c>
      <c r="CN32" s="312">
        <v>0</v>
      </c>
      <c r="CO32" s="314">
        <v>0</v>
      </c>
      <c r="CP32" s="315">
        <v>0</v>
      </c>
      <c r="CQ32" s="315">
        <v>0</v>
      </c>
      <c r="CR32" s="315">
        <v>0</v>
      </c>
      <c r="CS32" s="315">
        <v>0</v>
      </c>
      <c r="CT32" s="315">
        <v>0</v>
      </c>
      <c r="CU32" s="312">
        <v>0</v>
      </c>
      <c r="CV32" s="317">
        <v>0</v>
      </c>
      <c r="CW32" s="311">
        <v>0</v>
      </c>
      <c r="CX32" s="315">
        <v>0</v>
      </c>
      <c r="CY32" s="312">
        <v>0</v>
      </c>
      <c r="CZ32" s="314">
        <v>0</v>
      </c>
      <c r="DA32" s="315">
        <v>0</v>
      </c>
      <c r="DB32" s="315">
        <v>0</v>
      </c>
      <c r="DC32" s="315">
        <v>0</v>
      </c>
      <c r="DD32" s="315">
        <v>0</v>
      </c>
      <c r="DE32" s="315">
        <v>0</v>
      </c>
      <c r="DF32" s="312">
        <v>0</v>
      </c>
      <c r="DG32" s="317">
        <v>0</v>
      </c>
      <c r="DH32" s="311">
        <v>0</v>
      </c>
      <c r="DI32" s="315">
        <v>0</v>
      </c>
      <c r="DJ32" s="312">
        <v>0</v>
      </c>
      <c r="DK32" s="314">
        <v>0</v>
      </c>
      <c r="DL32" s="315">
        <v>0</v>
      </c>
      <c r="DM32" s="315">
        <v>0</v>
      </c>
      <c r="DN32" s="315">
        <v>0</v>
      </c>
      <c r="DO32" s="315">
        <v>0</v>
      </c>
      <c r="DP32" s="315">
        <v>0</v>
      </c>
      <c r="DQ32" s="312">
        <v>0</v>
      </c>
      <c r="DR32" s="317">
        <v>0</v>
      </c>
      <c r="DS32" s="311">
        <v>1</v>
      </c>
      <c r="DT32" s="315">
        <v>1</v>
      </c>
      <c r="DU32" s="312">
        <v>2</v>
      </c>
      <c r="DV32" s="314">
        <v>0</v>
      </c>
      <c r="DW32" s="315">
        <v>3</v>
      </c>
      <c r="DX32" s="315">
        <v>2</v>
      </c>
      <c r="DY32" s="315">
        <v>2</v>
      </c>
      <c r="DZ32" s="315">
        <v>3</v>
      </c>
      <c r="EA32" s="315">
        <v>0</v>
      </c>
      <c r="EB32" s="312">
        <v>10</v>
      </c>
      <c r="EC32" s="317">
        <v>12</v>
      </c>
      <c r="ED32" s="311">
        <v>0</v>
      </c>
      <c r="EE32" s="315">
        <v>0</v>
      </c>
      <c r="EF32" s="312">
        <v>0</v>
      </c>
      <c r="EG32" s="314">
        <v>0</v>
      </c>
      <c r="EH32" s="315">
        <v>2</v>
      </c>
      <c r="EI32" s="315">
        <v>0</v>
      </c>
      <c r="EJ32" s="315">
        <v>0</v>
      </c>
      <c r="EK32" s="315">
        <v>0</v>
      </c>
      <c r="EL32" s="315">
        <v>0</v>
      </c>
      <c r="EM32" s="312">
        <v>2</v>
      </c>
      <c r="EN32" s="317">
        <v>2</v>
      </c>
      <c r="EO32" s="311">
        <v>2</v>
      </c>
      <c r="EP32" s="315">
        <v>1</v>
      </c>
      <c r="EQ32" s="312">
        <v>3</v>
      </c>
      <c r="ER32" s="314">
        <v>0</v>
      </c>
      <c r="ES32" s="315">
        <v>5</v>
      </c>
      <c r="ET32" s="315">
        <v>3</v>
      </c>
      <c r="EU32" s="315">
        <v>3</v>
      </c>
      <c r="EV32" s="315">
        <v>3</v>
      </c>
      <c r="EW32" s="315">
        <v>0</v>
      </c>
      <c r="EX32" s="312">
        <v>14</v>
      </c>
      <c r="EY32" s="317">
        <v>17</v>
      </c>
    </row>
    <row r="33" spans="1:155" ht="19.5" customHeight="1" x14ac:dyDescent="0.2">
      <c r="A33" s="296" t="s">
        <v>31</v>
      </c>
      <c r="B33" s="311">
        <v>0</v>
      </c>
      <c r="C33" s="315">
        <v>0</v>
      </c>
      <c r="D33" s="437">
        <v>0</v>
      </c>
      <c r="E33" s="314">
        <v>0</v>
      </c>
      <c r="F33" s="315">
        <v>2</v>
      </c>
      <c r="G33" s="315">
        <v>0</v>
      </c>
      <c r="H33" s="315">
        <v>1</v>
      </c>
      <c r="I33" s="315">
        <v>0</v>
      </c>
      <c r="J33" s="315">
        <v>0</v>
      </c>
      <c r="K33" s="316">
        <v>3</v>
      </c>
      <c r="L33" s="317">
        <v>3</v>
      </c>
      <c r="M33" s="311">
        <v>0</v>
      </c>
      <c r="N33" s="315">
        <v>0</v>
      </c>
      <c r="O33" s="312">
        <v>0</v>
      </c>
      <c r="P33" s="314">
        <v>0</v>
      </c>
      <c r="Q33" s="315">
        <v>0</v>
      </c>
      <c r="R33" s="315">
        <v>1</v>
      </c>
      <c r="S33" s="315">
        <v>0</v>
      </c>
      <c r="T33" s="315">
        <v>0</v>
      </c>
      <c r="U33" s="315">
        <v>0</v>
      </c>
      <c r="V33" s="312">
        <v>1</v>
      </c>
      <c r="W33" s="317">
        <v>1</v>
      </c>
      <c r="X33" s="311">
        <v>0</v>
      </c>
      <c r="Y33" s="315">
        <v>0</v>
      </c>
      <c r="Z33" s="312">
        <v>0</v>
      </c>
      <c r="AA33" s="314">
        <v>0</v>
      </c>
      <c r="AB33" s="315">
        <v>2</v>
      </c>
      <c r="AC33" s="315">
        <v>0</v>
      </c>
      <c r="AD33" s="315">
        <v>0</v>
      </c>
      <c r="AE33" s="315">
        <v>0</v>
      </c>
      <c r="AF33" s="315">
        <v>0</v>
      </c>
      <c r="AG33" s="312">
        <v>2</v>
      </c>
      <c r="AH33" s="317">
        <v>2</v>
      </c>
      <c r="AI33" s="311">
        <v>0</v>
      </c>
      <c r="AJ33" s="315">
        <v>0</v>
      </c>
      <c r="AK33" s="312">
        <v>0</v>
      </c>
      <c r="AL33" s="314">
        <v>0</v>
      </c>
      <c r="AM33" s="315">
        <v>0</v>
      </c>
      <c r="AN33" s="315">
        <v>2</v>
      </c>
      <c r="AO33" s="315">
        <v>0</v>
      </c>
      <c r="AP33" s="315">
        <v>0</v>
      </c>
      <c r="AQ33" s="315">
        <v>0</v>
      </c>
      <c r="AR33" s="312">
        <v>2</v>
      </c>
      <c r="AS33" s="317">
        <v>2</v>
      </c>
      <c r="AT33" s="311">
        <v>0</v>
      </c>
      <c r="AU33" s="315">
        <v>0</v>
      </c>
      <c r="AV33" s="312">
        <v>0</v>
      </c>
      <c r="AW33" s="314">
        <v>0</v>
      </c>
      <c r="AX33" s="315">
        <v>1</v>
      </c>
      <c r="AY33" s="315">
        <v>0</v>
      </c>
      <c r="AZ33" s="315">
        <v>1</v>
      </c>
      <c r="BA33" s="315">
        <v>1</v>
      </c>
      <c r="BB33" s="315">
        <v>0</v>
      </c>
      <c r="BC33" s="316">
        <v>3</v>
      </c>
      <c r="BD33" s="317">
        <v>3</v>
      </c>
      <c r="BE33" s="311">
        <v>0</v>
      </c>
      <c r="BF33" s="315">
        <v>0</v>
      </c>
      <c r="BG33" s="312">
        <v>0</v>
      </c>
      <c r="BH33" s="314">
        <v>0</v>
      </c>
      <c r="BI33" s="315">
        <v>3</v>
      </c>
      <c r="BJ33" s="315">
        <v>3</v>
      </c>
      <c r="BK33" s="315">
        <v>1</v>
      </c>
      <c r="BL33" s="315">
        <v>0</v>
      </c>
      <c r="BM33" s="315">
        <v>0</v>
      </c>
      <c r="BN33" s="312">
        <v>7</v>
      </c>
      <c r="BO33" s="317">
        <v>7</v>
      </c>
      <c r="BP33" s="311">
        <v>0</v>
      </c>
      <c r="BQ33" s="315">
        <v>0</v>
      </c>
      <c r="BR33" s="312">
        <v>0</v>
      </c>
      <c r="BS33" s="314">
        <v>0</v>
      </c>
      <c r="BT33" s="315">
        <v>0</v>
      </c>
      <c r="BU33" s="315">
        <v>2</v>
      </c>
      <c r="BV33" s="315">
        <v>1</v>
      </c>
      <c r="BW33" s="315">
        <v>0</v>
      </c>
      <c r="BX33" s="315">
        <v>0</v>
      </c>
      <c r="BY33" s="312">
        <v>3</v>
      </c>
      <c r="BZ33" s="317">
        <v>3</v>
      </c>
      <c r="CA33" s="311">
        <v>0</v>
      </c>
      <c r="CB33" s="315">
        <v>0</v>
      </c>
      <c r="CC33" s="312">
        <v>0</v>
      </c>
      <c r="CD33" s="314">
        <v>0</v>
      </c>
      <c r="CE33" s="315">
        <v>0</v>
      </c>
      <c r="CF33" s="315">
        <v>0</v>
      </c>
      <c r="CG33" s="315">
        <v>0</v>
      </c>
      <c r="CH33" s="315">
        <v>0</v>
      </c>
      <c r="CI33" s="315">
        <v>0</v>
      </c>
      <c r="CJ33" s="312">
        <v>0</v>
      </c>
      <c r="CK33" s="317">
        <v>0</v>
      </c>
      <c r="CL33" s="311">
        <v>0</v>
      </c>
      <c r="CM33" s="315">
        <v>0</v>
      </c>
      <c r="CN33" s="312">
        <v>0</v>
      </c>
      <c r="CO33" s="314">
        <v>0</v>
      </c>
      <c r="CP33" s="315">
        <v>0</v>
      </c>
      <c r="CQ33" s="315">
        <v>0</v>
      </c>
      <c r="CR33" s="315">
        <v>0</v>
      </c>
      <c r="CS33" s="315">
        <v>0</v>
      </c>
      <c r="CT33" s="315">
        <v>0</v>
      </c>
      <c r="CU33" s="312">
        <v>0</v>
      </c>
      <c r="CV33" s="317">
        <v>0</v>
      </c>
      <c r="CW33" s="311">
        <v>0</v>
      </c>
      <c r="CX33" s="315">
        <v>0</v>
      </c>
      <c r="CY33" s="312">
        <v>0</v>
      </c>
      <c r="CZ33" s="314">
        <v>0</v>
      </c>
      <c r="DA33" s="315">
        <v>0</v>
      </c>
      <c r="DB33" s="315">
        <v>0</v>
      </c>
      <c r="DC33" s="315">
        <v>0</v>
      </c>
      <c r="DD33" s="315">
        <v>0</v>
      </c>
      <c r="DE33" s="315">
        <v>0</v>
      </c>
      <c r="DF33" s="312">
        <v>0</v>
      </c>
      <c r="DG33" s="317">
        <v>0</v>
      </c>
      <c r="DH33" s="311">
        <v>0</v>
      </c>
      <c r="DI33" s="315">
        <v>0</v>
      </c>
      <c r="DJ33" s="312">
        <v>0</v>
      </c>
      <c r="DK33" s="314">
        <v>0</v>
      </c>
      <c r="DL33" s="315">
        <v>0</v>
      </c>
      <c r="DM33" s="315">
        <v>0</v>
      </c>
      <c r="DN33" s="315">
        <v>0</v>
      </c>
      <c r="DO33" s="315">
        <v>0</v>
      </c>
      <c r="DP33" s="315">
        <v>0</v>
      </c>
      <c r="DQ33" s="312">
        <v>0</v>
      </c>
      <c r="DR33" s="317">
        <v>0</v>
      </c>
      <c r="DS33" s="311">
        <v>2</v>
      </c>
      <c r="DT33" s="315">
        <v>1</v>
      </c>
      <c r="DU33" s="312">
        <v>3</v>
      </c>
      <c r="DV33" s="314">
        <v>0</v>
      </c>
      <c r="DW33" s="315">
        <v>2</v>
      </c>
      <c r="DX33" s="315">
        <v>6</v>
      </c>
      <c r="DY33" s="315">
        <v>2</v>
      </c>
      <c r="DZ33" s="315">
        <v>1</v>
      </c>
      <c r="EA33" s="315">
        <v>0</v>
      </c>
      <c r="EB33" s="312">
        <v>11</v>
      </c>
      <c r="EC33" s="317">
        <v>14</v>
      </c>
      <c r="ED33" s="311">
        <v>0</v>
      </c>
      <c r="EE33" s="315">
        <v>0</v>
      </c>
      <c r="EF33" s="312">
        <v>0</v>
      </c>
      <c r="EG33" s="314">
        <v>0</v>
      </c>
      <c r="EH33" s="315">
        <v>0</v>
      </c>
      <c r="EI33" s="315">
        <v>1</v>
      </c>
      <c r="EJ33" s="315">
        <v>0</v>
      </c>
      <c r="EK33" s="315">
        <v>0</v>
      </c>
      <c r="EL33" s="315">
        <v>0</v>
      </c>
      <c r="EM33" s="312">
        <v>1</v>
      </c>
      <c r="EN33" s="317">
        <v>1</v>
      </c>
      <c r="EO33" s="311">
        <v>2</v>
      </c>
      <c r="EP33" s="315">
        <v>1</v>
      </c>
      <c r="EQ33" s="312">
        <v>3</v>
      </c>
      <c r="ER33" s="314">
        <v>0</v>
      </c>
      <c r="ES33" s="315">
        <v>6</v>
      </c>
      <c r="ET33" s="315">
        <v>10</v>
      </c>
      <c r="EU33" s="315">
        <v>2</v>
      </c>
      <c r="EV33" s="315">
        <v>1</v>
      </c>
      <c r="EW33" s="315">
        <v>0</v>
      </c>
      <c r="EX33" s="312">
        <v>19</v>
      </c>
      <c r="EY33" s="317">
        <v>22</v>
      </c>
    </row>
    <row r="34" spans="1:155" ht="19.5" customHeight="1" x14ac:dyDescent="0.2">
      <c r="A34" s="296" t="s">
        <v>32</v>
      </c>
      <c r="B34" s="311">
        <v>0</v>
      </c>
      <c r="C34" s="315">
        <v>0</v>
      </c>
      <c r="D34" s="437">
        <v>0</v>
      </c>
      <c r="E34" s="314">
        <v>0</v>
      </c>
      <c r="F34" s="315">
        <v>1</v>
      </c>
      <c r="G34" s="315">
        <v>2</v>
      </c>
      <c r="H34" s="315">
        <v>1</v>
      </c>
      <c r="I34" s="315">
        <v>2</v>
      </c>
      <c r="J34" s="315">
        <v>0</v>
      </c>
      <c r="K34" s="316">
        <v>6</v>
      </c>
      <c r="L34" s="317">
        <v>6</v>
      </c>
      <c r="M34" s="311">
        <v>0</v>
      </c>
      <c r="N34" s="315">
        <v>0</v>
      </c>
      <c r="O34" s="312">
        <v>0</v>
      </c>
      <c r="P34" s="314">
        <v>0</v>
      </c>
      <c r="Q34" s="315">
        <v>0</v>
      </c>
      <c r="R34" s="315">
        <v>0</v>
      </c>
      <c r="S34" s="315">
        <v>0</v>
      </c>
      <c r="T34" s="315">
        <v>0</v>
      </c>
      <c r="U34" s="315">
        <v>0</v>
      </c>
      <c r="V34" s="312">
        <v>0</v>
      </c>
      <c r="W34" s="317">
        <v>0</v>
      </c>
      <c r="X34" s="311">
        <v>0</v>
      </c>
      <c r="Y34" s="315">
        <v>1</v>
      </c>
      <c r="Z34" s="312">
        <v>1</v>
      </c>
      <c r="AA34" s="314">
        <v>0</v>
      </c>
      <c r="AB34" s="315">
        <v>2</v>
      </c>
      <c r="AC34" s="315">
        <v>3</v>
      </c>
      <c r="AD34" s="315">
        <v>1</v>
      </c>
      <c r="AE34" s="315">
        <v>1</v>
      </c>
      <c r="AF34" s="315">
        <v>1</v>
      </c>
      <c r="AG34" s="312">
        <v>8</v>
      </c>
      <c r="AH34" s="317">
        <v>9</v>
      </c>
      <c r="AI34" s="311">
        <v>0</v>
      </c>
      <c r="AJ34" s="315">
        <v>0</v>
      </c>
      <c r="AK34" s="312">
        <v>0</v>
      </c>
      <c r="AL34" s="314">
        <v>0</v>
      </c>
      <c r="AM34" s="315">
        <v>0</v>
      </c>
      <c r="AN34" s="315">
        <v>0</v>
      </c>
      <c r="AO34" s="315">
        <v>0</v>
      </c>
      <c r="AP34" s="315">
        <v>0</v>
      </c>
      <c r="AQ34" s="315">
        <v>0</v>
      </c>
      <c r="AR34" s="312">
        <v>0</v>
      </c>
      <c r="AS34" s="317">
        <v>0</v>
      </c>
      <c r="AT34" s="311">
        <v>0</v>
      </c>
      <c r="AU34" s="315">
        <v>0</v>
      </c>
      <c r="AV34" s="312">
        <v>0</v>
      </c>
      <c r="AW34" s="314">
        <v>0</v>
      </c>
      <c r="AX34" s="315">
        <v>0</v>
      </c>
      <c r="AY34" s="315">
        <v>3</v>
      </c>
      <c r="AZ34" s="315">
        <v>3</v>
      </c>
      <c r="BA34" s="315">
        <v>3</v>
      </c>
      <c r="BB34" s="315">
        <v>0</v>
      </c>
      <c r="BC34" s="316">
        <v>9</v>
      </c>
      <c r="BD34" s="317">
        <v>9</v>
      </c>
      <c r="BE34" s="311">
        <v>0</v>
      </c>
      <c r="BF34" s="315">
        <v>0</v>
      </c>
      <c r="BG34" s="312">
        <v>0</v>
      </c>
      <c r="BH34" s="314">
        <v>0</v>
      </c>
      <c r="BI34" s="315">
        <v>3</v>
      </c>
      <c r="BJ34" s="315">
        <v>2</v>
      </c>
      <c r="BK34" s="315">
        <v>1</v>
      </c>
      <c r="BL34" s="315">
        <v>0</v>
      </c>
      <c r="BM34" s="315">
        <v>0</v>
      </c>
      <c r="BN34" s="312">
        <v>6</v>
      </c>
      <c r="BO34" s="317">
        <v>6</v>
      </c>
      <c r="BP34" s="311">
        <v>0</v>
      </c>
      <c r="BQ34" s="315">
        <v>0</v>
      </c>
      <c r="BR34" s="312">
        <v>0</v>
      </c>
      <c r="BS34" s="314">
        <v>0</v>
      </c>
      <c r="BT34" s="315">
        <v>2</v>
      </c>
      <c r="BU34" s="315">
        <v>0</v>
      </c>
      <c r="BV34" s="315">
        <v>0</v>
      </c>
      <c r="BW34" s="315">
        <v>0</v>
      </c>
      <c r="BX34" s="315">
        <v>1</v>
      </c>
      <c r="BY34" s="312">
        <v>3</v>
      </c>
      <c r="BZ34" s="317">
        <v>3</v>
      </c>
      <c r="CA34" s="311">
        <v>0</v>
      </c>
      <c r="CB34" s="315">
        <v>0</v>
      </c>
      <c r="CC34" s="312">
        <v>0</v>
      </c>
      <c r="CD34" s="314">
        <v>0</v>
      </c>
      <c r="CE34" s="315">
        <v>1</v>
      </c>
      <c r="CF34" s="315">
        <v>0</v>
      </c>
      <c r="CG34" s="315">
        <v>1</v>
      </c>
      <c r="CH34" s="315">
        <v>1</v>
      </c>
      <c r="CI34" s="315">
        <v>0</v>
      </c>
      <c r="CJ34" s="312">
        <v>3</v>
      </c>
      <c r="CK34" s="317">
        <v>3</v>
      </c>
      <c r="CL34" s="311">
        <v>0</v>
      </c>
      <c r="CM34" s="315">
        <v>0</v>
      </c>
      <c r="CN34" s="312">
        <v>0</v>
      </c>
      <c r="CO34" s="314">
        <v>0</v>
      </c>
      <c r="CP34" s="315">
        <v>0</v>
      </c>
      <c r="CQ34" s="315">
        <v>0</v>
      </c>
      <c r="CR34" s="315">
        <v>0</v>
      </c>
      <c r="CS34" s="315">
        <v>0</v>
      </c>
      <c r="CT34" s="315">
        <v>0</v>
      </c>
      <c r="CU34" s="312">
        <v>0</v>
      </c>
      <c r="CV34" s="317">
        <v>0</v>
      </c>
      <c r="CW34" s="311">
        <v>0</v>
      </c>
      <c r="CX34" s="315">
        <v>0</v>
      </c>
      <c r="CY34" s="312">
        <v>0</v>
      </c>
      <c r="CZ34" s="314">
        <v>0</v>
      </c>
      <c r="DA34" s="315">
        <v>0</v>
      </c>
      <c r="DB34" s="315">
        <v>0</v>
      </c>
      <c r="DC34" s="315">
        <v>0</v>
      </c>
      <c r="DD34" s="315">
        <v>0</v>
      </c>
      <c r="DE34" s="315">
        <v>0</v>
      </c>
      <c r="DF34" s="312">
        <v>0</v>
      </c>
      <c r="DG34" s="317">
        <v>0</v>
      </c>
      <c r="DH34" s="311">
        <v>0</v>
      </c>
      <c r="DI34" s="315">
        <v>0</v>
      </c>
      <c r="DJ34" s="312">
        <v>0</v>
      </c>
      <c r="DK34" s="314">
        <v>0</v>
      </c>
      <c r="DL34" s="315">
        <v>0</v>
      </c>
      <c r="DM34" s="315">
        <v>0</v>
      </c>
      <c r="DN34" s="315">
        <v>0</v>
      </c>
      <c r="DO34" s="315">
        <v>0</v>
      </c>
      <c r="DP34" s="315">
        <v>0</v>
      </c>
      <c r="DQ34" s="312">
        <v>0</v>
      </c>
      <c r="DR34" s="317">
        <v>0</v>
      </c>
      <c r="DS34" s="311">
        <v>0</v>
      </c>
      <c r="DT34" s="315">
        <v>2</v>
      </c>
      <c r="DU34" s="312">
        <v>2</v>
      </c>
      <c r="DV34" s="314">
        <v>0</v>
      </c>
      <c r="DW34" s="315">
        <v>6</v>
      </c>
      <c r="DX34" s="315">
        <v>6</v>
      </c>
      <c r="DY34" s="315">
        <v>3</v>
      </c>
      <c r="DZ34" s="315">
        <v>2</v>
      </c>
      <c r="EA34" s="315">
        <v>1</v>
      </c>
      <c r="EB34" s="312">
        <v>18</v>
      </c>
      <c r="EC34" s="317">
        <v>20</v>
      </c>
      <c r="ED34" s="311">
        <v>0</v>
      </c>
      <c r="EE34" s="315">
        <v>1</v>
      </c>
      <c r="EF34" s="312">
        <v>1</v>
      </c>
      <c r="EG34" s="314">
        <v>0</v>
      </c>
      <c r="EH34" s="315">
        <v>0</v>
      </c>
      <c r="EI34" s="315">
        <v>1</v>
      </c>
      <c r="EJ34" s="315">
        <v>1</v>
      </c>
      <c r="EK34" s="315">
        <v>2</v>
      </c>
      <c r="EL34" s="315">
        <v>0</v>
      </c>
      <c r="EM34" s="312">
        <v>4</v>
      </c>
      <c r="EN34" s="317">
        <v>5</v>
      </c>
      <c r="EO34" s="311">
        <v>0</v>
      </c>
      <c r="EP34" s="315">
        <v>2</v>
      </c>
      <c r="EQ34" s="312">
        <v>2</v>
      </c>
      <c r="ER34" s="314">
        <v>0</v>
      </c>
      <c r="ES34" s="315">
        <v>10</v>
      </c>
      <c r="ET34" s="315">
        <v>8</v>
      </c>
      <c r="EU34" s="315">
        <v>3</v>
      </c>
      <c r="EV34" s="315">
        <v>3</v>
      </c>
      <c r="EW34" s="315">
        <v>1</v>
      </c>
      <c r="EX34" s="312">
        <v>25</v>
      </c>
      <c r="EY34" s="317">
        <v>27</v>
      </c>
    </row>
    <row r="35" spans="1:155" ht="19.5" customHeight="1" x14ac:dyDescent="0.2">
      <c r="A35" s="296" t="s">
        <v>33</v>
      </c>
      <c r="B35" s="311">
        <v>0</v>
      </c>
      <c r="C35" s="315">
        <v>0</v>
      </c>
      <c r="D35" s="437">
        <v>0</v>
      </c>
      <c r="E35" s="314">
        <v>0</v>
      </c>
      <c r="F35" s="315">
        <v>1</v>
      </c>
      <c r="G35" s="315">
        <v>0</v>
      </c>
      <c r="H35" s="315">
        <v>0</v>
      </c>
      <c r="I35" s="315">
        <v>0</v>
      </c>
      <c r="J35" s="315">
        <v>0</v>
      </c>
      <c r="K35" s="316">
        <v>1</v>
      </c>
      <c r="L35" s="317">
        <v>1</v>
      </c>
      <c r="M35" s="311">
        <v>0</v>
      </c>
      <c r="N35" s="315">
        <v>0</v>
      </c>
      <c r="O35" s="312">
        <v>0</v>
      </c>
      <c r="P35" s="314">
        <v>0</v>
      </c>
      <c r="Q35" s="315">
        <v>0</v>
      </c>
      <c r="R35" s="315">
        <v>0</v>
      </c>
      <c r="S35" s="315">
        <v>0</v>
      </c>
      <c r="T35" s="315">
        <v>0</v>
      </c>
      <c r="U35" s="315">
        <v>0</v>
      </c>
      <c r="V35" s="312">
        <v>0</v>
      </c>
      <c r="W35" s="317">
        <v>0</v>
      </c>
      <c r="X35" s="311">
        <v>0</v>
      </c>
      <c r="Y35" s="315">
        <v>0</v>
      </c>
      <c r="Z35" s="312">
        <v>0</v>
      </c>
      <c r="AA35" s="314">
        <v>0</v>
      </c>
      <c r="AB35" s="315">
        <v>1</v>
      </c>
      <c r="AC35" s="315">
        <v>0</v>
      </c>
      <c r="AD35" s="315">
        <v>1</v>
      </c>
      <c r="AE35" s="315">
        <v>0</v>
      </c>
      <c r="AF35" s="315">
        <v>0</v>
      </c>
      <c r="AG35" s="312">
        <v>2</v>
      </c>
      <c r="AH35" s="317">
        <v>2</v>
      </c>
      <c r="AI35" s="311">
        <v>2</v>
      </c>
      <c r="AJ35" s="315">
        <v>2</v>
      </c>
      <c r="AK35" s="312">
        <v>4</v>
      </c>
      <c r="AL35" s="314">
        <v>0</v>
      </c>
      <c r="AM35" s="315">
        <v>0</v>
      </c>
      <c r="AN35" s="315">
        <v>0</v>
      </c>
      <c r="AO35" s="315">
        <v>0</v>
      </c>
      <c r="AP35" s="315">
        <v>0</v>
      </c>
      <c r="AQ35" s="315">
        <v>0</v>
      </c>
      <c r="AR35" s="312">
        <v>0</v>
      </c>
      <c r="AS35" s="317">
        <v>4</v>
      </c>
      <c r="AT35" s="311">
        <v>0</v>
      </c>
      <c r="AU35" s="315">
        <v>0</v>
      </c>
      <c r="AV35" s="312">
        <v>0</v>
      </c>
      <c r="AW35" s="314">
        <v>0</v>
      </c>
      <c r="AX35" s="315">
        <v>1</v>
      </c>
      <c r="AY35" s="315">
        <v>0</v>
      </c>
      <c r="AZ35" s="315">
        <v>0</v>
      </c>
      <c r="BA35" s="315">
        <v>0</v>
      </c>
      <c r="BB35" s="315">
        <v>0</v>
      </c>
      <c r="BC35" s="316">
        <v>1</v>
      </c>
      <c r="BD35" s="317">
        <v>1</v>
      </c>
      <c r="BE35" s="311">
        <v>0</v>
      </c>
      <c r="BF35" s="315">
        <v>0</v>
      </c>
      <c r="BG35" s="312">
        <v>0</v>
      </c>
      <c r="BH35" s="314">
        <v>0</v>
      </c>
      <c r="BI35" s="315">
        <v>0</v>
      </c>
      <c r="BJ35" s="315">
        <v>0</v>
      </c>
      <c r="BK35" s="315">
        <v>0</v>
      </c>
      <c r="BL35" s="315">
        <v>0</v>
      </c>
      <c r="BM35" s="315">
        <v>0</v>
      </c>
      <c r="BN35" s="312">
        <v>0</v>
      </c>
      <c r="BO35" s="317">
        <v>0</v>
      </c>
      <c r="BP35" s="311">
        <v>1</v>
      </c>
      <c r="BQ35" s="315">
        <v>0</v>
      </c>
      <c r="BR35" s="312">
        <v>1</v>
      </c>
      <c r="BS35" s="314">
        <v>0</v>
      </c>
      <c r="BT35" s="315">
        <v>1</v>
      </c>
      <c r="BU35" s="315">
        <v>2</v>
      </c>
      <c r="BV35" s="315">
        <v>0</v>
      </c>
      <c r="BW35" s="315">
        <v>0</v>
      </c>
      <c r="BX35" s="315">
        <v>0</v>
      </c>
      <c r="BY35" s="312">
        <v>3</v>
      </c>
      <c r="BZ35" s="317">
        <v>4</v>
      </c>
      <c r="CA35" s="311">
        <v>0</v>
      </c>
      <c r="CB35" s="315">
        <v>0</v>
      </c>
      <c r="CC35" s="312">
        <v>0</v>
      </c>
      <c r="CD35" s="314">
        <v>0</v>
      </c>
      <c r="CE35" s="315">
        <v>0</v>
      </c>
      <c r="CF35" s="315">
        <v>0</v>
      </c>
      <c r="CG35" s="315">
        <v>0</v>
      </c>
      <c r="CH35" s="315">
        <v>0</v>
      </c>
      <c r="CI35" s="315">
        <v>0</v>
      </c>
      <c r="CJ35" s="312">
        <v>0</v>
      </c>
      <c r="CK35" s="317">
        <v>0</v>
      </c>
      <c r="CL35" s="311">
        <v>0</v>
      </c>
      <c r="CM35" s="315">
        <v>0</v>
      </c>
      <c r="CN35" s="312">
        <v>0</v>
      </c>
      <c r="CO35" s="314">
        <v>0</v>
      </c>
      <c r="CP35" s="315">
        <v>0</v>
      </c>
      <c r="CQ35" s="315">
        <v>1</v>
      </c>
      <c r="CR35" s="315">
        <v>0</v>
      </c>
      <c r="CS35" s="315">
        <v>0</v>
      </c>
      <c r="CT35" s="315">
        <v>0</v>
      </c>
      <c r="CU35" s="312">
        <v>1</v>
      </c>
      <c r="CV35" s="317">
        <v>1</v>
      </c>
      <c r="CW35" s="311">
        <v>0</v>
      </c>
      <c r="CX35" s="315">
        <v>0</v>
      </c>
      <c r="CY35" s="312">
        <v>0</v>
      </c>
      <c r="CZ35" s="314">
        <v>0</v>
      </c>
      <c r="DA35" s="315">
        <v>0</v>
      </c>
      <c r="DB35" s="315">
        <v>0</v>
      </c>
      <c r="DC35" s="315">
        <v>0</v>
      </c>
      <c r="DD35" s="315">
        <v>0</v>
      </c>
      <c r="DE35" s="315">
        <v>0</v>
      </c>
      <c r="DF35" s="312">
        <v>0</v>
      </c>
      <c r="DG35" s="317">
        <v>0</v>
      </c>
      <c r="DH35" s="311">
        <v>0</v>
      </c>
      <c r="DI35" s="315">
        <v>0</v>
      </c>
      <c r="DJ35" s="312">
        <v>0</v>
      </c>
      <c r="DK35" s="314">
        <v>0</v>
      </c>
      <c r="DL35" s="315">
        <v>0</v>
      </c>
      <c r="DM35" s="315">
        <v>0</v>
      </c>
      <c r="DN35" s="315">
        <v>0</v>
      </c>
      <c r="DO35" s="315">
        <v>0</v>
      </c>
      <c r="DP35" s="315">
        <v>0</v>
      </c>
      <c r="DQ35" s="312">
        <v>0</v>
      </c>
      <c r="DR35" s="317">
        <v>0</v>
      </c>
      <c r="DS35" s="311">
        <v>1</v>
      </c>
      <c r="DT35" s="315">
        <v>0</v>
      </c>
      <c r="DU35" s="312">
        <v>1</v>
      </c>
      <c r="DV35" s="314">
        <v>0</v>
      </c>
      <c r="DW35" s="315">
        <v>3</v>
      </c>
      <c r="DX35" s="315">
        <v>2</v>
      </c>
      <c r="DY35" s="315">
        <v>1</v>
      </c>
      <c r="DZ35" s="315">
        <v>0</v>
      </c>
      <c r="EA35" s="315">
        <v>0</v>
      </c>
      <c r="EB35" s="312">
        <v>6</v>
      </c>
      <c r="EC35" s="317">
        <v>7</v>
      </c>
      <c r="ED35" s="311">
        <v>0</v>
      </c>
      <c r="EE35" s="315">
        <v>0</v>
      </c>
      <c r="EF35" s="312">
        <v>0</v>
      </c>
      <c r="EG35" s="314">
        <v>0</v>
      </c>
      <c r="EH35" s="315">
        <v>0</v>
      </c>
      <c r="EI35" s="315">
        <v>0</v>
      </c>
      <c r="EJ35" s="315">
        <v>0</v>
      </c>
      <c r="EK35" s="315">
        <v>0</v>
      </c>
      <c r="EL35" s="315">
        <v>1</v>
      </c>
      <c r="EM35" s="312">
        <v>1</v>
      </c>
      <c r="EN35" s="317">
        <v>1</v>
      </c>
      <c r="EO35" s="311">
        <v>3</v>
      </c>
      <c r="EP35" s="315">
        <v>2</v>
      </c>
      <c r="EQ35" s="312">
        <v>5</v>
      </c>
      <c r="ER35" s="314">
        <v>0</v>
      </c>
      <c r="ES35" s="315">
        <v>5</v>
      </c>
      <c r="ET35" s="315">
        <v>2</v>
      </c>
      <c r="EU35" s="315">
        <v>1</v>
      </c>
      <c r="EV35" s="315">
        <v>0</v>
      </c>
      <c r="EW35" s="315">
        <v>0</v>
      </c>
      <c r="EX35" s="312">
        <v>8</v>
      </c>
      <c r="EY35" s="317">
        <v>13</v>
      </c>
    </row>
    <row r="36" spans="1:155" ht="19.5" customHeight="1" x14ac:dyDescent="0.2">
      <c r="A36" s="296" t="s">
        <v>34</v>
      </c>
      <c r="B36" s="311">
        <v>0</v>
      </c>
      <c r="C36" s="315">
        <v>0</v>
      </c>
      <c r="D36" s="437">
        <v>0</v>
      </c>
      <c r="E36" s="314">
        <v>0</v>
      </c>
      <c r="F36" s="315">
        <v>0</v>
      </c>
      <c r="G36" s="315">
        <v>1</v>
      </c>
      <c r="H36" s="315">
        <v>1</v>
      </c>
      <c r="I36" s="315">
        <v>0</v>
      </c>
      <c r="J36" s="315">
        <v>0</v>
      </c>
      <c r="K36" s="316">
        <v>2</v>
      </c>
      <c r="L36" s="317">
        <v>2</v>
      </c>
      <c r="M36" s="311">
        <v>0</v>
      </c>
      <c r="N36" s="315">
        <v>0</v>
      </c>
      <c r="O36" s="312">
        <v>0</v>
      </c>
      <c r="P36" s="314">
        <v>0</v>
      </c>
      <c r="Q36" s="315">
        <v>0</v>
      </c>
      <c r="R36" s="315">
        <v>0</v>
      </c>
      <c r="S36" s="315">
        <v>0</v>
      </c>
      <c r="T36" s="315">
        <v>0</v>
      </c>
      <c r="U36" s="315">
        <v>0</v>
      </c>
      <c r="V36" s="312">
        <v>0</v>
      </c>
      <c r="W36" s="317">
        <v>0</v>
      </c>
      <c r="X36" s="311">
        <v>0</v>
      </c>
      <c r="Y36" s="315">
        <v>1</v>
      </c>
      <c r="Z36" s="312">
        <v>1</v>
      </c>
      <c r="AA36" s="314">
        <v>0</v>
      </c>
      <c r="AB36" s="315">
        <v>0</v>
      </c>
      <c r="AC36" s="315">
        <v>1</v>
      </c>
      <c r="AD36" s="315">
        <v>1</v>
      </c>
      <c r="AE36" s="315">
        <v>0</v>
      </c>
      <c r="AF36" s="315">
        <v>0</v>
      </c>
      <c r="AG36" s="312">
        <v>2</v>
      </c>
      <c r="AH36" s="317">
        <v>3</v>
      </c>
      <c r="AI36" s="311">
        <v>0</v>
      </c>
      <c r="AJ36" s="315">
        <v>0</v>
      </c>
      <c r="AK36" s="312">
        <v>0</v>
      </c>
      <c r="AL36" s="314">
        <v>0</v>
      </c>
      <c r="AM36" s="315">
        <v>0</v>
      </c>
      <c r="AN36" s="315">
        <v>1</v>
      </c>
      <c r="AO36" s="315">
        <v>0</v>
      </c>
      <c r="AP36" s="315">
        <v>0</v>
      </c>
      <c r="AQ36" s="315">
        <v>0</v>
      </c>
      <c r="AR36" s="312">
        <v>1</v>
      </c>
      <c r="AS36" s="317">
        <v>1</v>
      </c>
      <c r="AT36" s="311">
        <v>0</v>
      </c>
      <c r="AU36" s="315">
        <v>0</v>
      </c>
      <c r="AV36" s="312">
        <v>0</v>
      </c>
      <c r="AW36" s="314">
        <v>0</v>
      </c>
      <c r="AX36" s="315">
        <v>2</v>
      </c>
      <c r="AY36" s="315">
        <v>1</v>
      </c>
      <c r="AZ36" s="315">
        <v>2</v>
      </c>
      <c r="BA36" s="315">
        <v>0</v>
      </c>
      <c r="BB36" s="315">
        <v>1</v>
      </c>
      <c r="BC36" s="316">
        <v>6</v>
      </c>
      <c r="BD36" s="317">
        <v>6</v>
      </c>
      <c r="BE36" s="311">
        <v>0</v>
      </c>
      <c r="BF36" s="315">
        <v>0</v>
      </c>
      <c r="BG36" s="312">
        <v>0</v>
      </c>
      <c r="BH36" s="314">
        <v>0</v>
      </c>
      <c r="BI36" s="315">
        <v>1</v>
      </c>
      <c r="BJ36" s="315">
        <v>2</v>
      </c>
      <c r="BK36" s="315">
        <v>0</v>
      </c>
      <c r="BL36" s="315">
        <v>0</v>
      </c>
      <c r="BM36" s="315">
        <v>0</v>
      </c>
      <c r="BN36" s="312">
        <v>3</v>
      </c>
      <c r="BO36" s="317">
        <v>3</v>
      </c>
      <c r="BP36" s="311">
        <v>0</v>
      </c>
      <c r="BQ36" s="315">
        <v>0</v>
      </c>
      <c r="BR36" s="312">
        <v>0</v>
      </c>
      <c r="BS36" s="314">
        <v>0</v>
      </c>
      <c r="BT36" s="315">
        <v>0</v>
      </c>
      <c r="BU36" s="315">
        <v>1</v>
      </c>
      <c r="BV36" s="315">
        <v>0</v>
      </c>
      <c r="BW36" s="315">
        <v>0</v>
      </c>
      <c r="BX36" s="315">
        <v>0</v>
      </c>
      <c r="BY36" s="312">
        <v>1</v>
      </c>
      <c r="BZ36" s="317">
        <v>1</v>
      </c>
      <c r="CA36" s="311">
        <v>0</v>
      </c>
      <c r="CB36" s="315">
        <v>0</v>
      </c>
      <c r="CC36" s="312">
        <v>0</v>
      </c>
      <c r="CD36" s="314">
        <v>0</v>
      </c>
      <c r="CE36" s="315">
        <v>0</v>
      </c>
      <c r="CF36" s="315">
        <v>0</v>
      </c>
      <c r="CG36" s="315">
        <v>0</v>
      </c>
      <c r="CH36" s="315">
        <v>0</v>
      </c>
      <c r="CI36" s="315">
        <v>0</v>
      </c>
      <c r="CJ36" s="312">
        <v>0</v>
      </c>
      <c r="CK36" s="317">
        <v>0</v>
      </c>
      <c r="CL36" s="311">
        <v>0</v>
      </c>
      <c r="CM36" s="315">
        <v>0</v>
      </c>
      <c r="CN36" s="312">
        <v>0</v>
      </c>
      <c r="CO36" s="314">
        <v>0</v>
      </c>
      <c r="CP36" s="315">
        <v>0</v>
      </c>
      <c r="CQ36" s="315">
        <v>0</v>
      </c>
      <c r="CR36" s="315">
        <v>0</v>
      </c>
      <c r="CS36" s="315">
        <v>0</v>
      </c>
      <c r="CT36" s="315">
        <v>0</v>
      </c>
      <c r="CU36" s="312">
        <v>0</v>
      </c>
      <c r="CV36" s="317">
        <v>0</v>
      </c>
      <c r="CW36" s="311">
        <v>0</v>
      </c>
      <c r="CX36" s="315">
        <v>0</v>
      </c>
      <c r="CY36" s="312">
        <v>0</v>
      </c>
      <c r="CZ36" s="314">
        <v>0</v>
      </c>
      <c r="DA36" s="315">
        <v>0</v>
      </c>
      <c r="DB36" s="315">
        <v>0</v>
      </c>
      <c r="DC36" s="315">
        <v>0</v>
      </c>
      <c r="DD36" s="315">
        <v>0</v>
      </c>
      <c r="DE36" s="315">
        <v>0</v>
      </c>
      <c r="DF36" s="312">
        <v>0</v>
      </c>
      <c r="DG36" s="317">
        <v>0</v>
      </c>
      <c r="DH36" s="311">
        <v>0</v>
      </c>
      <c r="DI36" s="315">
        <v>0</v>
      </c>
      <c r="DJ36" s="312">
        <v>0</v>
      </c>
      <c r="DK36" s="314">
        <v>0</v>
      </c>
      <c r="DL36" s="315">
        <v>0</v>
      </c>
      <c r="DM36" s="315">
        <v>0</v>
      </c>
      <c r="DN36" s="315">
        <v>0</v>
      </c>
      <c r="DO36" s="315">
        <v>0</v>
      </c>
      <c r="DP36" s="315">
        <v>0</v>
      </c>
      <c r="DQ36" s="312">
        <v>0</v>
      </c>
      <c r="DR36" s="317">
        <v>0</v>
      </c>
      <c r="DS36" s="311">
        <v>0</v>
      </c>
      <c r="DT36" s="315">
        <v>0</v>
      </c>
      <c r="DU36" s="312">
        <v>0</v>
      </c>
      <c r="DV36" s="314">
        <v>0</v>
      </c>
      <c r="DW36" s="315">
        <v>1</v>
      </c>
      <c r="DX36" s="315">
        <v>2</v>
      </c>
      <c r="DY36" s="315">
        <v>3</v>
      </c>
      <c r="DZ36" s="315">
        <v>0</v>
      </c>
      <c r="EA36" s="315">
        <v>0</v>
      </c>
      <c r="EB36" s="312">
        <v>6</v>
      </c>
      <c r="EC36" s="317">
        <v>6</v>
      </c>
      <c r="ED36" s="311">
        <v>0</v>
      </c>
      <c r="EE36" s="315">
        <v>0</v>
      </c>
      <c r="EF36" s="312">
        <v>0</v>
      </c>
      <c r="EG36" s="314">
        <v>0</v>
      </c>
      <c r="EH36" s="315">
        <v>1</v>
      </c>
      <c r="EI36" s="315">
        <v>0</v>
      </c>
      <c r="EJ36" s="315">
        <v>1</v>
      </c>
      <c r="EK36" s="315">
        <v>0</v>
      </c>
      <c r="EL36" s="315">
        <v>1</v>
      </c>
      <c r="EM36" s="312">
        <v>3</v>
      </c>
      <c r="EN36" s="317">
        <v>3</v>
      </c>
      <c r="EO36" s="311">
        <v>0</v>
      </c>
      <c r="EP36" s="315">
        <v>1</v>
      </c>
      <c r="EQ36" s="312">
        <v>1</v>
      </c>
      <c r="ER36" s="314">
        <v>0</v>
      </c>
      <c r="ES36" s="315">
        <v>3</v>
      </c>
      <c r="ET36" s="315">
        <v>4</v>
      </c>
      <c r="EU36" s="315">
        <v>2</v>
      </c>
      <c r="EV36" s="315">
        <v>0</v>
      </c>
      <c r="EW36" s="315">
        <v>0</v>
      </c>
      <c r="EX36" s="312">
        <v>9</v>
      </c>
      <c r="EY36" s="317">
        <v>10</v>
      </c>
    </row>
    <row r="37" spans="1:155" ht="19.5" customHeight="1" x14ac:dyDescent="0.2">
      <c r="A37" s="296" t="s">
        <v>35</v>
      </c>
      <c r="B37" s="311">
        <v>0</v>
      </c>
      <c r="C37" s="315">
        <v>0</v>
      </c>
      <c r="D37" s="437">
        <v>0</v>
      </c>
      <c r="E37" s="314">
        <v>0</v>
      </c>
      <c r="F37" s="315">
        <v>2</v>
      </c>
      <c r="G37" s="315">
        <v>4</v>
      </c>
      <c r="H37" s="315">
        <v>0</v>
      </c>
      <c r="I37" s="315">
        <v>0</v>
      </c>
      <c r="J37" s="315">
        <v>1</v>
      </c>
      <c r="K37" s="316">
        <v>7</v>
      </c>
      <c r="L37" s="317">
        <v>7</v>
      </c>
      <c r="M37" s="311">
        <v>0</v>
      </c>
      <c r="N37" s="315">
        <v>0</v>
      </c>
      <c r="O37" s="312">
        <v>0</v>
      </c>
      <c r="P37" s="314">
        <v>0</v>
      </c>
      <c r="Q37" s="315">
        <v>0</v>
      </c>
      <c r="R37" s="315">
        <v>0</v>
      </c>
      <c r="S37" s="315">
        <v>0</v>
      </c>
      <c r="T37" s="315">
        <v>0</v>
      </c>
      <c r="U37" s="315">
        <v>1</v>
      </c>
      <c r="V37" s="312">
        <v>1</v>
      </c>
      <c r="W37" s="317">
        <v>1</v>
      </c>
      <c r="X37" s="311">
        <v>0</v>
      </c>
      <c r="Y37" s="315">
        <v>0</v>
      </c>
      <c r="Z37" s="312">
        <v>0</v>
      </c>
      <c r="AA37" s="314">
        <v>0</v>
      </c>
      <c r="AB37" s="315">
        <v>0</v>
      </c>
      <c r="AC37" s="315">
        <v>4</v>
      </c>
      <c r="AD37" s="315">
        <v>0</v>
      </c>
      <c r="AE37" s="315">
        <v>0</v>
      </c>
      <c r="AF37" s="315">
        <v>0</v>
      </c>
      <c r="AG37" s="312">
        <v>4</v>
      </c>
      <c r="AH37" s="317">
        <v>4</v>
      </c>
      <c r="AI37" s="311">
        <v>0</v>
      </c>
      <c r="AJ37" s="315">
        <v>0</v>
      </c>
      <c r="AK37" s="312">
        <v>0</v>
      </c>
      <c r="AL37" s="314">
        <v>0</v>
      </c>
      <c r="AM37" s="315">
        <v>1</v>
      </c>
      <c r="AN37" s="315">
        <v>1</v>
      </c>
      <c r="AO37" s="315">
        <v>1</v>
      </c>
      <c r="AP37" s="315">
        <v>0</v>
      </c>
      <c r="AQ37" s="315">
        <v>0</v>
      </c>
      <c r="AR37" s="312">
        <v>3</v>
      </c>
      <c r="AS37" s="317">
        <v>3</v>
      </c>
      <c r="AT37" s="311">
        <v>3</v>
      </c>
      <c r="AU37" s="315">
        <v>1</v>
      </c>
      <c r="AV37" s="312">
        <v>4</v>
      </c>
      <c r="AW37" s="314">
        <v>0</v>
      </c>
      <c r="AX37" s="315">
        <v>5</v>
      </c>
      <c r="AY37" s="315">
        <v>9</v>
      </c>
      <c r="AZ37" s="315">
        <v>3</v>
      </c>
      <c r="BA37" s="315">
        <v>2</v>
      </c>
      <c r="BB37" s="315">
        <v>2</v>
      </c>
      <c r="BC37" s="316">
        <v>21</v>
      </c>
      <c r="BD37" s="317">
        <v>25</v>
      </c>
      <c r="BE37" s="311">
        <v>0</v>
      </c>
      <c r="BF37" s="315">
        <v>0</v>
      </c>
      <c r="BG37" s="312">
        <v>0</v>
      </c>
      <c r="BH37" s="314">
        <v>0</v>
      </c>
      <c r="BI37" s="315">
        <v>4</v>
      </c>
      <c r="BJ37" s="315">
        <v>4</v>
      </c>
      <c r="BK37" s="315">
        <v>1</v>
      </c>
      <c r="BL37" s="315">
        <v>0</v>
      </c>
      <c r="BM37" s="315">
        <v>0</v>
      </c>
      <c r="BN37" s="312">
        <v>9</v>
      </c>
      <c r="BO37" s="317">
        <v>9</v>
      </c>
      <c r="BP37" s="311">
        <v>0</v>
      </c>
      <c r="BQ37" s="315">
        <v>0</v>
      </c>
      <c r="BR37" s="312">
        <v>0</v>
      </c>
      <c r="BS37" s="314">
        <v>0</v>
      </c>
      <c r="BT37" s="315">
        <v>0</v>
      </c>
      <c r="BU37" s="315">
        <v>1</v>
      </c>
      <c r="BV37" s="315">
        <v>0</v>
      </c>
      <c r="BW37" s="315">
        <v>1</v>
      </c>
      <c r="BX37" s="315">
        <v>0</v>
      </c>
      <c r="BY37" s="312">
        <v>2</v>
      </c>
      <c r="BZ37" s="317">
        <v>2</v>
      </c>
      <c r="CA37" s="311">
        <v>0</v>
      </c>
      <c r="CB37" s="315">
        <v>0</v>
      </c>
      <c r="CC37" s="312">
        <v>0</v>
      </c>
      <c r="CD37" s="314">
        <v>0</v>
      </c>
      <c r="CE37" s="315">
        <v>0</v>
      </c>
      <c r="CF37" s="315">
        <v>1</v>
      </c>
      <c r="CG37" s="315">
        <v>0</v>
      </c>
      <c r="CH37" s="315">
        <v>0</v>
      </c>
      <c r="CI37" s="315">
        <v>0</v>
      </c>
      <c r="CJ37" s="312">
        <v>1</v>
      </c>
      <c r="CK37" s="317">
        <v>1</v>
      </c>
      <c r="CL37" s="311">
        <v>0</v>
      </c>
      <c r="CM37" s="315">
        <v>0</v>
      </c>
      <c r="CN37" s="312">
        <v>0</v>
      </c>
      <c r="CO37" s="314">
        <v>0</v>
      </c>
      <c r="CP37" s="315">
        <v>0</v>
      </c>
      <c r="CQ37" s="315">
        <v>0</v>
      </c>
      <c r="CR37" s="315">
        <v>0</v>
      </c>
      <c r="CS37" s="315">
        <v>0</v>
      </c>
      <c r="CT37" s="315">
        <v>0</v>
      </c>
      <c r="CU37" s="312">
        <v>0</v>
      </c>
      <c r="CV37" s="317">
        <v>0</v>
      </c>
      <c r="CW37" s="311">
        <v>0</v>
      </c>
      <c r="CX37" s="315">
        <v>0</v>
      </c>
      <c r="CY37" s="312">
        <v>0</v>
      </c>
      <c r="CZ37" s="314">
        <v>0</v>
      </c>
      <c r="DA37" s="315">
        <v>0</v>
      </c>
      <c r="DB37" s="315">
        <v>0</v>
      </c>
      <c r="DC37" s="315">
        <v>0</v>
      </c>
      <c r="DD37" s="315">
        <v>0</v>
      </c>
      <c r="DE37" s="315">
        <v>0</v>
      </c>
      <c r="DF37" s="312">
        <v>0</v>
      </c>
      <c r="DG37" s="317">
        <v>0</v>
      </c>
      <c r="DH37" s="311">
        <v>0</v>
      </c>
      <c r="DI37" s="315">
        <v>0</v>
      </c>
      <c r="DJ37" s="312">
        <v>0</v>
      </c>
      <c r="DK37" s="314">
        <v>0</v>
      </c>
      <c r="DL37" s="315">
        <v>0</v>
      </c>
      <c r="DM37" s="315">
        <v>0</v>
      </c>
      <c r="DN37" s="315">
        <v>0</v>
      </c>
      <c r="DO37" s="315">
        <v>0</v>
      </c>
      <c r="DP37" s="315">
        <v>0</v>
      </c>
      <c r="DQ37" s="312">
        <v>0</v>
      </c>
      <c r="DR37" s="317">
        <v>0</v>
      </c>
      <c r="DS37" s="311">
        <v>0</v>
      </c>
      <c r="DT37" s="315">
        <v>0</v>
      </c>
      <c r="DU37" s="312">
        <v>0</v>
      </c>
      <c r="DV37" s="314">
        <v>0</v>
      </c>
      <c r="DW37" s="315">
        <v>4</v>
      </c>
      <c r="DX37" s="315">
        <v>8</v>
      </c>
      <c r="DY37" s="315">
        <v>1</v>
      </c>
      <c r="DZ37" s="315">
        <v>3</v>
      </c>
      <c r="EA37" s="315">
        <v>1</v>
      </c>
      <c r="EB37" s="312">
        <v>17</v>
      </c>
      <c r="EC37" s="317">
        <v>17</v>
      </c>
      <c r="ED37" s="311">
        <v>3</v>
      </c>
      <c r="EE37" s="315">
        <v>1</v>
      </c>
      <c r="EF37" s="312">
        <v>4</v>
      </c>
      <c r="EG37" s="314">
        <v>0</v>
      </c>
      <c r="EH37" s="315">
        <v>5</v>
      </c>
      <c r="EI37" s="315">
        <v>3</v>
      </c>
      <c r="EJ37" s="315">
        <v>2</v>
      </c>
      <c r="EK37" s="315">
        <v>2</v>
      </c>
      <c r="EL37" s="315">
        <v>1</v>
      </c>
      <c r="EM37" s="312">
        <v>13</v>
      </c>
      <c r="EN37" s="317">
        <v>17</v>
      </c>
      <c r="EO37" s="311">
        <v>0</v>
      </c>
      <c r="EP37" s="315">
        <v>0</v>
      </c>
      <c r="EQ37" s="312">
        <v>0</v>
      </c>
      <c r="ER37" s="314">
        <v>0</v>
      </c>
      <c r="ES37" s="315">
        <v>8</v>
      </c>
      <c r="ET37" s="315">
        <v>10</v>
      </c>
      <c r="EU37" s="315">
        <v>1</v>
      </c>
      <c r="EV37" s="315">
        <v>3</v>
      </c>
      <c r="EW37" s="315">
        <v>1</v>
      </c>
      <c r="EX37" s="312">
        <v>23</v>
      </c>
      <c r="EY37" s="317">
        <v>23</v>
      </c>
    </row>
    <row r="38" spans="1:155" ht="19.5" customHeight="1" x14ac:dyDescent="0.2">
      <c r="A38" s="296" t="s">
        <v>36</v>
      </c>
      <c r="B38" s="311">
        <v>0</v>
      </c>
      <c r="C38" s="315">
        <v>0</v>
      </c>
      <c r="D38" s="437">
        <v>0</v>
      </c>
      <c r="E38" s="314">
        <v>0</v>
      </c>
      <c r="F38" s="315">
        <v>3</v>
      </c>
      <c r="G38" s="315">
        <v>1</v>
      </c>
      <c r="H38" s="315">
        <v>0</v>
      </c>
      <c r="I38" s="315">
        <v>0</v>
      </c>
      <c r="J38" s="315">
        <v>0</v>
      </c>
      <c r="K38" s="316">
        <v>4</v>
      </c>
      <c r="L38" s="317">
        <v>4</v>
      </c>
      <c r="M38" s="311">
        <v>0</v>
      </c>
      <c r="N38" s="315">
        <v>0</v>
      </c>
      <c r="O38" s="312">
        <v>0</v>
      </c>
      <c r="P38" s="314">
        <v>0</v>
      </c>
      <c r="Q38" s="315">
        <v>0</v>
      </c>
      <c r="R38" s="315">
        <v>0</v>
      </c>
      <c r="S38" s="315">
        <v>0</v>
      </c>
      <c r="T38" s="315">
        <v>1</v>
      </c>
      <c r="U38" s="315">
        <v>0</v>
      </c>
      <c r="V38" s="312">
        <v>1</v>
      </c>
      <c r="W38" s="317">
        <v>1</v>
      </c>
      <c r="X38" s="311">
        <v>0</v>
      </c>
      <c r="Y38" s="315">
        <v>0</v>
      </c>
      <c r="Z38" s="312">
        <v>0</v>
      </c>
      <c r="AA38" s="314">
        <v>0</v>
      </c>
      <c r="AB38" s="315">
        <v>2</v>
      </c>
      <c r="AC38" s="315">
        <v>1</v>
      </c>
      <c r="AD38" s="315">
        <v>1</v>
      </c>
      <c r="AE38" s="315">
        <v>2</v>
      </c>
      <c r="AF38" s="315">
        <v>0</v>
      </c>
      <c r="AG38" s="312">
        <v>6</v>
      </c>
      <c r="AH38" s="317">
        <v>6</v>
      </c>
      <c r="AI38" s="311">
        <v>0</v>
      </c>
      <c r="AJ38" s="315">
        <v>0</v>
      </c>
      <c r="AK38" s="312">
        <v>0</v>
      </c>
      <c r="AL38" s="314">
        <v>0</v>
      </c>
      <c r="AM38" s="315">
        <v>0</v>
      </c>
      <c r="AN38" s="315">
        <v>0</v>
      </c>
      <c r="AO38" s="315">
        <v>0</v>
      </c>
      <c r="AP38" s="315">
        <v>0</v>
      </c>
      <c r="AQ38" s="315">
        <v>0</v>
      </c>
      <c r="AR38" s="312">
        <v>0</v>
      </c>
      <c r="AS38" s="317">
        <v>0</v>
      </c>
      <c r="AT38" s="311">
        <v>1</v>
      </c>
      <c r="AU38" s="315">
        <v>1</v>
      </c>
      <c r="AV38" s="312">
        <v>2</v>
      </c>
      <c r="AW38" s="314">
        <v>0</v>
      </c>
      <c r="AX38" s="315">
        <v>1</v>
      </c>
      <c r="AY38" s="315">
        <v>1</v>
      </c>
      <c r="AZ38" s="315">
        <v>5</v>
      </c>
      <c r="BA38" s="315">
        <v>0</v>
      </c>
      <c r="BB38" s="315">
        <v>0</v>
      </c>
      <c r="BC38" s="316">
        <v>7</v>
      </c>
      <c r="BD38" s="317">
        <v>9</v>
      </c>
      <c r="BE38" s="311">
        <v>0</v>
      </c>
      <c r="BF38" s="315">
        <v>0</v>
      </c>
      <c r="BG38" s="312">
        <v>0</v>
      </c>
      <c r="BH38" s="314">
        <v>0</v>
      </c>
      <c r="BI38" s="315">
        <v>2</v>
      </c>
      <c r="BJ38" s="315">
        <v>1</v>
      </c>
      <c r="BK38" s="315">
        <v>0</v>
      </c>
      <c r="BL38" s="315">
        <v>1</v>
      </c>
      <c r="BM38" s="315">
        <v>0</v>
      </c>
      <c r="BN38" s="312">
        <v>4</v>
      </c>
      <c r="BO38" s="317">
        <v>4</v>
      </c>
      <c r="BP38" s="311">
        <v>0</v>
      </c>
      <c r="BQ38" s="315">
        <v>1</v>
      </c>
      <c r="BR38" s="312">
        <v>1</v>
      </c>
      <c r="BS38" s="314">
        <v>0</v>
      </c>
      <c r="BT38" s="315">
        <v>0</v>
      </c>
      <c r="BU38" s="315">
        <v>1</v>
      </c>
      <c r="BV38" s="315">
        <v>1</v>
      </c>
      <c r="BW38" s="315">
        <v>0</v>
      </c>
      <c r="BX38" s="315">
        <v>0</v>
      </c>
      <c r="BY38" s="312">
        <v>2</v>
      </c>
      <c r="BZ38" s="317">
        <v>3</v>
      </c>
      <c r="CA38" s="311">
        <v>0</v>
      </c>
      <c r="CB38" s="315">
        <v>0</v>
      </c>
      <c r="CC38" s="312">
        <v>0</v>
      </c>
      <c r="CD38" s="314">
        <v>0</v>
      </c>
      <c r="CE38" s="315">
        <v>1</v>
      </c>
      <c r="CF38" s="315">
        <v>0</v>
      </c>
      <c r="CG38" s="315">
        <v>0</v>
      </c>
      <c r="CH38" s="315">
        <v>0</v>
      </c>
      <c r="CI38" s="315">
        <v>0</v>
      </c>
      <c r="CJ38" s="312">
        <v>1</v>
      </c>
      <c r="CK38" s="317">
        <v>1</v>
      </c>
      <c r="CL38" s="311">
        <v>0</v>
      </c>
      <c r="CM38" s="315">
        <v>0</v>
      </c>
      <c r="CN38" s="312">
        <v>0</v>
      </c>
      <c r="CO38" s="314">
        <v>0</v>
      </c>
      <c r="CP38" s="315">
        <v>0</v>
      </c>
      <c r="CQ38" s="315">
        <v>0</v>
      </c>
      <c r="CR38" s="315">
        <v>0</v>
      </c>
      <c r="CS38" s="315">
        <v>0</v>
      </c>
      <c r="CT38" s="315">
        <v>0</v>
      </c>
      <c r="CU38" s="312">
        <v>0</v>
      </c>
      <c r="CV38" s="317">
        <v>0</v>
      </c>
      <c r="CW38" s="311">
        <v>0</v>
      </c>
      <c r="CX38" s="315">
        <v>0</v>
      </c>
      <c r="CY38" s="312">
        <v>0</v>
      </c>
      <c r="CZ38" s="314">
        <v>0</v>
      </c>
      <c r="DA38" s="315">
        <v>0</v>
      </c>
      <c r="DB38" s="315">
        <v>0</v>
      </c>
      <c r="DC38" s="315">
        <v>0</v>
      </c>
      <c r="DD38" s="315">
        <v>0</v>
      </c>
      <c r="DE38" s="315">
        <v>0</v>
      </c>
      <c r="DF38" s="312">
        <v>0</v>
      </c>
      <c r="DG38" s="317">
        <v>0</v>
      </c>
      <c r="DH38" s="311">
        <v>0</v>
      </c>
      <c r="DI38" s="315">
        <v>0</v>
      </c>
      <c r="DJ38" s="312">
        <v>0</v>
      </c>
      <c r="DK38" s="314">
        <v>0</v>
      </c>
      <c r="DL38" s="315">
        <v>0</v>
      </c>
      <c r="DM38" s="315">
        <v>0</v>
      </c>
      <c r="DN38" s="315">
        <v>0</v>
      </c>
      <c r="DO38" s="315">
        <v>0</v>
      </c>
      <c r="DP38" s="315">
        <v>0</v>
      </c>
      <c r="DQ38" s="312">
        <v>0</v>
      </c>
      <c r="DR38" s="317">
        <v>0</v>
      </c>
      <c r="DS38" s="311">
        <v>3</v>
      </c>
      <c r="DT38" s="315">
        <v>4</v>
      </c>
      <c r="DU38" s="312">
        <v>7</v>
      </c>
      <c r="DV38" s="314">
        <v>0</v>
      </c>
      <c r="DW38" s="315">
        <v>6</v>
      </c>
      <c r="DX38" s="315">
        <v>3</v>
      </c>
      <c r="DY38" s="315">
        <v>3</v>
      </c>
      <c r="DZ38" s="315">
        <v>3</v>
      </c>
      <c r="EA38" s="315">
        <v>1</v>
      </c>
      <c r="EB38" s="312">
        <v>16</v>
      </c>
      <c r="EC38" s="317">
        <v>23</v>
      </c>
      <c r="ED38" s="311">
        <v>1</v>
      </c>
      <c r="EE38" s="315">
        <v>0</v>
      </c>
      <c r="EF38" s="312">
        <v>1</v>
      </c>
      <c r="EG38" s="314">
        <v>0</v>
      </c>
      <c r="EH38" s="315">
        <v>0</v>
      </c>
      <c r="EI38" s="315">
        <v>1</v>
      </c>
      <c r="EJ38" s="315">
        <v>1</v>
      </c>
      <c r="EK38" s="315">
        <v>0</v>
      </c>
      <c r="EL38" s="315">
        <v>0</v>
      </c>
      <c r="EM38" s="312">
        <v>2</v>
      </c>
      <c r="EN38" s="317">
        <v>3</v>
      </c>
      <c r="EO38" s="311">
        <v>3</v>
      </c>
      <c r="EP38" s="315">
        <v>5</v>
      </c>
      <c r="EQ38" s="312">
        <v>8</v>
      </c>
      <c r="ER38" s="314">
        <v>0</v>
      </c>
      <c r="ES38" s="315">
        <v>10</v>
      </c>
      <c r="ET38" s="315">
        <v>3</v>
      </c>
      <c r="EU38" s="315">
        <v>3</v>
      </c>
      <c r="EV38" s="315">
        <v>2</v>
      </c>
      <c r="EW38" s="315">
        <v>1</v>
      </c>
      <c r="EX38" s="312">
        <v>19</v>
      </c>
      <c r="EY38" s="317">
        <v>27</v>
      </c>
    </row>
    <row r="39" spans="1:155" ht="19.5" customHeight="1" thickBot="1" x14ac:dyDescent="0.25">
      <c r="A39" s="297" t="s">
        <v>37</v>
      </c>
      <c r="B39" s="318">
        <v>0</v>
      </c>
      <c r="C39" s="322">
        <v>0</v>
      </c>
      <c r="D39" s="438">
        <v>0</v>
      </c>
      <c r="E39" s="321">
        <v>0</v>
      </c>
      <c r="F39" s="322">
        <v>0</v>
      </c>
      <c r="G39" s="322">
        <v>0</v>
      </c>
      <c r="H39" s="322">
        <v>0</v>
      </c>
      <c r="I39" s="322">
        <v>0</v>
      </c>
      <c r="J39" s="322">
        <v>0</v>
      </c>
      <c r="K39" s="323">
        <v>0</v>
      </c>
      <c r="L39" s="324">
        <v>0</v>
      </c>
      <c r="M39" s="318">
        <v>0</v>
      </c>
      <c r="N39" s="322">
        <v>0</v>
      </c>
      <c r="O39" s="319">
        <v>0</v>
      </c>
      <c r="P39" s="321">
        <v>0</v>
      </c>
      <c r="Q39" s="322">
        <v>0</v>
      </c>
      <c r="R39" s="322">
        <v>0</v>
      </c>
      <c r="S39" s="322">
        <v>0</v>
      </c>
      <c r="T39" s="322">
        <v>0</v>
      </c>
      <c r="U39" s="322">
        <v>0</v>
      </c>
      <c r="V39" s="319">
        <v>0</v>
      </c>
      <c r="W39" s="324">
        <v>0</v>
      </c>
      <c r="X39" s="318">
        <v>0</v>
      </c>
      <c r="Y39" s="322">
        <v>0</v>
      </c>
      <c r="Z39" s="319">
        <v>0</v>
      </c>
      <c r="AA39" s="321">
        <v>0</v>
      </c>
      <c r="AB39" s="322">
        <v>1</v>
      </c>
      <c r="AC39" s="322">
        <v>0</v>
      </c>
      <c r="AD39" s="322">
        <v>0</v>
      </c>
      <c r="AE39" s="322">
        <v>0</v>
      </c>
      <c r="AF39" s="322">
        <v>0</v>
      </c>
      <c r="AG39" s="319">
        <v>1</v>
      </c>
      <c r="AH39" s="324">
        <v>1</v>
      </c>
      <c r="AI39" s="318">
        <v>0</v>
      </c>
      <c r="AJ39" s="322">
        <v>0</v>
      </c>
      <c r="AK39" s="319">
        <v>0</v>
      </c>
      <c r="AL39" s="321">
        <v>0</v>
      </c>
      <c r="AM39" s="322">
        <v>1</v>
      </c>
      <c r="AN39" s="322">
        <v>0</v>
      </c>
      <c r="AO39" s="322">
        <v>0</v>
      </c>
      <c r="AP39" s="322">
        <v>0</v>
      </c>
      <c r="AQ39" s="322">
        <v>0</v>
      </c>
      <c r="AR39" s="319">
        <v>1</v>
      </c>
      <c r="AS39" s="324">
        <v>1</v>
      </c>
      <c r="AT39" s="318">
        <v>0</v>
      </c>
      <c r="AU39" s="322">
        <v>0</v>
      </c>
      <c r="AV39" s="319">
        <v>0</v>
      </c>
      <c r="AW39" s="321">
        <v>0</v>
      </c>
      <c r="AX39" s="322">
        <v>0</v>
      </c>
      <c r="AY39" s="322">
        <v>0</v>
      </c>
      <c r="AZ39" s="322">
        <v>0</v>
      </c>
      <c r="BA39" s="322">
        <v>0</v>
      </c>
      <c r="BB39" s="322">
        <v>1</v>
      </c>
      <c r="BC39" s="323">
        <v>1</v>
      </c>
      <c r="BD39" s="324">
        <v>1</v>
      </c>
      <c r="BE39" s="318">
        <v>0</v>
      </c>
      <c r="BF39" s="322">
        <v>0</v>
      </c>
      <c r="BG39" s="319">
        <v>0</v>
      </c>
      <c r="BH39" s="321">
        <v>0</v>
      </c>
      <c r="BI39" s="322">
        <v>1</v>
      </c>
      <c r="BJ39" s="322">
        <v>1</v>
      </c>
      <c r="BK39" s="322">
        <v>0</v>
      </c>
      <c r="BL39" s="322">
        <v>0</v>
      </c>
      <c r="BM39" s="322">
        <v>0</v>
      </c>
      <c r="BN39" s="319">
        <v>2</v>
      </c>
      <c r="BO39" s="324">
        <v>2</v>
      </c>
      <c r="BP39" s="318">
        <v>0</v>
      </c>
      <c r="BQ39" s="322">
        <v>0</v>
      </c>
      <c r="BR39" s="319">
        <v>0</v>
      </c>
      <c r="BS39" s="321">
        <v>0</v>
      </c>
      <c r="BT39" s="322">
        <v>0</v>
      </c>
      <c r="BU39" s="322">
        <v>1</v>
      </c>
      <c r="BV39" s="322">
        <v>0</v>
      </c>
      <c r="BW39" s="322">
        <v>0</v>
      </c>
      <c r="BX39" s="322">
        <v>0</v>
      </c>
      <c r="BY39" s="319">
        <v>1</v>
      </c>
      <c r="BZ39" s="324">
        <v>1</v>
      </c>
      <c r="CA39" s="318">
        <v>0</v>
      </c>
      <c r="CB39" s="322">
        <v>0</v>
      </c>
      <c r="CC39" s="319">
        <v>0</v>
      </c>
      <c r="CD39" s="321">
        <v>0</v>
      </c>
      <c r="CE39" s="322">
        <v>0</v>
      </c>
      <c r="CF39" s="322">
        <v>0</v>
      </c>
      <c r="CG39" s="322">
        <v>0</v>
      </c>
      <c r="CH39" s="322">
        <v>0</v>
      </c>
      <c r="CI39" s="322">
        <v>0</v>
      </c>
      <c r="CJ39" s="319">
        <v>0</v>
      </c>
      <c r="CK39" s="324">
        <v>0</v>
      </c>
      <c r="CL39" s="318">
        <v>0</v>
      </c>
      <c r="CM39" s="322">
        <v>0</v>
      </c>
      <c r="CN39" s="319">
        <v>0</v>
      </c>
      <c r="CO39" s="321">
        <v>0</v>
      </c>
      <c r="CP39" s="322">
        <v>0</v>
      </c>
      <c r="CQ39" s="322">
        <v>0</v>
      </c>
      <c r="CR39" s="322">
        <v>0</v>
      </c>
      <c r="CS39" s="322">
        <v>0</v>
      </c>
      <c r="CT39" s="322">
        <v>0</v>
      </c>
      <c r="CU39" s="319">
        <v>0</v>
      </c>
      <c r="CV39" s="324">
        <v>0</v>
      </c>
      <c r="CW39" s="318">
        <v>0</v>
      </c>
      <c r="CX39" s="322">
        <v>0</v>
      </c>
      <c r="CY39" s="319">
        <v>0</v>
      </c>
      <c r="CZ39" s="321">
        <v>0</v>
      </c>
      <c r="DA39" s="322">
        <v>0</v>
      </c>
      <c r="DB39" s="322">
        <v>0</v>
      </c>
      <c r="DC39" s="322">
        <v>0</v>
      </c>
      <c r="DD39" s="322">
        <v>0</v>
      </c>
      <c r="DE39" s="322">
        <v>0</v>
      </c>
      <c r="DF39" s="319">
        <v>0</v>
      </c>
      <c r="DG39" s="324">
        <v>0</v>
      </c>
      <c r="DH39" s="318">
        <v>0</v>
      </c>
      <c r="DI39" s="322">
        <v>0</v>
      </c>
      <c r="DJ39" s="319">
        <v>0</v>
      </c>
      <c r="DK39" s="321">
        <v>0</v>
      </c>
      <c r="DL39" s="322">
        <v>0</v>
      </c>
      <c r="DM39" s="322">
        <v>0</v>
      </c>
      <c r="DN39" s="322">
        <v>0</v>
      </c>
      <c r="DO39" s="322">
        <v>0</v>
      </c>
      <c r="DP39" s="322">
        <v>0</v>
      </c>
      <c r="DQ39" s="319">
        <v>0</v>
      </c>
      <c r="DR39" s="324">
        <v>0</v>
      </c>
      <c r="DS39" s="318">
        <v>1</v>
      </c>
      <c r="DT39" s="322">
        <v>0</v>
      </c>
      <c r="DU39" s="319">
        <v>1</v>
      </c>
      <c r="DV39" s="321">
        <v>0</v>
      </c>
      <c r="DW39" s="322">
        <v>1</v>
      </c>
      <c r="DX39" s="322">
        <v>2</v>
      </c>
      <c r="DY39" s="322">
        <v>0</v>
      </c>
      <c r="DZ39" s="322">
        <v>0</v>
      </c>
      <c r="EA39" s="322">
        <v>0</v>
      </c>
      <c r="EB39" s="319">
        <v>3</v>
      </c>
      <c r="EC39" s="324">
        <v>4</v>
      </c>
      <c r="ED39" s="318">
        <v>0</v>
      </c>
      <c r="EE39" s="322">
        <v>0</v>
      </c>
      <c r="EF39" s="319">
        <v>0</v>
      </c>
      <c r="EG39" s="321">
        <v>0</v>
      </c>
      <c r="EH39" s="322">
        <v>0</v>
      </c>
      <c r="EI39" s="322">
        <v>0</v>
      </c>
      <c r="EJ39" s="322">
        <v>0</v>
      </c>
      <c r="EK39" s="322">
        <v>0</v>
      </c>
      <c r="EL39" s="322">
        <v>1</v>
      </c>
      <c r="EM39" s="319">
        <v>1</v>
      </c>
      <c r="EN39" s="324">
        <v>1</v>
      </c>
      <c r="EO39" s="318">
        <v>1</v>
      </c>
      <c r="EP39" s="322">
        <v>0</v>
      </c>
      <c r="EQ39" s="319">
        <v>1</v>
      </c>
      <c r="ER39" s="321">
        <v>0</v>
      </c>
      <c r="ES39" s="322">
        <v>2</v>
      </c>
      <c r="ET39" s="322">
        <v>2</v>
      </c>
      <c r="EU39" s="322">
        <v>0</v>
      </c>
      <c r="EV39" s="322">
        <v>0</v>
      </c>
      <c r="EW39" s="322">
        <v>0</v>
      </c>
      <c r="EX39" s="319">
        <v>4</v>
      </c>
      <c r="EY39" s="324">
        <v>5</v>
      </c>
    </row>
  </sheetData>
  <mergeCells count="59">
    <mergeCell ref="CK4:CK5"/>
    <mergeCell ref="CL4:CN4"/>
    <mergeCell ref="CO4:CU4"/>
    <mergeCell ref="EY4:EY5"/>
    <mergeCell ref="CW4:CY4"/>
    <mergeCell ref="CZ4:DF4"/>
    <mergeCell ref="DG4:DG5"/>
    <mergeCell ref="DS4:DU4"/>
    <mergeCell ref="DV4:EB4"/>
    <mergeCell ref="EC4:EC5"/>
    <mergeCell ref="ED4:EF4"/>
    <mergeCell ref="EG4:EM4"/>
    <mergeCell ref="EN4:EN5"/>
    <mergeCell ref="EO4:EQ4"/>
    <mergeCell ref="ER4:EX4"/>
    <mergeCell ref="DH4:DJ4"/>
    <mergeCell ref="CA4:CC4"/>
    <mergeCell ref="CD4:CJ4"/>
    <mergeCell ref="AI4:AK4"/>
    <mergeCell ref="AL4:AR4"/>
    <mergeCell ref="AS4:AS5"/>
    <mergeCell ref="AT4:AV4"/>
    <mergeCell ref="AW4:BC4"/>
    <mergeCell ref="DS3:EC3"/>
    <mergeCell ref="ED3:EN3"/>
    <mergeCell ref="EO3:EY3"/>
    <mergeCell ref="CA3:CK3"/>
    <mergeCell ref="CL3:CV3"/>
    <mergeCell ref="DH3:DR3"/>
    <mergeCell ref="A3:A5"/>
    <mergeCell ref="B3:L3"/>
    <mergeCell ref="M3:W3"/>
    <mergeCell ref="W4:W5"/>
    <mergeCell ref="AI3:AS3"/>
    <mergeCell ref="X3:AH3"/>
    <mergeCell ref="X4:Z4"/>
    <mergeCell ref="AA4:AG4"/>
    <mergeCell ref="AH4:AH5"/>
    <mergeCell ref="B4:D4"/>
    <mergeCell ref="E4:K4"/>
    <mergeCell ref="L4:L5"/>
    <mergeCell ref="M4:O4"/>
    <mergeCell ref="P4:V4"/>
    <mergeCell ref="DK4:DQ4"/>
    <mergeCell ref="DR4:DR5"/>
    <mergeCell ref="H1:I1"/>
    <mergeCell ref="K1:L1"/>
    <mergeCell ref="AT3:BD3"/>
    <mergeCell ref="BE3:BO3"/>
    <mergeCell ref="BP3:BZ3"/>
    <mergeCell ref="BD4:BD5"/>
    <mergeCell ref="CW3:DG3"/>
    <mergeCell ref="CV4:CV5"/>
    <mergeCell ref="BE4:BG4"/>
    <mergeCell ref="BH4:BN4"/>
    <mergeCell ref="BO4:BO5"/>
    <mergeCell ref="BP4:BR4"/>
    <mergeCell ref="BS4:BY4"/>
    <mergeCell ref="BZ4:BZ5"/>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3" max="1048575" man="1"/>
    <brk id="45" max="1048575" man="1"/>
    <brk id="67" max="1048575" man="1"/>
    <brk id="89" max="1048575" man="1"/>
    <brk id="122" max="1048575" man="1"/>
    <brk id="14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Y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0"/>
    <col min="4" max="4" width="10.33203125" style="290" customWidth="1"/>
    <col min="5" max="5" width="7.6640625" style="290" customWidth="1"/>
    <col min="6" max="6" width="10.21875" style="290" customWidth="1"/>
    <col min="7" max="7" width="10.44140625" style="290" customWidth="1"/>
    <col min="8" max="15" width="9" style="290"/>
    <col min="16" max="16" width="7.21875" style="290" customWidth="1"/>
    <col min="17" max="26" width="9" style="290"/>
    <col min="27" max="27" width="7.6640625" style="290" customWidth="1"/>
    <col min="28" max="37" width="9" style="290"/>
    <col min="38" max="38" width="7.6640625" style="290" customWidth="1"/>
    <col min="39" max="48" width="9" style="290"/>
    <col min="49" max="49" width="7.21875" style="290" customWidth="1"/>
    <col min="50" max="59" width="9" style="290"/>
    <col min="60" max="60" width="7.21875" style="290" customWidth="1"/>
    <col min="61" max="70" width="9" style="290"/>
    <col min="71" max="71" width="7.33203125" style="290" customWidth="1"/>
    <col min="72" max="81" width="9" style="290"/>
    <col min="82" max="82" width="7.44140625" style="290" customWidth="1"/>
    <col min="83" max="92" width="9" style="290"/>
    <col min="93" max="93" width="7.6640625" style="290" customWidth="1"/>
    <col min="94" max="103" width="9" style="290"/>
    <col min="104" max="104" width="7.44140625" style="290" customWidth="1"/>
    <col min="105" max="114" width="9" style="290"/>
    <col min="115" max="115" width="7.44140625" style="290" customWidth="1"/>
    <col min="116" max="125" width="9" style="290"/>
    <col min="126" max="126" width="7.44140625" style="290" customWidth="1"/>
    <col min="127" max="136" width="9" style="290"/>
    <col min="137" max="137" width="7.33203125" style="290" customWidth="1"/>
    <col min="138" max="147" width="9" style="290"/>
    <col min="148" max="148" width="7.77734375" style="290" customWidth="1"/>
    <col min="149" max="16384" width="9" style="290"/>
  </cols>
  <sheetData>
    <row r="1" spans="1:155" ht="24" customHeight="1" x14ac:dyDescent="0.2">
      <c r="A1" s="325" t="s">
        <v>122</v>
      </c>
      <c r="H1" s="545">
        <f>第１表!F2</f>
        <v>4</v>
      </c>
      <c r="I1" s="545"/>
      <c r="J1" s="282">
        <f>第１表!G2</f>
        <v>4</v>
      </c>
      <c r="K1" s="549">
        <f>IF(J1&lt;3,J1+12-2,J1-2)</f>
        <v>2</v>
      </c>
      <c r="L1" s="549"/>
    </row>
    <row r="2" spans="1:155" ht="21" customHeight="1" thickBot="1" x14ac:dyDescent="0.25">
      <c r="A2" s="325" t="s">
        <v>154</v>
      </c>
      <c r="F2" s="281"/>
      <c r="G2" s="282"/>
      <c r="I2" s="392"/>
      <c r="J2" s="392"/>
    </row>
    <row r="3" spans="1:155" ht="23.25" customHeight="1" thickBot="1" x14ac:dyDescent="0.25">
      <c r="A3" s="562"/>
      <c r="B3" s="553" t="s">
        <v>70</v>
      </c>
      <c r="C3" s="554"/>
      <c r="D3" s="554"/>
      <c r="E3" s="554"/>
      <c r="F3" s="554"/>
      <c r="G3" s="554"/>
      <c r="H3" s="554"/>
      <c r="I3" s="554"/>
      <c r="J3" s="554"/>
      <c r="K3" s="554"/>
      <c r="L3" s="555"/>
      <c r="M3" s="553" t="s">
        <v>71</v>
      </c>
      <c r="N3" s="554"/>
      <c r="O3" s="554"/>
      <c r="P3" s="554"/>
      <c r="Q3" s="554"/>
      <c r="R3" s="554"/>
      <c r="S3" s="554"/>
      <c r="T3" s="554"/>
      <c r="U3" s="554"/>
      <c r="V3" s="554"/>
      <c r="W3" s="555"/>
      <c r="X3" s="553" t="s">
        <v>72</v>
      </c>
      <c r="Y3" s="554"/>
      <c r="Z3" s="554"/>
      <c r="AA3" s="554"/>
      <c r="AB3" s="554"/>
      <c r="AC3" s="554"/>
      <c r="AD3" s="554"/>
      <c r="AE3" s="554"/>
      <c r="AF3" s="554"/>
      <c r="AG3" s="554"/>
      <c r="AH3" s="555"/>
      <c r="AI3" s="553" t="s">
        <v>73</v>
      </c>
      <c r="AJ3" s="554"/>
      <c r="AK3" s="554"/>
      <c r="AL3" s="554"/>
      <c r="AM3" s="554"/>
      <c r="AN3" s="554"/>
      <c r="AO3" s="554"/>
      <c r="AP3" s="554"/>
      <c r="AQ3" s="554"/>
      <c r="AR3" s="554"/>
      <c r="AS3" s="555"/>
      <c r="AT3" s="553" t="s">
        <v>74</v>
      </c>
      <c r="AU3" s="554"/>
      <c r="AV3" s="554"/>
      <c r="AW3" s="554"/>
      <c r="AX3" s="554"/>
      <c r="AY3" s="554"/>
      <c r="AZ3" s="554"/>
      <c r="BA3" s="554"/>
      <c r="BB3" s="554"/>
      <c r="BC3" s="554"/>
      <c r="BD3" s="555"/>
      <c r="BE3" s="553" t="s">
        <v>75</v>
      </c>
      <c r="BF3" s="554"/>
      <c r="BG3" s="554"/>
      <c r="BH3" s="554"/>
      <c r="BI3" s="554"/>
      <c r="BJ3" s="554"/>
      <c r="BK3" s="554"/>
      <c r="BL3" s="554"/>
      <c r="BM3" s="554"/>
      <c r="BN3" s="554"/>
      <c r="BO3" s="555"/>
      <c r="BP3" s="553" t="s">
        <v>76</v>
      </c>
      <c r="BQ3" s="554"/>
      <c r="BR3" s="554"/>
      <c r="BS3" s="554"/>
      <c r="BT3" s="554"/>
      <c r="BU3" s="554"/>
      <c r="BV3" s="554"/>
      <c r="BW3" s="554"/>
      <c r="BX3" s="554"/>
      <c r="BY3" s="554"/>
      <c r="BZ3" s="555"/>
      <c r="CA3" s="553" t="s">
        <v>77</v>
      </c>
      <c r="CB3" s="554"/>
      <c r="CC3" s="554"/>
      <c r="CD3" s="554"/>
      <c r="CE3" s="554"/>
      <c r="CF3" s="554"/>
      <c r="CG3" s="554"/>
      <c r="CH3" s="554"/>
      <c r="CI3" s="554"/>
      <c r="CJ3" s="554"/>
      <c r="CK3" s="555"/>
      <c r="CL3" s="553" t="s">
        <v>78</v>
      </c>
      <c r="CM3" s="554"/>
      <c r="CN3" s="554"/>
      <c r="CO3" s="554"/>
      <c r="CP3" s="554"/>
      <c r="CQ3" s="554"/>
      <c r="CR3" s="554"/>
      <c r="CS3" s="554"/>
      <c r="CT3" s="554"/>
      <c r="CU3" s="554"/>
      <c r="CV3" s="555"/>
      <c r="CW3" s="553" t="s">
        <v>79</v>
      </c>
      <c r="CX3" s="554"/>
      <c r="CY3" s="554"/>
      <c r="CZ3" s="554"/>
      <c r="DA3" s="554"/>
      <c r="DB3" s="554"/>
      <c r="DC3" s="554"/>
      <c r="DD3" s="554"/>
      <c r="DE3" s="554"/>
      <c r="DF3" s="554"/>
      <c r="DG3" s="555"/>
      <c r="DH3" s="553" t="s">
        <v>152</v>
      </c>
      <c r="DI3" s="554"/>
      <c r="DJ3" s="554"/>
      <c r="DK3" s="554"/>
      <c r="DL3" s="554"/>
      <c r="DM3" s="554"/>
      <c r="DN3" s="554"/>
      <c r="DO3" s="554"/>
      <c r="DP3" s="554"/>
      <c r="DQ3" s="554"/>
      <c r="DR3" s="555"/>
      <c r="DS3" s="553" t="s">
        <v>80</v>
      </c>
      <c r="DT3" s="554"/>
      <c r="DU3" s="554"/>
      <c r="DV3" s="554"/>
      <c r="DW3" s="554"/>
      <c r="DX3" s="554"/>
      <c r="DY3" s="554"/>
      <c r="DZ3" s="554"/>
      <c r="EA3" s="554"/>
      <c r="EB3" s="554"/>
      <c r="EC3" s="555"/>
      <c r="ED3" s="553" t="s">
        <v>68</v>
      </c>
      <c r="EE3" s="554"/>
      <c r="EF3" s="554"/>
      <c r="EG3" s="554"/>
      <c r="EH3" s="554"/>
      <c r="EI3" s="554"/>
      <c r="EJ3" s="554"/>
      <c r="EK3" s="554"/>
      <c r="EL3" s="554"/>
      <c r="EM3" s="554"/>
      <c r="EN3" s="555"/>
      <c r="EO3" s="550" t="s">
        <v>69</v>
      </c>
      <c r="EP3" s="551"/>
      <c r="EQ3" s="551"/>
      <c r="ER3" s="551"/>
      <c r="ES3" s="551"/>
      <c r="ET3" s="551"/>
      <c r="EU3" s="551"/>
      <c r="EV3" s="551"/>
      <c r="EW3" s="551"/>
      <c r="EX3" s="551"/>
      <c r="EY3" s="552"/>
    </row>
    <row r="4" spans="1:155" ht="22.5" customHeight="1" x14ac:dyDescent="0.2">
      <c r="A4" s="563"/>
      <c r="B4" s="561" t="s">
        <v>61</v>
      </c>
      <c r="C4" s="557"/>
      <c r="D4" s="558"/>
      <c r="E4" s="556" t="s">
        <v>62</v>
      </c>
      <c r="F4" s="557"/>
      <c r="G4" s="557"/>
      <c r="H4" s="557"/>
      <c r="I4" s="557"/>
      <c r="J4" s="557"/>
      <c r="K4" s="565"/>
      <c r="L4" s="559" t="s">
        <v>52</v>
      </c>
      <c r="M4" s="561" t="s">
        <v>61</v>
      </c>
      <c r="N4" s="557"/>
      <c r="O4" s="558"/>
      <c r="P4" s="556" t="s">
        <v>62</v>
      </c>
      <c r="Q4" s="557"/>
      <c r="R4" s="557"/>
      <c r="S4" s="557"/>
      <c r="T4" s="557"/>
      <c r="U4" s="557"/>
      <c r="V4" s="558"/>
      <c r="W4" s="559" t="s">
        <v>52</v>
      </c>
      <c r="X4" s="561" t="s">
        <v>61</v>
      </c>
      <c r="Y4" s="557"/>
      <c r="Z4" s="558"/>
      <c r="AA4" s="556" t="s">
        <v>62</v>
      </c>
      <c r="AB4" s="557"/>
      <c r="AC4" s="557"/>
      <c r="AD4" s="557"/>
      <c r="AE4" s="557"/>
      <c r="AF4" s="557"/>
      <c r="AG4" s="558"/>
      <c r="AH4" s="559" t="s">
        <v>52</v>
      </c>
      <c r="AI4" s="561" t="s">
        <v>61</v>
      </c>
      <c r="AJ4" s="557"/>
      <c r="AK4" s="558"/>
      <c r="AL4" s="556" t="s">
        <v>62</v>
      </c>
      <c r="AM4" s="557"/>
      <c r="AN4" s="557"/>
      <c r="AO4" s="557"/>
      <c r="AP4" s="557"/>
      <c r="AQ4" s="557"/>
      <c r="AR4" s="558"/>
      <c r="AS4" s="559" t="s">
        <v>52</v>
      </c>
      <c r="AT4" s="561" t="s">
        <v>61</v>
      </c>
      <c r="AU4" s="557"/>
      <c r="AV4" s="558"/>
      <c r="AW4" s="556" t="s">
        <v>62</v>
      </c>
      <c r="AX4" s="557"/>
      <c r="AY4" s="557"/>
      <c r="AZ4" s="557"/>
      <c r="BA4" s="557"/>
      <c r="BB4" s="557"/>
      <c r="BC4" s="565"/>
      <c r="BD4" s="559" t="s">
        <v>52</v>
      </c>
      <c r="BE4" s="561" t="s">
        <v>61</v>
      </c>
      <c r="BF4" s="557"/>
      <c r="BG4" s="558"/>
      <c r="BH4" s="556" t="s">
        <v>62</v>
      </c>
      <c r="BI4" s="557"/>
      <c r="BJ4" s="557"/>
      <c r="BK4" s="557"/>
      <c r="BL4" s="557"/>
      <c r="BM4" s="557"/>
      <c r="BN4" s="558"/>
      <c r="BO4" s="559" t="s">
        <v>52</v>
      </c>
      <c r="BP4" s="561" t="s">
        <v>61</v>
      </c>
      <c r="BQ4" s="557"/>
      <c r="BR4" s="558"/>
      <c r="BS4" s="556" t="s">
        <v>62</v>
      </c>
      <c r="BT4" s="557"/>
      <c r="BU4" s="557"/>
      <c r="BV4" s="557"/>
      <c r="BW4" s="557"/>
      <c r="BX4" s="557"/>
      <c r="BY4" s="558"/>
      <c r="BZ4" s="559" t="s">
        <v>52</v>
      </c>
      <c r="CA4" s="561" t="s">
        <v>61</v>
      </c>
      <c r="CB4" s="557"/>
      <c r="CC4" s="558"/>
      <c r="CD4" s="556" t="s">
        <v>62</v>
      </c>
      <c r="CE4" s="557"/>
      <c r="CF4" s="557"/>
      <c r="CG4" s="557"/>
      <c r="CH4" s="557"/>
      <c r="CI4" s="557"/>
      <c r="CJ4" s="558"/>
      <c r="CK4" s="559" t="s">
        <v>52</v>
      </c>
      <c r="CL4" s="561" t="s">
        <v>61</v>
      </c>
      <c r="CM4" s="557"/>
      <c r="CN4" s="558"/>
      <c r="CO4" s="556" t="s">
        <v>62</v>
      </c>
      <c r="CP4" s="557"/>
      <c r="CQ4" s="557"/>
      <c r="CR4" s="557"/>
      <c r="CS4" s="557"/>
      <c r="CT4" s="557"/>
      <c r="CU4" s="558"/>
      <c r="CV4" s="559" t="s">
        <v>52</v>
      </c>
      <c r="CW4" s="561" t="s">
        <v>61</v>
      </c>
      <c r="CX4" s="557"/>
      <c r="CY4" s="558"/>
      <c r="CZ4" s="556" t="s">
        <v>62</v>
      </c>
      <c r="DA4" s="557"/>
      <c r="DB4" s="557"/>
      <c r="DC4" s="557"/>
      <c r="DD4" s="557"/>
      <c r="DE4" s="557"/>
      <c r="DF4" s="558"/>
      <c r="DG4" s="559" t="s">
        <v>52</v>
      </c>
      <c r="DH4" s="561" t="s">
        <v>61</v>
      </c>
      <c r="DI4" s="557"/>
      <c r="DJ4" s="558"/>
      <c r="DK4" s="556" t="s">
        <v>62</v>
      </c>
      <c r="DL4" s="557"/>
      <c r="DM4" s="557"/>
      <c r="DN4" s="557"/>
      <c r="DO4" s="557"/>
      <c r="DP4" s="557"/>
      <c r="DQ4" s="558"/>
      <c r="DR4" s="559" t="s">
        <v>52</v>
      </c>
      <c r="DS4" s="561" t="s">
        <v>61</v>
      </c>
      <c r="DT4" s="557"/>
      <c r="DU4" s="558"/>
      <c r="DV4" s="556" t="s">
        <v>62</v>
      </c>
      <c r="DW4" s="557"/>
      <c r="DX4" s="557"/>
      <c r="DY4" s="557"/>
      <c r="DZ4" s="557"/>
      <c r="EA4" s="557"/>
      <c r="EB4" s="558"/>
      <c r="EC4" s="559" t="s">
        <v>52</v>
      </c>
      <c r="ED4" s="561" t="s">
        <v>61</v>
      </c>
      <c r="EE4" s="557"/>
      <c r="EF4" s="558"/>
      <c r="EG4" s="556" t="s">
        <v>62</v>
      </c>
      <c r="EH4" s="557"/>
      <c r="EI4" s="557"/>
      <c r="EJ4" s="557"/>
      <c r="EK4" s="557"/>
      <c r="EL4" s="557"/>
      <c r="EM4" s="558"/>
      <c r="EN4" s="559" t="s">
        <v>52</v>
      </c>
      <c r="EO4" s="561" t="s">
        <v>61</v>
      </c>
      <c r="EP4" s="557"/>
      <c r="EQ4" s="558"/>
      <c r="ER4" s="556" t="s">
        <v>62</v>
      </c>
      <c r="ES4" s="557"/>
      <c r="ET4" s="557"/>
      <c r="EU4" s="557"/>
      <c r="EV4" s="557"/>
      <c r="EW4" s="557"/>
      <c r="EX4" s="558"/>
      <c r="EY4" s="559" t="s">
        <v>52</v>
      </c>
    </row>
    <row r="5" spans="1:155" ht="34.5" customHeight="1" thickBot="1" x14ac:dyDescent="0.25">
      <c r="A5" s="564"/>
      <c r="B5" s="393" t="s">
        <v>43</v>
      </c>
      <c r="C5" s="294" t="s">
        <v>162</v>
      </c>
      <c r="D5" s="435" t="s">
        <v>45</v>
      </c>
      <c r="E5" s="302" t="s">
        <v>83</v>
      </c>
      <c r="F5" s="294" t="s">
        <v>47</v>
      </c>
      <c r="G5" s="294" t="s">
        <v>48</v>
      </c>
      <c r="H5" s="294" t="s">
        <v>49</v>
      </c>
      <c r="I5" s="294" t="s">
        <v>50</v>
      </c>
      <c r="J5" s="294" t="s">
        <v>51</v>
      </c>
      <c r="K5" s="303" t="s">
        <v>45</v>
      </c>
      <c r="L5" s="560"/>
      <c r="M5" s="393" t="s">
        <v>43</v>
      </c>
      <c r="N5" s="294" t="s">
        <v>44</v>
      </c>
      <c r="O5" s="300" t="s">
        <v>45</v>
      </c>
      <c r="P5" s="302" t="s">
        <v>83</v>
      </c>
      <c r="Q5" s="294" t="s">
        <v>47</v>
      </c>
      <c r="R5" s="294" t="s">
        <v>48</v>
      </c>
      <c r="S5" s="294" t="s">
        <v>49</v>
      </c>
      <c r="T5" s="294" t="s">
        <v>50</v>
      </c>
      <c r="U5" s="294" t="s">
        <v>51</v>
      </c>
      <c r="V5" s="300" t="s">
        <v>45</v>
      </c>
      <c r="W5" s="560"/>
      <c r="X5" s="393" t="s">
        <v>43</v>
      </c>
      <c r="Y5" s="294" t="s">
        <v>44</v>
      </c>
      <c r="Z5" s="300" t="s">
        <v>45</v>
      </c>
      <c r="AA5" s="302" t="s">
        <v>83</v>
      </c>
      <c r="AB5" s="294" t="s">
        <v>47</v>
      </c>
      <c r="AC5" s="294" t="s">
        <v>48</v>
      </c>
      <c r="AD5" s="294" t="s">
        <v>49</v>
      </c>
      <c r="AE5" s="294" t="s">
        <v>50</v>
      </c>
      <c r="AF5" s="294" t="s">
        <v>51</v>
      </c>
      <c r="AG5" s="300" t="s">
        <v>45</v>
      </c>
      <c r="AH5" s="560"/>
      <c r="AI5" s="393" t="s">
        <v>43</v>
      </c>
      <c r="AJ5" s="294" t="s">
        <v>44</v>
      </c>
      <c r="AK5" s="300" t="s">
        <v>45</v>
      </c>
      <c r="AL5" s="302" t="s">
        <v>83</v>
      </c>
      <c r="AM5" s="294" t="s">
        <v>47</v>
      </c>
      <c r="AN5" s="294" t="s">
        <v>48</v>
      </c>
      <c r="AO5" s="294" t="s">
        <v>49</v>
      </c>
      <c r="AP5" s="294" t="s">
        <v>50</v>
      </c>
      <c r="AQ5" s="294" t="s">
        <v>51</v>
      </c>
      <c r="AR5" s="300" t="s">
        <v>45</v>
      </c>
      <c r="AS5" s="560"/>
      <c r="AT5" s="393" t="s">
        <v>43</v>
      </c>
      <c r="AU5" s="294" t="s">
        <v>44</v>
      </c>
      <c r="AV5" s="300" t="s">
        <v>45</v>
      </c>
      <c r="AW5" s="302" t="s">
        <v>83</v>
      </c>
      <c r="AX5" s="294" t="s">
        <v>47</v>
      </c>
      <c r="AY5" s="294" t="s">
        <v>48</v>
      </c>
      <c r="AZ5" s="294" t="s">
        <v>49</v>
      </c>
      <c r="BA5" s="294" t="s">
        <v>50</v>
      </c>
      <c r="BB5" s="294" t="s">
        <v>51</v>
      </c>
      <c r="BC5" s="303" t="s">
        <v>45</v>
      </c>
      <c r="BD5" s="560"/>
      <c r="BE5" s="393" t="s">
        <v>43</v>
      </c>
      <c r="BF5" s="294" t="s">
        <v>44</v>
      </c>
      <c r="BG5" s="300" t="s">
        <v>45</v>
      </c>
      <c r="BH5" s="302" t="s">
        <v>83</v>
      </c>
      <c r="BI5" s="294" t="s">
        <v>47</v>
      </c>
      <c r="BJ5" s="294" t="s">
        <v>48</v>
      </c>
      <c r="BK5" s="294" t="s">
        <v>49</v>
      </c>
      <c r="BL5" s="294" t="s">
        <v>50</v>
      </c>
      <c r="BM5" s="294" t="s">
        <v>51</v>
      </c>
      <c r="BN5" s="300" t="s">
        <v>45</v>
      </c>
      <c r="BO5" s="560"/>
      <c r="BP5" s="393" t="s">
        <v>43</v>
      </c>
      <c r="BQ5" s="294" t="s">
        <v>44</v>
      </c>
      <c r="BR5" s="300" t="s">
        <v>45</v>
      </c>
      <c r="BS5" s="302" t="s">
        <v>83</v>
      </c>
      <c r="BT5" s="294" t="s">
        <v>47</v>
      </c>
      <c r="BU5" s="294" t="s">
        <v>48</v>
      </c>
      <c r="BV5" s="294" t="s">
        <v>49</v>
      </c>
      <c r="BW5" s="294" t="s">
        <v>50</v>
      </c>
      <c r="BX5" s="294" t="s">
        <v>51</v>
      </c>
      <c r="BY5" s="300" t="s">
        <v>45</v>
      </c>
      <c r="BZ5" s="560"/>
      <c r="CA5" s="393" t="s">
        <v>43</v>
      </c>
      <c r="CB5" s="294" t="s">
        <v>44</v>
      </c>
      <c r="CC5" s="300" t="s">
        <v>45</v>
      </c>
      <c r="CD5" s="302" t="s">
        <v>83</v>
      </c>
      <c r="CE5" s="294" t="s">
        <v>47</v>
      </c>
      <c r="CF5" s="294" t="s">
        <v>48</v>
      </c>
      <c r="CG5" s="294" t="s">
        <v>49</v>
      </c>
      <c r="CH5" s="294" t="s">
        <v>50</v>
      </c>
      <c r="CI5" s="294" t="s">
        <v>51</v>
      </c>
      <c r="CJ5" s="300" t="s">
        <v>45</v>
      </c>
      <c r="CK5" s="560"/>
      <c r="CL5" s="393" t="s">
        <v>43</v>
      </c>
      <c r="CM5" s="294" t="s">
        <v>44</v>
      </c>
      <c r="CN5" s="300" t="s">
        <v>45</v>
      </c>
      <c r="CO5" s="302" t="s">
        <v>83</v>
      </c>
      <c r="CP5" s="294" t="s">
        <v>47</v>
      </c>
      <c r="CQ5" s="294" t="s">
        <v>48</v>
      </c>
      <c r="CR5" s="294" t="s">
        <v>49</v>
      </c>
      <c r="CS5" s="294" t="s">
        <v>50</v>
      </c>
      <c r="CT5" s="294" t="s">
        <v>51</v>
      </c>
      <c r="CU5" s="300" t="s">
        <v>45</v>
      </c>
      <c r="CV5" s="560"/>
      <c r="CW5" s="393" t="s">
        <v>43</v>
      </c>
      <c r="CX5" s="294" t="s">
        <v>44</v>
      </c>
      <c r="CY5" s="300" t="s">
        <v>45</v>
      </c>
      <c r="CZ5" s="302" t="s">
        <v>83</v>
      </c>
      <c r="DA5" s="294" t="s">
        <v>47</v>
      </c>
      <c r="DB5" s="294" t="s">
        <v>48</v>
      </c>
      <c r="DC5" s="294" t="s">
        <v>49</v>
      </c>
      <c r="DD5" s="294" t="s">
        <v>50</v>
      </c>
      <c r="DE5" s="294" t="s">
        <v>51</v>
      </c>
      <c r="DF5" s="300" t="s">
        <v>45</v>
      </c>
      <c r="DG5" s="560"/>
      <c r="DH5" s="393" t="s">
        <v>43</v>
      </c>
      <c r="DI5" s="294" t="s">
        <v>44</v>
      </c>
      <c r="DJ5" s="300" t="s">
        <v>45</v>
      </c>
      <c r="DK5" s="302" t="s">
        <v>83</v>
      </c>
      <c r="DL5" s="294" t="s">
        <v>47</v>
      </c>
      <c r="DM5" s="294" t="s">
        <v>48</v>
      </c>
      <c r="DN5" s="294" t="s">
        <v>49</v>
      </c>
      <c r="DO5" s="294" t="s">
        <v>50</v>
      </c>
      <c r="DP5" s="294" t="s">
        <v>51</v>
      </c>
      <c r="DQ5" s="300" t="s">
        <v>45</v>
      </c>
      <c r="DR5" s="560"/>
      <c r="DS5" s="393" t="s">
        <v>43</v>
      </c>
      <c r="DT5" s="294" t="s">
        <v>44</v>
      </c>
      <c r="DU5" s="300" t="s">
        <v>45</v>
      </c>
      <c r="DV5" s="302" t="s">
        <v>83</v>
      </c>
      <c r="DW5" s="294" t="s">
        <v>47</v>
      </c>
      <c r="DX5" s="294" t="s">
        <v>48</v>
      </c>
      <c r="DY5" s="294" t="s">
        <v>49</v>
      </c>
      <c r="DZ5" s="294" t="s">
        <v>50</v>
      </c>
      <c r="EA5" s="294" t="s">
        <v>51</v>
      </c>
      <c r="EB5" s="300" t="s">
        <v>45</v>
      </c>
      <c r="EC5" s="560"/>
      <c r="ED5" s="393" t="s">
        <v>43</v>
      </c>
      <c r="EE5" s="294" t="s">
        <v>44</v>
      </c>
      <c r="EF5" s="300" t="s">
        <v>45</v>
      </c>
      <c r="EG5" s="302" t="s">
        <v>83</v>
      </c>
      <c r="EH5" s="294" t="s">
        <v>47</v>
      </c>
      <c r="EI5" s="294" t="s">
        <v>48</v>
      </c>
      <c r="EJ5" s="294" t="s">
        <v>49</v>
      </c>
      <c r="EK5" s="294" t="s">
        <v>50</v>
      </c>
      <c r="EL5" s="294" t="s">
        <v>51</v>
      </c>
      <c r="EM5" s="300" t="s">
        <v>45</v>
      </c>
      <c r="EN5" s="560"/>
      <c r="EO5" s="393" t="s">
        <v>43</v>
      </c>
      <c r="EP5" s="294" t="s">
        <v>44</v>
      </c>
      <c r="EQ5" s="300" t="s">
        <v>45</v>
      </c>
      <c r="ER5" s="302" t="s">
        <v>83</v>
      </c>
      <c r="ES5" s="294" t="s">
        <v>47</v>
      </c>
      <c r="ET5" s="294" t="s">
        <v>48</v>
      </c>
      <c r="EU5" s="294" t="s">
        <v>49</v>
      </c>
      <c r="EV5" s="294" t="s">
        <v>50</v>
      </c>
      <c r="EW5" s="294" t="s">
        <v>51</v>
      </c>
      <c r="EX5" s="300" t="s">
        <v>45</v>
      </c>
      <c r="EY5" s="560"/>
    </row>
    <row r="6" spans="1:155" ht="19.5" customHeight="1" x14ac:dyDescent="0.2">
      <c r="A6" s="295" t="s">
        <v>4</v>
      </c>
      <c r="B6" s="304">
        <v>0</v>
      </c>
      <c r="C6" s="308">
        <v>0</v>
      </c>
      <c r="D6" s="436">
        <v>0</v>
      </c>
      <c r="E6" s="307">
        <v>0</v>
      </c>
      <c r="F6" s="308">
        <v>1145</v>
      </c>
      <c r="G6" s="308">
        <v>1241</v>
      </c>
      <c r="H6" s="308">
        <v>644</v>
      </c>
      <c r="I6" s="308">
        <v>563</v>
      </c>
      <c r="J6" s="308">
        <v>423</v>
      </c>
      <c r="K6" s="309">
        <v>4016</v>
      </c>
      <c r="L6" s="310">
        <v>4016</v>
      </c>
      <c r="M6" s="304">
        <v>1</v>
      </c>
      <c r="N6" s="308">
        <v>2</v>
      </c>
      <c r="O6" s="305">
        <v>3</v>
      </c>
      <c r="P6" s="307">
        <v>0</v>
      </c>
      <c r="Q6" s="308">
        <v>12</v>
      </c>
      <c r="R6" s="308">
        <v>43</v>
      </c>
      <c r="S6" s="308">
        <v>49</v>
      </c>
      <c r="T6" s="308">
        <v>133</v>
      </c>
      <c r="U6" s="308">
        <v>212</v>
      </c>
      <c r="V6" s="305">
        <v>449</v>
      </c>
      <c r="W6" s="310">
        <v>452</v>
      </c>
      <c r="X6" s="304">
        <v>186</v>
      </c>
      <c r="Y6" s="308">
        <v>399</v>
      </c>
      <c r="Z6" s="305">
        <v>585</v>
      </c>
      <c r="AA6" s="307">
        <v>0</v>
      </c>
      <c r="AB6" s="308">
        <v>809</v>
      </c>
      <c r="AC6" s="308">
        <v>1085</v>
      </c>
      <c r="AD6" s="308">
        <v>619</v>
      </c>
      <c r="AE6" s="308">
        <v>548</v>
      </c>
      <c r="AF6" s="308">
        <v>410</v>
      </c>
      <c r="AG6" s="305">
        <v>3471</v>
      </c>
      <c r="AH6" s="310">
        <v>4056</v>
      </c>
      <c r="AI6" s="304">
        <v>14</v>
      </c>
      <c r="AJ6" s="308">
        <v>51</v>
      </c>
      <c r="AK6" s="305">
        <v>65</v>
      </c>
      <c r="AL6" s="307">
        <v>0</v>
      </c>
      <c r="AM6" s="308">
        <v>78</v>
      </c>
      <c r="AN6" s="308">
        <v>137</v>
      </c>
      <c r="AO6" s="308">
        <v>87</v>
      </c>
      <c r="AP6" s="308">
        <v>74</v>
      </c>
      <c r="AQ6" s="308">
        <v>51</v>
      </c>
      <c r="AR6" s="305">
        <v>427</v>
      </c>
      <c r="AS6" s="310">
        <v>492</v>
      </c>
      <c r="AT6" s="304">
        <v>301</v>
      </c>
      <c r="AU6" s="308">
        <v>326</v>
      </c>
      <c r="AV6" s="305">
        <v>627</v>
      </c>
      <c r="AW6" s="307">
        <v>0</v>
      </c>
      <c r="AX6" s="308">
        <v>1174</v>
      </c>
      <c r="AY6" s="308">
        <v>1501</v>
      </c>
      <c r="AZ6" s="308">
        <v>1210</v>
      </c>
      <c r="BA6" s="308">
        <v>1342</v>
      </c>
      <c r="BB6" s="308">
        <v>999</v>
      </c>
      <c r="BC6" s="309">
        <v>6226</v>
      </c>
      <c r="BD6" s="310">
        <v>6853</v>
      </c>
      <c r="BE6" s="304">
        <v>0</v>
      </c>
      <c r="BF6" s="308">
        <v>0</v>
      </c>
      <c r="BG6" s="305">
        <v>0</v>
      </c>
      <c r="BH6" s="307">
        <v>0</v>
      </c>
      <c r="BI6" s="308">
        <v>1234</v>
      </c>
      <c r="BJ6" s="308">
        <v>1121</v>
      </c>
      <c r="BK6" s="308">
        <v>517</v>
      </c>
      <c r="BL6" s="308">
        <v>315</v>
      </c>
      <c r="BM6" s="308">
        <v>131</v>
      </c>
      <c r="BN6" s="305">
        <v>3318</v>
      </c>
      <c r="BO6" s="310">
        <v>3318</v>
      </c>
      <c r="BP6" s="304">
        <v>104</v>
      </c>
      <c r="BQ6" s="308">
        <v>132</v>
      </c>
      <c r="BR6" s="305">
        <v>236</v>
      </c>
      <c r="BS6" s="307">
        <v>0</v>
      </c>
      <c r="BT6" s="308">
        <v>274</v>
      </c>
      <c r="BU6" s="308">
        <v>424</v>
      </c>
      <c r="BV6" s="308">
        <v>252</v>
      </c>
      <c r="BW6" s="308">
        <v>170</v>
      </c>
      <c r="BX6" s="308">
        <v>63</v>
      </c>
      <c r="BY6" s="305">
        <v>1183</v>
      </c>
      <c r="BZ6" s="310">
        <v>1419</v>
      </c>
      <c r="CA6" s="304">
        <v>4</v>
      </c>
      <c r="CB6" s="308">
        <v>11</v>
      </c>
      <c r="CC6" s="305">
        <v>15</v>
      </c>
      <c r="CD6" s="307">
        <v>0</v>
      </c>
      <c r="CE6" s="308">
        <v>108</v>
      </c>
      <c r="CF6" s="308">
        <v>157</v>
      </c>
      <c r="CG6" s="308">
        <v>182</v>
      </c>
      <c r="CH6" s="308">
        <v>153</v>
      </c>
      <c r="CI6" s="308">
        <v>76</v>
      </c>
      <c r="CJ6" s="305">
        <v>676</v>
      </c>
      <c r="CK6" s="310">
        <v>691</v>
      </c>
      <c r="CL6" s="304">
        <v>0</v>
      </c>
      <c r="CM6" s="308">
        <v>5</v>
      </c>
      <c r="CN6" s="305">
        <v>5</v>
      </c>
      <c r="CO6" s="307">
        <v>0</v>
      </c>
      <c r="CP6" s="308">
        <v>10</v>
      </c>
      <c r="CQ6" s="308">
        <v>32</v>
      </c>
      <c r="CR6" s="308">
        <v>37</v>
      </c>
      <c r="CS6" s="308">
        <v>33</v>
      </c>
      <c r="CT6" s="308">
        <v>21</v>
      </c>
      <c r="CU6" s="305">
        <v>133</v>
      </c>
      <c r="CV6" s="310">
        <v>138</v>
      </c>
      <c r="CW6" s="304">
        <v>0</v>
      </c>
      <c r="CX6" s="308">
        <v>0</v>
      </c>
      <c r="CY6" s="305">
        <v>0</v>
      </c>
      <c r="CZ6" s="307">
        <v>0</v>
      </c>
      <c r="DA6" s="308">
        <v>0</v>
      </c>
      <c r="DB6" s="308">
        <v>0</v>
      </c>
      <c r="DC6" s="308">
        <v>0</v>
      </c>
      <c r="DD6" s="308">
        <v>0</v>
      </c>
      <c r="DE6" s="308">
        <v>0</v>
      </c>
      <c r="DF6" s="305">
        <v>0</v>
      </c>
      <c r="DG6" s="310">
        <v>0</v>
      </c>
      <c r="DH6" s="304">
        <v>0</v>
      </c>
      <c r="DI6" s="308">
        <v>0</v>
      </c>
      <c r="DJ6" s="305">
        <v>0</v>
      </c>
      <c r="DK6" s="307">
        <v>0</v>
      </c>
      <c r="DL6" s="308">
        <v>0</v>
      </c>
      <c r="DM6" s="308">
        <v>0</v>
      </c>
      <c r="DN6" s="308">
        <v>0</v>
      </c>
      <c r="DO6" s="308">
        <v>0</v>
      </c>
      <c r="DP6" s="308">
        <v>0</v>
      </c>
      <c r="DQ6" s="305">
        <v>0</v>
      </c>
      <c r="DR6" s="310">
        <v>0</v>
      </c>
      <c r="DS6" s="304">
        <v>557</v>
      </c>
      <c r="DT6" s="308">
        <v>1137</v>
      </c>
      <c r="DU6" s="305">
        <v>1694</v>
      </c>
      <c r="DV6" s="307">
        <v>0</v>
      </c>
      <c r="DW6" s="308">
        <v>1543</v>
      </c>
      <c r="DX6" s="308">
        <v>2643</v>
      </c>
      <c r="DY6" s="308">
        <v>1506</v>
      </c>
      <c r="DZ6" s="308">
        <v>1230</v>
      </c>
      <c r="EA6" s="308">
        <v>754</v>
      </c>
      <c r="EB6" s="305">
        <v>7676</v>
      </c>
      <c r="EC6" s="310">
        <v>9370</v>
      </c>
      <c r="ED6" s="304">
        <v>217</v>
      </c>
      <c r="EE6" s="308">
        <v>176</v>
      </c>
      <c r="EF6" s="305">
        <v>393</v>
      </c>
      <c r="EG6" s="307">
        <v>0</v>
      </c>
      <c r="EH6" s="308">
        <v>593</v>
      </c>
      <c r="EI6" s="308">
        <v>617</v>
      </c>
      <c r="EJ6" s="308">
        <v>517</v>
      </c>
      <c r="EK6" s="308">
        <v>605</v>
      </c>
      <c r="EL6" s="308">
        <v>394</v>
      </c>
      <c r="EM6" s="305">
        <v>2726</v>
      </c>
      <c r="EN6" s="310">
        <v>3119</v>
      </c>
      <c r="EO6" s="304">
        <v>791</v>
      </c>
      <c r="EP6" s="308">
        <v>1460</v>
      </c>
      <c r="EQ6" s="305">
        <v>2251</v>
      </c>
      <c r="ER6" s="307">
        <v>0</v>
      </c>
      <c r="ES6" s="308">
        <v>3526</v>
      </c>
      <c r="ET6" s="308">
        <v>3715</v>
      </c>
      <c r="EU6" s="308">
        <v>1793</v>
      </c>
      <c r="EV6" s="308">
        <v>1310</v>
      </c>
      <c r="EW6" s="308">
        <v>786</v>
      </c>
      <c r="EX6" s="305">
        <v>11130</v>
      </c>
      <c r="EY6" s="310">
        <v>13381</v>
      </c>
    </row>
    <row r="7" spans="1:155" ht="19.5" customHeight="1" x14ac:dyDescent="0.2">
      <c r="A7" s="296" t="s">
        <v>5</v>
      </c>
      <c r="B7" s="311">
        <v>0</v>
      </c>
      <c r="C7" s="315">
        <v>0</v>
      </c>
      <c r="D7" s="437">
        <v>0</v>
      </c>
      <c r="E7" s="314">
        <v>0</v>
      </c>
      <c r="F7" s="315">
        <v>452</v>
      </c>
      <c r="G7" s="315">
        <v>671</v>
      </c>
      <c r="H7" s="315">
        <v>279</v>
      </c>
      <c r="I7" s="315">
        <v>248</v>
      </c>
      <c r="J7" s="315">
        <v>184</v>
      </c>
      <c r="K7" s="316">
        <v>1834</v>
      </c>
      <c r="L7" s="317">
        <v>1834</v>
      </c>
      <c r="M7" s="311">
        <v>1</v>
      </c>
      <c r="N7" s="315">
        <v>1</v>
      </c>
      <c r="O7" s="312">
        <v>2</v>
      </c>
      <c r="P7" s="314">
        <v>0</v>
      </c>
      <c r="Q7" s="315">
        <v>2</v>
      </c>
      <c r="R7" s="315">
        <v>19</v>
      </c>
      <c r="S7" s="315">
        <v>21</v>
      </c>
      <c r="T7" s="315">
        <v>59</v>
      </c>
      <c r="U7" s="315">
        <v>85</v>
      </c>
      <c r="V7" s="312">
        <v>186</v>
      </c>
      <c r="W7" s="317">
        <v>188</v>
      </c>
      <c r="X7" s="311">
        <v>92</v>
      </c>
      <c r="Y7" s="315">
        <v>220</v>
      </c>
      <c r="Z7" s="312">
        <v>312</v>
      </c>
      <c r="AA7" s="314">
        <v>0</v>
      </c>
      <c r="AB7" s="315">
        <v>307</v>
      </c>
      <c r="AC7" s="315">
        <v>608</v>
      </c>
      <c r="AD7" s="315">
        <v>297</v>
      </c>
      <c r="AE7" s="315">
        <v>257</v>
      </c>
      <c r="AF7" s="315">
        <v>187</v>
      </c>
      <c r="AG7" s="312">
        <v>1656</v>
      </c>
      <c r="AH7" s="317">
        <v>1968</v>
      </c>
      <c r="AI7" s="311">
        <v>9</v>
      </c>
      <c r="AJ7" s="315">
        <v>32</v>
      </c>
      <c r="AK7" s="312">
        <v>41</v>
      </c>
      <c r="AL7" s="314">
        <v>0</v>
      </c>
      <c r="AM7" s="315">
        <v>25</v>
      </c>
      <c r="AN7" s="315">
        <v>72</v>
      </c>
      <c r="AO7" s="315">
        <v>35</v>
      </c>
      <c r="AP7" s="315">
        <v>37</v>
      </c>
      <c r="AQ7" s="315">
        <v>19</v>
      </c>
      <c r="AR7" s="312">
        <v>188</v>
      </c>
      <c r="AS7" s="317">
        <v>229</v>
      </c>
      <c r="AT7" s="311">
        <v>130</v>
      </c>
      <c r="AU7" s="315">
        <v>169</v>
      </c>
      <c r="AV7" s="312">
        <v>299</v>
      </c>
      <c r="AW7" s="314">
        <v>0</v>
      </c>
      <c r="AX7" s="315">
        <v>469</v>
      </c>
      <c r="AY7" s="315">
        <v>735</v>
      </c>
      <c r="AZ7" s="315">
        <v>549</v>
      </c>
      <c r="BA7" s="315">
        <v>564</v>
      </c>
      <c r="BB7" s="315">
        <v>436</v>
      </c>
      <c r="BC7" s="316">
        <v>2753</v>
      </c>
      <c r="BD7" s="317">
        <v>3052</v>
      </c>
      <c r="BE7" s="311">
        <v>0</v>
      </c>
      <c r="BF7" s="315">
        <v>0</v>
      </c>
      <c r="BG7" s="312">
        <v>0</v>
      </c>
      <c r="BH7" s="314">
        <v>0</v>
      </c>
      <c r="BI7" s="315">
        <v>422</v>
      </c>
      <c r="BJ7" s="315">
        <v>510</v>
      </c>
      <c r="BK7" s="315">
        <v>218</v>
      </c>
      <c r="BL7" s="315">
        <v>122</v>
      </c>
      <c r="BM7" s="315">
        <v>52</v>
      </c>
      <c r="BN7" s="312">
        <v>1324</v>
      </c>
      <c r="BO7" s="317">
        <v>1324</v>
      </c>
      <c r="BP7" s="311">
        <v>58</v>
      </c>
      <c r="BQ7" s="315">
        <v>64</v>
      </c>
      <c r="BR7" s="312">
        <v>122</v>
      </c>
      <c r="BS7" s="314">
        <v>0</v>
      </c>
      <c r="BT7" s="315">
        <v>97</v>
      </c>
      <c r="BU7" s="315">
        <v>227</v>
      </c>
      <c r="BV7" s="315">
        <v>125</v>
      </c>
      <c r="BW7" s="315">
        <v>65</v>
      </c>
      <c r="BX7" s="315">
        <v>32</v>
      </c>
      <c r="BY7" s="312">
        <v>546</v>
      </c>
      <c r="BZ7" s="317">
        <v>668</v>
      </c>
      <c r="CA7" s="311">
        <v>1</v>
      </c>
      <c r="CB7" s="315">
        <v>6</v>
      </c>
      <c r="CC7" s="312">
        <v>7</v>
      </c>
      <c r="CD7" s="314">
        <v>0</v>
      </c>
      <c r="CE7" s="315">
        <v>34</v>
      </c>
      <c r="CF7" s="315">
        <v>79</v>
      </c>
      <c r="CG7" s="315">
        <v>68</v>
      </c>
      <c r="CH7" s="315">
        <v>63</v>
      </c>
      <c r="CI7" s="315">
        <v>28</v>
      </c>
      <c r="CJ7" s="312">
        <v>272</v>
      </c>
      <c r="CK7" s="317">
        <v>279</v>
      </c>
      <c r="CL7" s="311">
        <v>0</v>
      </c>
      <c r="CM7" s="315">
        <v>5</v>
      </c>
      <c r="CN7" s="312">
        <v>5</v>
      </c>
      <c r="CO7" s="314">
        <v>0</v>
      </c>
      <c r="CP7" s="315">
        <v>6</v>
      </c>
      <c r="CQ7" s="315">
        <v>16</v>
      </c>
      <c r="CR7" s="315">
        <v>22</v>
      </c>
      <c r="CS7" s="315">
        <v>20</v>
      </c>
      <c r="CT7" s="315">
        <v>17</v>
      </c>
      <c r="CU7" s="312">
        <v>81</v>
      </c>
      <c r="CV7" s="317">
        <v>86</v>
      </c>
      <c r="CW7" s="311">
        <v>0</v>
      </c>
      <c r="CX7" s="315">
        <v>0</v>
      </c>
      <c r="CY7" s="312">
        <v>0</v>
      </c>
      <c r="CZ7" s="314">
        <v>0</v>
      </c>
      <c r="DA7" s="315">
        <v>0</v>
      </c>
      <c r="DB7" s="315">
        <v>0</v>
      </c>
      <c r="DC7" s="315">
        <v>0</v>
      </c>
      <c r="DD7" s="315">
        <v>0</v>
      </c>
      <c r="DE7" s="315">
        <v>0</v>
      </c>
      <c r="DF7" s="312">
        <v>0</v>
      </c>
      <c r="DG7" s="317">
        <v>0</v>
      </c>
      <c r="DH7" s="311">
        <v>0</v>
      </c>
      <c r="DI7" s="315">
        <v>0</v>
      </c>
      <c r="DJ7" s="312">
        <v>0</v>
      </c>
      <c r="DK7" s="314">
        <v>0</v>
      </c>
      <c r="DL7" s="315">
        <v>0</v>
      </c>
      <c r="DM7" s="315">
        <v>0</v>
      </c>
      <c r="DN7" s="315">
        <v>0</v>
      </c>
      <c r="DO7" s="315">
        <v>0</v>
      </c>
      <c r="DP7" s="315">
        <v>0</v>
      </c>
      <c r="DQ7" s="312">
        <v>0</v>
      </c>
      <c r="DR7" s="317">
        <v>0</v>
      </c>
      <c r="DS7" s="311">
        <v>202</v>
      </c>
      <c r="DT7" s="315">
        <v>515</v>
      </c>
      <c r="DU7" s="312">
        <v>717</v>
      </c>
      <c r="DV7" s="314">
        <v>0</v>
      </c>
      <c r="DW7" s="315">
        <v>473</v>
      </c>
      <c r="DX7" s="315">
        <v>1282</v>
      </c>
      <c r="DY7" s="315">
        <v>631</v>
      </c>
      <c r="DZ7" s="315">
        <v>507</v>
      </c>
      <c r="EA7" s="315">
        <v>325</v>
      </c>
      <c r="EB7" s="312">
        <v>3218</v>
      </c>
      <c r="EC7" s="317">
        <v>3935</v>
      </c>
      <c r="ED7" s="311">
        <v>92</v>
      </c>
      <c r="EE7" s="315">
        <v>82</v>
      </c>
      <c r="EF7" s="312">
        <v>174</v>
      </c>
      <c r="EG7" s="314">
        <v>0</v>
      </c>
      <c r="EH7" s="315">
        <v>256</v>
      </c>
      <c r="EI7" s="315">
        <v>322</v>
      </c>
      <c r="EJ7" s="315">
        <v>258</v>
      </c>
      <c r="EK7" s="315">
        <v>251</v>
      </c>
      <c r="EL7" s="315">
        <v>180</v>
      </c>
      <c r="EM7" s="312">
        <v>1267</v>
      </c>
      <c r="EN7" s="317">
        <v>1441</v>
      </c>
      <c r="EO7" s="311">
        <v>326</v>
      </c>
      <c r="EP7" s="315">
        <v>703</v>
      </c>
      <c r="EQ7" s="312">
        <v>1029</v>
      </c>
      <c r="ER7" s="314">
        <v>0</v>
      </c>
      <c r="ES7" s="315">
        <v>1270</v>
      </c>
      <c r="ET7" s="315">
        <v>1840</v>
      </c>
      <c r="EU7" s="315">
        <v>765</v>
      </c>
      <c r="EV7" s="315">
        <v>560</v>
      </c>
      <c r="EW7" s="315">
        <v>348</v>
      </c>
      <c r="EX7" s="312">
        <v>4783</v>
      </c>
      <c r="EY7" s="317">
        <v>5812</v>
      </c>
    </row>
    <row r="8" spans="1:155" ht="19.5" customHeight="1" x14ac:dyDescent="0.2">
      <c r="A8" s="296" t="s">
        <v>6</v>
      </c>
      <c r="B8" s="311">
        <v>0</v>
      </c>
      <c r="C8" s="315">
        <v>0</v>
      </c>
      <c r="D8" s="437">
        <v>0</v>
      </c>
      <c r="E8" s="314">
        <v>0</v>
      </c>
      <c r="F8" s="315">
        <v>218</v>
      </c>
      <c r="G8" s="315">
        <v>169</v>
      </c>
      <c r="H8" s="315">
        <v>105</v>
      </c>
      <c r="I8" s="315">
        <v>103</v>
      </c>
      <c r="J8" s="315">
        <v>65</v>
      </c>
      <c r="K8" s="316">
        <v>660</v>
      </c>
      <c r="L8" s="317">
        <v>660</v>
      </c>
      <c r="M8" s="311">
        <v>0</v>
      </c>
      <c r="N8" s="315">
        <v>1</v>
      </c>
      <c r="O8" s="312">
        <v>1</v>
      </c>
      <c r="P8" s="314">
        <v>0</v>
      </c>
      <c r="Q8" s="315">
        <v>0</v>
      </c>
      <c r="R8" s="315">
        <v>4</v>
      </c>
      <c r="S8" s="315">
        <v>11</v>
      </c>
      <c r="T8" s="315">
        <v>27</v>
      </c>
      <c r="U8" s="315">
        <v>33</v>
      </c>
      <c r="V8" s="312">
        <v>75</v>
      </c>
      <c r="W8" s="317">
        <v>76</v>
      </c>
      <c r="X8" s="311">
        <v>27</v>
      </c>
      <c r="Y8" s="315">
        <v>64</v>
      </c>
      <c r="Z8" s="312">
        <v>91</v>
      </c>
      <c r="AA8" s="314">
        <v>0</v>
      </c>
      <c r="AB8" s="315">
        <v>182</v>
      </c>
      <c r="AC8" s="315">
        <v>154</v>
      </c>
      <c r="AD8" s="315">
        <v>101</v>
      </c>
      <c r="AE8" s="315">
        <v>89</v>
      </c>
      <c r="AF8" s="315">
        <v>69</v>
      </c>
      <c r="AG8" s="312">
        <v>595</v>
      </c>
      <c r="AH8" s="317">
        <v>686</v>
      </c>
      <c r="AI8" s="311">
        <v>0</v>
      </c>
      <c r="AJ8" s="315">
        <v>5</v>
      </c>
      <c r="AK8" s="312">
        <v>5</v>
      </c>
      <c r="AL8" s="314">
        <v>0</v>
      </c>
      <c r="AM8" s="315">
        <v>17</v>
      </c>
      <c r="AN8" s="315">
        <v>16</v>
      </c>
      <c r="AO8" s="315">
        <v>9</v>
      </c>
      <c r="AP8" s="315">
        <v>9</v>
      </c>
      <c r="AQ8" s="315">
        <v>4</v>
      </c>
      <c r="AR8" s="312">
        <v>55</v>
      </c>
      <c r="AS8" s="317">
        <v>60</v>
      </c>
      <c r="AT8" s="311">
        <v>47</v>
      </c>
      <c r="AU8" s="315">
        <v>58</v>
      </c>
      <c r="AV8" s="312">
        <v>105</v>
      </c>
      <c r="AW8" s="314">
        <v>0</v>
      </c>
      <c r="AX8" s="315">
        <v>233</v>
      </c>
      <c r="AY8" s="315">
        <v>255</v>
      </c>
      <c r="AZ8" s="315">
        <v>228</v>
      </c>
      <c r="BA8" s="315">
        <v>264</v>
      </c>
      <c r="BB8" s="315">
        <v>188</v>
      </c>
      <c r="BC8" s="316">
        <v>1168</v>
      </c>
      <c r="BD8" s="317">
        <v>1273</v>
      </c>
      <c r="BE8" s="311">
        <v>0</v>
      </c>
      <c r="BF8" s="315">
        <v>0</v>
      </c>
      <c r="BG8" s="312">
        <v>0</v>
      </c>
      <c r="BH8" s="314">
        <v>0</v>
      </c>
      <c r="BI8" s="315">
        <v>246</v>
      </c>
      <c r="BJ8" s="315">
        <v>147</v>
      </c>
      <c r="BK8" s="315">
        <v>81</v>
      </c>
      <c r="BL8" s="315">
        <v>55</v>
      </c>
      <c r="BM8" s="315">
        <v>24</v>
      </c>
      <c r="BN8" s="312">
        <v>553</v>
      </c>
      <c r="BO8" s="317">
        <v>553</v>
      </c>
      <c r="BP8" s="311">
        <v>4</v>
      </c>
      <c r="BQ8" s="315">
        <v>9</v>
      </c>
      <c r="BR8" s="312">
        <v>13</v>
      </c>
      <c r="BS8" s="314">
        <v>0</v>
      </c>
      <c r="BT8" s="315">
        <v>43</v>
      </c>
      <c r="BU8" s="315">
        <v>50</v>
      </c>
      <c r="BV8" s="315">
        <v>26</v>
      </c>
      <c r="BW8" s="315">
        <v>37</v>
      </c>
      <c r="BX8" s="315">
        <v>6</v>
      </c>
      <c r="BY8" s="312">
        <v>162</v>
      </c>
      <c r="BZ8" s="317">
        <v>175</v>
      </c>
      <c r="CA8" s="311">
        <v>0</v>
      </c>
      <c r="CB8" s="315">
        <v>1</v>
      </c>
      <c r="CC8" s="312">
        <v>1</v>
      </c>
      <c r="CD8" s="314">
        <v>0</v>
      </c>
      <c r="CE8" s="315">
        <v>13</v>
      </c>
      <c r="CF8" s="315">
        <v>13</v>
      </c>
      <c r="CG8" s="315">
        <v>23</v>
      </c>
      <c r="CH8" s="315">
        <v>20</v>
      </c>
      <c r="CI8" s="315">
        <v>14</v>
      </c>
      <c r="CJ8" s="312">
        <v>83</v>
      </c>
      <c r="CK8" s="317">
        <v>84</v>
      </c>
      <c r="CL8" s="311">
        <v>0</v>
      </c>
      <c r="CM8" s="315">
        <v>0</v>
      </c>
      <c r="CN8" s="312">
        <v>0</v>
      </c>
      <c r="CO8" s="314">
        <v>0</v>
      </c>
      <c r="CP8" s="315">
        <v>1</v>
      </c>
      <c r="CQ8" s="315">
        <v>3</v>
      </c>
      <c r="CR8" s="315">
        <v>7</v>
      </c>
      <c r="CS8" s="315">
        <v>5</v>
      </c>
      <c r="CT8" s="315">
        <v>0</v>
      </c>
      <c r="CU8" s="312">
        <v>16</v>
      </c>
      <c r="CV8" s="317">
        <v>16</v>
      </c>
      <c r="CW8" s="311">
        <v>0</v>
      </c>
      <c r="CX8" s="315">
        <v>0</v>
      </c>
      <c r="CY8" s="312">
        <v>0</v>
      </c>
      <c r="CZ8" s="314">
        <v>0</v>
      </c>
      <c r="DA8" s="315">
        <v>0</v>
      </c>
      <c r="DB8" s="315">
        <v>0</v>
      </c>
      <c r="DC8" s="315">
        <v>0</v>
      </c>
      <c r="DD8" s="315">
        <v>0</v>
      </c>
      <c r="DE8" s="315">
        <v>0</v>
      </c>
      <c r="DF8" s="312">
        <v>0</v>
      </c>
      <c r="DG8" s="317">
        <v>0</v>
      </c>
      <c r="DH8" s="311">
        <v>0</v>
      </c>
      <c r="DI8" s="315">
        <v>0</v>
      </c>
      <c r="DJ8" s="312">
        <v>0</v>
      </c>
      <c r="DK8" s="314">
        <v>0</v>
      </c>
      <c r="DL8" s="315">
        <v>0</v>
      </c>
      <c r="DM8" s="315">
        <v>0</v>
      </c>
      <c r="DN8" s="315">
        <v>0</v>
      </c>
      <c r="DO8" s="315">
        <v>0</v>
      </c>
      <c r="DP8" s="315">
        <v>0</v>
      </c>
      <c r="DQ8" s="312">
        <v>0</v>
      </c>
      <c r="DR8" s="317">
        <v>0</v>
      </c>
      <c r="DS8" s="311">
        <v>95</v>
      </c>
      <c r="DT8" s="315">
        <v>157</v>
      </c>
      <c r="DU8" s="312">
        <v>252</v>
      </c>
      <c r="DV8" s="314">
        <v>0</v>
      </c>
      <c r="DW8" s="315">
        <v>330</v>
      </c>
      <c r="DX8" s="315">
        <v>397</v>
      </c>
      <c r="DY8" s="315">
        <v>259</v>
      </c>
      <c r="DZ8" s="315">
        <v>233</v>
      </c>
      <c r="EA8" s="315">
        <v>123</v>
      </c>
      <c r="EB8" s="312">
        <v>1342</v>
      </c>
      <c r="EC8" s="317">
        <v>1594</v>
      </c>
      <c r="ED8" s="311">
        <v>31</v>
      </c>
      <c r="EE8" s="315">
        <v>22</v>
      </c>
      <c r="EF8" s="312">
        <v>53</v>
      </c>
      <c r="EG8" s="314">
        <v>0</v>
      </c>
      <c r="EH8" s="315">
        <v>100</v>
      </c>
      <c r="EI8" s="315">
        <v>89</v>
      </c>
      <c r="EJ8" s="315">
        <v>80</v>
      </c>
      <c r="EK8" s="315">
        <v>109</v>
      </c>
      <c r="EL8" s="315">
        <v>78</v>
      </c>
      <c r="EM8" s="312">
        <v>456</v>
      </c>
      <c r="EN8" s="317">
        <v>509</v>
      </c>
      <c r="EO8" s="311">
        <v>120</v>
      </c>
      <c r="EP8" s="315">
        <v>197</v>
      </c>
      <c r="EQ8" s="312">
        <v>317</v>
      </c>
      <c r="ER8" s="314">
        <v>0</v>
      </c>
      <c r="ES8" s="315">
        <v>685</v>
      </c>
      <c r="ET8" s="315">
        <v>526</v>
      </c>
      <c r="EU8" s="315">
        <v>293</v>
      </c>
      <c r="EV8" s="315">
        <v>241</v>
      </c>
      <c r="EW8" s="315">
        <v>133</v>
      </c>
      <c r="EX8" s="312">
        <v>1878</v>
      </c>
      <c r="EY8" s="317">
        <v>2195</v>
      </c>
    </row>
    <row r="9" spans="1:155" ht="19.5" customHeight="1" x14ac:dyDescent="0.2">
      <c r="A9" s="296" t="s">
        <v>14</v>
      </c>
      <c r="B9" s="311">
        <v>0</v>
      </c>
      <c r="C9" s="315">
        <v>0</v>
      </c>
      <c r="D9" s="437">
        <v>0</v>
      </c>
      <c r="E9" s="314">
        <v>0</v>
      </c>
      <c r="F9" s="315">
        <v>52</v>
      </c>
      <c r="G9" s="315">
        <v>50</v>
      </c>
      <c r="H9" s="315">
        <v>44</v>
      </c>
      <c r="I9" s="315">
        <v>36</v>
      </c>
      <c r="J9" s="315">
        <v>25</v>
      </c>
      <c r="K9" s="316">
        <v>207</v>
      </c>
      <c r="L9" s="317">
        <v>207</v>
      </c>
      <c r="M9" s="311">
        <v>0</v>
      </c>
      <c r="N9" s="315">
        <v>0</v>
      </c>
      <c r="O9" s="312">
        <v>0</v>
      </c>
      <c r="P9" s="314">
        <v>0</v>
      </c>
      <c r="Q9" s="315">
        <v>0</v>
      </c>
      <c r="R9" s="315">
        <v>4</v>
      </c>
      <c r="S9" s="315">
        <v>2</v>
      </c>
      <c r="T9" s="315">
        <v>12</v>
      </c>
      <c r="U9" s="315">
        <v>16</v>
      </c>
      <c r="V9" s="312">
        <v>34</v>
      </c>
      <c r="W9" s="317">
        <v>34</v>
      </c>
      <c r="X9" s="311">
        <v>6</v>
      </c>
      <c r="Y9" s="315">
        <v>19</v>
      </c>
      <c r="Z9" s="312">
        <v>25</v>
      </c>
      <c r="AA9" s="314">
        <v>0</v>
      </c>
      <c r="AB9" s="315">
        <v>31</v>
      </c>
      <c r="AC9" s="315">
        <v>52</v>
      </c>
      <c r="AD9" s="315">
        <v>37</v>
      </c>
      <c r="AE9" s="315">
        <v>40</v>
      </c>
      <c r="AF9" s="315">
        <v>27</v>
      </c>
      <c r="AG9" s="312">
        <v>187</v>
      </c>
      <c r="AH9" s="317">
        <v>212</v>
      </c>
      <c r="AI9" s="311">
        <v>0</v>
      </c>
      <c r="AJ9" s="315">
        <v>2</v>
      </c>
      <c r="AK9" s="312">
        <v>2</v>
      </c>
      <c r="AL9" s="314">
        <v>0</v>
      </c>
      <c r="AM9" s="315">
        <v>1</v>
      </c>
      <c r="AN9" s="315">
        <v>3</v>
      </c>
      <c r="AO9" s="315">
        <v>5</v>
      </c>
      <c r="AP9" s="315">
        <v>3</v>
      </c>
      <c r="AQ9" s="315">
        <v>1</v>
      </c>
      <c r="AR9" s="312">
        <v>13</v>
      </c>
      <c r="AS9" s="317">
        <v>15</v>
      </c>
      <c r="AT9" s="311">
        <v>12</v>
      </c>
      <c r="AU9" s="315">
        <v>22</v>
      </c>
      <c r="AV9" s="312">
        <v>34</v>
      </c>
      <c r="AW9" s="314">
        <v>0</v>
      </c>
      <c r="AX9" s="315">
        <v>71</v>
      </c>
      <c r="AY9" s="315">
        <v>71</v>
      </c>
      <c r="AZ9" s="315">
        <v>74</v>
      </c>
      <c r="BA9" s="315">
        <v>83</v>
      </c>
      <c r="BB9" s="315">
        <v>51</v>
      </c>
      <c r="BC9" s="316">
        <v>350</v>
      </c>
      <c r="BD9" s="317">
        <v>384</v>
      </c>
      <c r="BE9" s="311">
        <v>0</v>
      </c>
      <c r="BF9" s="315">
        <v>0</v>
      </c>
      <c r="BG9" s="312">
        <v>0</v>
      </c>
      <c r="BH9" s="314">
        <v>0</v>
      </c>
      <c r="BI9" s="315">
        <v>83</v>
      </c>
      <c r="BJ9" s="315">
        <v>60</v>
      </c>
      <c r="BK9" s="315">
        <v>50</v>
      </c>
      <c r="BL9" s="315">
        <v>28</v>
      </c>
      <c r="BM9" s="315">
        <v>15</v>
      </c>
      <c r="BN9" s="312">
        <v>236</v>
      </c>
      <c r="BO9" s="317">
        <v>236</v>
      </c>
      <c r="BP9" s="311">
        <v>2</v>
      </c>
      <c r="BQ9" s="315">
        <v>2</v>
      </c>
      <c r="BR9" s="312">
        <v>4</v>
      </c>
      <c r="BS9" s="314">
        <v>0</v>
      </c>
      <c r="BT9" s="315">
        <v>9</v>
      </c>
      <c r="BU9" s="315">
        <v>18</v>
      </c>
      <c r="BV9" s="315">
        <v>8</v>
      </c>
      <c r="BW9" s="315">
        <v>10</v>
      </c>
      <c r="BX9" s="315">
        <v>2</v>
      </c>
      <c r="BY9" s="312">
        <v>47</v>
      </c>
      <c r="BZ9" s="317">
        <v>51</v>
      </c>
      <c r="CA9" s="311">
        <v>0</v>
      </c>
      <c r="CB9" s="315">
        <v>0</v>
      </c>
      <c r="CC9" s="312">
        <v>0</v>
      </c>
      <c r="CD9" s="314">
        <v>0</v>
      </c>
      <c r="CE9" s="315">
        <v>10</v>
      </c>
      <c r="CF9" s="315">
        <v>9</v>
      </c>
      <c r="CG9" s="315">
        <v>13</v>
      </c>
      <c r="CH9" s="315">
        <v>14</v>
      </c>
      <c r="CI9" s="315">
        <v>8</v>
      </c>
      <c r="CJ9" s="312">
        <v>54</v>
      </c>
      <c r="CK9" s="317">
        <v>54</v>
      </c>
      <c r="CL9" s="311">
        <v>0</v>
      </c>
      <c r="CM9" s="315">
        <v>0</v>
      </c>
      <c r="CN9" s="312">
        <v>0</v>
      </c>
      <c r="CO9" s="314">
        <v>0</v>
      </c>
      <c r="CP9" s="315">
        <v>0</v>
      </c>
      <c r="CQ9" s="315">
        <v>0</v>
      </c>
      <c r="CR9" s="315">
        <v>0</v>
      </c>
      <c r="CS9" s="315">
        <v>0</v>
      </c>
      <c r="CT9" s="315">
        <v>1</v>
      </c>
      <c r="CU9" s="312">
        <v>1</v>
      </c>
      <c r="CV9" s="317">
        <v>1</v>
      </c>
      <c r="CW9" s="311">
        <v>0</v>
      </c>
      <c r="CX9" s="315">
        <v>0</v>
      </c>
      <c r="CY9" s="312">
        <v>0</v>
      </c>
      <c r="CZ9" s="314">
        <v>0</v>
      </c>
      <c r="DA9" s="315">
        <v>0</v>
      </c>
      <c r="DB9" s="315">
        <v>0</v>
      </c>
      <c r="DC9" s="315">
        <v>0</v>
      </c>
      <c r="DD9" s="315">
        <v>0</v>
      </c>
      <c r="DE9" s="315">
        <v>0</v>
      </c>
      <c r="DF9" s="312">
        <v>0</v>
      </c>
      <c r="DG9" s="317">
        <v>0</v>
      </c>
      <c r="DH9" s="311">
        <v>0</v>
      </c>
      <c r="DI9" s="315">
        <v>0</v>
      </c>
      <c r="DJ9" s="312">
        <v>0</v>
      </c>
      <c r="DK9" s="314">
        <v>0</v>
      </c>
      <c r="DL9" s="315">
        <v>0</v>
      </c>
      <c r="DM9" s="315">
        <v>0</v>
      </c>
      <c r="DN9" s="315">
        <v>0</v>
      </c>
      <c r="DO9" s="315">
        <v>0</v>
      </c>
      <c r="DP9" s="315">
        <v>0</v>
      </c>
      <c r="DQ9" s="312">
        <v>0</v>
      </c>
      <c r="DR9" s="317">
        <v>0</v>
      </c>
      <c r="DS9" s="311">
        <v>28</v>
      </c>
      <c r="DT9" s="315">
        <v>75</v>
      </c>
      <c r="DU9" s="312">
        <v>103</v>
      </c>
      <c r="DV9" s="314">
        <v>0</v>
      </c>
      <c r="DW9" s="315">
        <v>78</v>
      </c>
      <c r="DX9" s="315">
        <v>141</v>
      </c>
      <c r="DY9" s="315">
        <v>105</v>
      </c>
      <c r="DZ9" s="315">
        <v>90</v>
      </c>
      <c r="EA9" s="315">
        <v>53</v>
      </c>
      <c r="EB9" s="312">
        <v>467</v>
      </c>
      <c r="EC9" s="317">
        <v>570</v>
      </c>
      <c r="ED9" s="311">
        <v>10</v>
      </c>
      <c r="EE9" s="315">
        <v>16</v>
      </c>
      <c r="EF9" s="312">
        <v>26</v>
      </c>
      <c r="EG9" s="314">
        <v>0</v>
      </c>
      <c r="EH9" s="315">
        <v>24</v>
      </c>
      <c r="EI9" s="315">
        <v>29</v>
      </c>
      <c r="EJ9" s="315">
        <v>32</v>
      </c>
      <c r="EK9" s="315">
        <v>36</v>
      </c>
      <c r="EL9" s="315">
        <v>12</v>
      </c>
      <c r="EM9" s="312">
        <v>133</v>
      </c>
      <c r="EN9" s="317">
        <v>159</v>
      </c>
      <c r="EO9" s="311">
        <v>36</v>
      </c>
      <c r="EP9" s="315">
        <v>81</v>
      </c>
      <c r="EQ9" s="312">
        <v>117</v>
      </c>
      <c r="ER9" s="314">
        <v>0</v>
      </c>
      <c r="ES9" s="315">
        <v>193</v>
      </c>
      <c r="ET9" s="315">
        <v>200</v>
      </c>
      <c r="EU9" s="315">
        <v>122</v>
      </c>
      <c r="EV9" s="315">
        <v>96</v>
      </c>
      <c r="EW9" s="315">
        <v>54</v>
      </c>
      <c r="EX9" s="312">
        <v>665</v>
      </c>
      <c r="EY9" s="317">
        <v>782</v>
      </c>
    </row>
    <row r="10" spans="1:155" ht="19.5" customHeight="1" x14ac:dyDescent="0.2">
      <c r="A10" s="296" t="s">
        <v>7</v>
      </c>
      <c r="B10" s="311">
        <v>0</v>
      </c>
      <c r="C10" s="315">
        <v>0</v>
      </c>
      <c r="D10" s="437">
        <v>0</v>
      </c>
      <c r="E10" s="314">
        <v>0</v>
      </c>
      <c r="F10" s="315">
        <v>58</v>
      </c>
      <c r="G10" s="315">
        <v>36</v>
      </c>
      <c r="H10" s="315">
        <v>20</v>
      </c>
      <c r="I10" s="315">
        <v>12</v>
      </c>
      <c r="J10" s="315">
        <v>12</v>
      </c>
      <c r="K10" s="316">
        <v>138</v>
      </c>
      <c r="L10" s="317">
        <v>138</v>
      </c>
      <c r="M10" s="311">
        <v>0</v>
      </c>
      <c r="N10" s="315">
        <v>0</v>
      </c>
      <c r="O10" s="312">
        <v>0</v>
      </c>
      <c r="P10" s="314">
        <v>0</v>
      </c>
      <c r="Q10" s="315">
        <v>3</v>
      </c>
      <c r="R10" s="315">
        <v>2</v>
      </c>
      <c r="S10" s="315">
        <v>1</v>
      </c>
      <c r="T10" s="315">
        <v>2</v>
      </c>
      <c r="U10" s="315">
        <v>7</v>
      </c>
      <c r="V10" s="312">
        <v>15</v>
      </c>
      <c r="W10" s="317">
        <v>15</v>
      </c>
      <c r="X10" s="311">
        <v>0</v>
      </c>
      <c r="Y10" s="315">
        <v>4</v>
      </c>
      <c r="Z10" s="312">
        <v>4</v>
      </c>
      <c r="AA10" s="314">
        <v>0</v>
      </c>
      <c r="AB10" s="315">
        <v>27</v>
      </c>
      <c r="AC10" s="315">
        <v>30</v>
      </c>
      <c r="AD10" s="315">
        <v>11</v>
      </c>
      <c r="AE10" s="315">
        <v>9</v>
      </c>
      <c r="AF10" s="315">
        <v>12</v>
      </c>
      <c r="AG10" s="312">
        <v>89</v>
      </c>
      <c r="AH10" s="317">
        <v>93</v>
      </c>
      <c r="AI10" s="311">
        <v>0</v>
      </c>
      <c r="AJ10" s="315">
        <v>0</v>
      </c>
      <c r="AK10" s="312">
        <v>0</v>
      </c>
      <c r="AL10" s="314">
        <v>0</v>
      </c>
      <c r="AM10" s="315">
        <v>3</v>
      </c>
      <c r="AN10" s="315">
        <v>5</v>
      </c>
      <c r="AO10" s="315">
        <v>1</v>
      </c>
      <c r="AP10" s="315">
        <v>2</v>
      </c>
      <c r="AQ10" s="315">
        <v>1</v>
      </c>
      <c r="AR10" s="312">
        <v>12</v>
      </c>
      <c r="AS10" s="317">
        <v>12</v>
      </c>
      <c r="AT10" s="311">
        <v>12</v>
      </c>
      <c r="AU10" s="315">
        <v>5</v>
      </c>
      <c r="AV10" s="312">
        <v>17</v>
      </c>
      <c r="AW10" s="314">
        <v>0</v>
      </c>
      <c r="AX10" s="315">
        <v>54</v>
      </c>
      <c r="AY10" s="315">
        <v>55</v>
      </c>
      <c r="AZ10" s="315">
        <v>30</v>
      </c>
      <c r="BA10" s="315">
        <v>35</v>
      </c>
      <c r="BB10" s="315">
        <v>25</v>
      </c>
      <c r="BC10" s="316">
        <v>199</v>
      </c>
      <c r="BD10" s="317">
        <v>216</v>
      </c>
      <c r="BE10" s="311">
        <v>0</v>
      </c>
      <c r="BF10" s="315">
        <v>0</v>
      </c>
      <c r="BG10" s="312">
        <v>0</v>
      </c>
      <c r="BH10" s="314">
        <v>0</v>
      </c>
      <c r="BI10" s="315">
        <v>63</v>
      </c>
      <c r="BJ10" s="315">
        <v>41</v>
      </c>
      <c r="BK10" s="315">
        <v>10</v>
      </c>
      <c r="BL10" s="315">
        <v>6</v>
      </c>
      <c r="BM10" s="315">
        <v>4</v>
      </c>
      <c r="BN10" s="312">
        <v>124</v>
      </c>
      <c r="BO10" s="317">
        <v>124</v>
      </c>
      <c r="BP10" s="311">
        <v>2</v>
      </c>
      <c r="BQ10" s="315">
        <v>3</v>
      </c>
      <c r="BR10" s="312">
        <v>5</v>
      </c>
      <c r="BS10" s="314">
        <v>0</v>
      </c>
      <c r="BT10" s="315">
        <v>15</v>
      </c>
      <c r="BU10" s="315">
        <v>14</v>
      </c>
      <c r="BV10" s="315">
        <v>8</v>
      </c>
      <c r="BW10" s="315">
        <v>2</v>
      </c>
      <c r="BX10" s="315">
        <v>2</v>
      </c>
      <c r="BY10" s="312">
        <v>41</v>
      </c>
      <c r="BZ10" s="317">
        <v>46</v>
      </c>
      <c r="CA10" s="311">
        <v>0</v>
      </c>
      <c r="CB10" s="315">
        <v>0</v>
      </c>
      <c r="CC10" s="312">
        <v>0</v>
      </c>
      <c r="CD10" s="314">
        <v>0</v>
      </c>
      <c r="CE10" s="315">
        <v>5</v>
      </c>
      <c r="CF10" s="315">
        <v>3</v>
      </c>
      <c r="CG10" s="315">
        <v>11</v>
      </c>
      <c r="CH10" s="315">
        <v>3</v>
      </c>
      <c r="CI10" s="315">
        <v>3</v>
      </c>
      <c r="CJ10" s="312">
        <v>25</v>
      </c>
      <c r="CK10" s="317">
        <v>25</v>
      </c>
      <c r="CL10" s="311">
        <v>0</v>
      </c>
      <c r="CM10" s="315">
        <v>0</v>
      </c>
      <c r="CN10" s="312">
        <v>0</v>
      </c>
      <c r="CO10" s="314">
        <v>0</v>
      </c>
      <c r="CP10" s="315">
        <v>1</v>
      </c>
      <c r="CQ10" s="315">
        <v>1</v>
      </c>
      <c r="CR10" s="315">
        <v>0</v>
      </c>
      <c r="CS10" s="315">
        <v>0</v>
      </c>
      <c r="CT10" s="315">
        <v>1</v>
      </c>
      <c r="CU10" s="312">
        <v>3</v>
      </c>
      <c r="CV10" s="317">
        <v>3</v>
      </c>
      <c r="CW10" s="311">
        <v>0</v>
      </c>
      <c r="CX10" s="315">
        <v>0</v>
      </c>
      <c r="CY10" s="312">
        <v>0</v>
      </c>
      <c r="CZ10" s="314">
        <v>0</v>
      </c>
      <c r="DA10" s="315">
        <v>0</v>
      </c>
      <c r="DB10" s="315">
        <v>0</v>
      </c>
      <c r="DC10" s="315">
        <v>0</v>
      </c>
      <c r="DD10" s="315">
        <v>0</v>
      </c>
      <c r="DE10" s="315">
        <v>0</v>
      </c>
      <c r="DF10" s="312">
        <v>0</v>
      </c>
      <c r="DG10" s="317">
        <v>0</v>
      </c>
      <c r="DH10" s="311">
        <v>0</v>
      </c>
      <c r="DI10" s="315">
        <v>0</v>
      </c>
      <c r="DJ10" s="312">
        <v>0</v>
      </c>
      <c r="DK10" s="314">
        <v>0</v>
      </c>
      <c r="DL10" s="315">
        <v>0</v>
      </c>
      <c r="DM10" s="315">
        <v>0</v>
      </c>
      <c r="DN10" s="315">
        <v>0</v>
      </c>
      <c r="DO10" s="315">
        <v>0</v>
      </c>
      <c r="DP10" s="315">
        <v>0</v>
      </c>
      <c r="DQ10" s="312">
        <v>0</v>
      </c>
      <c r="DR10" s="317">
        <v>0</v>
      </c>
      <c r="DS10" s="311">
        <v>16</v>
      </c>
      <c r="DT10" s="315">
        <v>22</v>
      </c>
      <c r="DU10" s="312">
        <v>38</v>
      </c>
      <c r="DV10" s="314">
        <v>0</v>
      </c>
      <c r="DW10" s="315">
        <v>79</v>
      </c>
      <c r="DX10" s="315">
        <v>97</v>
      </c>
      <c r="DY10" s="315">
        <v>52</v>
      </c>
      <c r="DZ10" s="315">
        <v>27</v>
      </c>
      <c r="EA10" s="315">
        <v>23</v>
      </c>
      <c r="EB10" s="312">
        <v>278</v>
      </c>
      <c r="EC10" s="317">
        <v>316</v>
      </c>
      <c r="ED10" s="311">
        <v>10</v>
      </c>
      <c r="EE10" s="315">
        <v>5</v>
      </c>
      <c r="EF10" s="312">
        <v>15</v>
      </c>
      <c r="EG10" s="314">
        <v>0</v>
      </c>
      <c r="EH10" s="315">
        <v>25</v>
      </c>
      <c r="EI10" s="315">
        <v>27</v>
      </c>
      <c r="EJ10" s="315">
        <v>19</v>
      </c>
      <c r="EK10" s="315">
        <v>23</v>
      </c>
      <c r="EL10" s="315">
        <v>9</v>
      </c>
      <c r="EM10" s="312">
        <v>103</v>
      </c>
      <c r="EN10" s="317">
        <v>118</v>
      </c>
      <c r="EO10" s="311">
        <v>17</v>
      </c>
      <c r="EP10" s="315">
        <v>26</v>
      </c>
      <c r="EQ10" s="312">
        <v>43</v>
      </c>
      <c r="ER10" s="314">
        <v>0</v>
      </c>
      <c r="ES10" s="315">
        <v>163</v>
      </c>
      <c r="ET10" s="315">
        <v>132</v>
      </c>
      <c r="EU10" s="315">
        <v>60</v>
      </c>
      <c r="EV10" s="315">
        <v>29</v>
      </c>
      <c r="EW10" s="315">
        <v>22</v>
      </c>
      <c r="EX10" s="312">
        <v>406</v>
      </c>
      <c r="EY10" s="317">
        <v>449</v>
      </c>
    </row>
    <row r="11" spans="1:155" ht="19.5" customHeight="1" x14ac:dyDescent="0.2">
      <c r="A11" s="296" t="s">
        <v>8</v>
      </c>
      <c r="B11" s="311">
        <v>0</v>
      </c>
      <c r="C11" s="315">
        <v>0</v>
      </c>
      <c r="D11" s="437">
        <v>0</v>
      </c>
      <c r="E11" s="314">
        <v>0</v>
      </c>
      <c r="F11" s="315">
        <v>20</v>
      </c>
      <c r="G11" s="315">
        <v>27</v>
      </c>
      <c r="H11" s="315">
        <v>9</v>
      </c>
      <c r="I11" s="315">
        <v>11</v>
      </c>
      <c r="J11" s="315">
        <v>6</v>
      </c>
      <c r="K11" s="316">
        <v>73</v>
      </c>
      <c r="L11" s="317">
        <v>73</v>
      </c>
      <c r="M11" s="311">
        <v>0</v>
      </c>
      <c r="N11" s="315">
        <v>0</v>
      </c>
      <c r="O11" s="312">
        <v>0</v>
      </c>
      <c r="P11" s="314">
        <v>0</v>
      </c>
      <c r="Q11" s="315">
        <v>0</v>
      </c>
      <c r="R11" s="315">
        <v>2</v>
      </c>
      <c r="S11" s="315">
        <v>0</v>
      </c>
      <c r="T11" s="315">
        <v>6</v>
      </c>
      <c r="U11" s="315">
        <v>3</v>
      </c>
      <c r="V11" s="312">
        <v>11</v>
      </c>
      <c r="W11" s="317">
        <v>11</v>
      </c>
      <c r="X11" s="311">
        <v>2</v>
      </c>
      <c r="Y11" s="315">
        <v>1</v>
      </c>
      <c r="Z11" s="312">
        <v>3</v>
      </c>
      <c r="AA11" s="314">
        <v>0</v>
      </c>
      <c r="AB11" s="315">
        <v>10</v>
      </c>
      <c r="AC11" s="315">
        <v>11</v>
      </c>
      <c r="AD11" s="315">
        <v>5</v>
      </c>
      <c r="AE11" s="315">
        <v>13</v>
      </c>
      <c r="AF11" s="315">
        <v>4</v>
      </c>
      <c r="AG11" s="312">
        <v>43</v>
      </c>
      <c r="AH11" s="317">
        <v>46</v>
      </c>
      <c r="AI11" s="311">
        <v>0</v>
      </c>
      <c r="AJ11" s="315">
        <v>2</v>
      </c>
      <c r="AK11" s="312">
        <v>2</v>
      </c>
      <c r="AL11" s="314">
        <v>0</v>
      </c>
      <c r="AM11" s="315">
        <v>0</v>
      </c>
      <c r="AN11" s="315">
        <v>3</v>
      </c>
      <c r="AO11" s="315">
        <v>6</v>
      </c>
      <c r="AP11" s="315">
        <v>2</v>
      </c>
      <c r="AQ11" s="315">
        <v>2</v>
      </c>
      <c r="AR11" s="312">
        <v>13</v>
      </c>
      <c r="AS11" s="317">
        <v>15</v>
      </c>
      <c r="AT11" s="311">
        <v>6</v>
      </c>
      <c r="AU11" s="315">
        <v>2</v>
      </c>
      <c r="AV11" s="312">
        <v>8</v>
      </c>
      <c r="AW11" s="314">
        <v>0</v>
      </c>
      <c r="AX11" s="315">
        <v>12</v>
      </c>
      <c r="AY11" s="315">
        <v>27</v>
      </c>
      <c r="AZ11" s="315">
        <v>18</v>
      </c>
      <c r="BA11" s="315">
        <v>25</v>
      </c>
      <c r="BB11" s="315">
        <v>15</v>
      </c>
      <c r="BC11" s="316">
        <v>97</v>
      </c>
      <c r="BD11" s="317">
        <v>105</v>
      </c>
      <c r="BE11" s="311">
        <v>0</v>
      </c>
      <c r="BF11" s="315">
        <v>0</v>
      </c>
      <c r="BG11" s="312">
        <v>0</v>
      </c>
      <c r="BH11" s="314">
        <v>0</v>
      </c>
      <c r="BI11" s="315">
        <v>23</v>
      </c>
      <c r="BJ11" s="315">
        <v>31</v>
      </c>
      <c r="BK11" s="315">
        <v>3</v>
      </c>
      <c r="BL11" s="315">
        <v>10</v>
      </c>
      <c r="BM11" s="315">
        <v>3</v>
      </c>
      <c r="BN11" s="312">
        <v>70</v>
      </c>
      <c r="BO11" s="317">
        <v>70</v>
      </c>
      <c r="BP11" s="311">
        <v>2</v>
      </c>
      <c r="BQ11" s="315">
        <v>4</v>
      </c>
      <c r="BR11" s="312">
        <v>6</v>
      </c>
      <c r="BS11" s="314">
        <v>0</v>
      </c>
      <c r="BT11" s="315">
        <v>13</v>
      </c>
      <c r="BU11" s="315">
        <v>8</v>
      </c>
      <c r="BV11" s="315">
        <v>4</v>
      </c>
      <c r="BW11" s="315">
        <v>5</v>
      </c>
      <c r="BX11" s="315">
        <v>1</v>
      </c>
      <c r="BY11" s="312">
        <v>31</v>
      </c>
      <c r="BZ11" s="317">
        <v>37</v>
      </c>
      <c r="CA11" s="311">
        <v>0</v>
      </c>
      <c r="CB11" s="315">
        <v>0</v>
      </c>
      <c r="CC11" s="312">
        <v>0</v>
      </c>
      <c r="CD11" s="314">
        <v>0</v>
      </c>
      <c r="CE11" s="315">
        <v>4</v>
      </c>
      <c r="CF11" s="315">
        <v>6</v>
      </c>
      <c r="CG11" s="315">
        <v>3</v>
      </c>
      <c r="CH11" s="315">
        <v>3</v>
      </c>
      <c r="CI11" s="315">
        <v>2</v>
      </c>
      <c r="CJ11" s="312">
        <v>18</v>
      </c>
      <c r="CK11" s="317">
        <v>18</v>
      </c>
      <c r="CL11" s="311">
        <v>0</v>
      </c>
      <c r="CM11" s="315">
        <v>0</v>
      </c>
      <c r="CN11" s="312">
        <v>0</v>
      </c>
      <c r="CO11" s="314">
        <v>0</v>
      </c>
      <c r="CP11" s="315">
        <v>0</v>
      </c>
      <c r="CQ11" s="315">
        <v>0</v>
      </c>
      <c r="CR11" s="315">
        <v>0</v>
      </c>
      <c r="CS11" s="315">
        <v>0</v>
      </c>
      <c r="CT11" s="315">
        <v>0</v>
      </c>
      <c r="CU11" s="312">
        <v>0</v>
      </c>
      <c r="CV11" s="317">
        <v>0</v>
      </c>
      <c r="CW11" s="311">
        <v>0</v>
      </c>
      <c r="CX11" s="315">
        <v>0</v>
      </c>
      <c r="CY11" s="312">
        <v>0</v>
      </c>
      <c r="CZ11" s="314">
        <v>0</v>
      </c>
      <c r="DA11" s="315">
        <v>0</v>
      </c>
      <c r="DB11" s="315">
        <v>0</v>
      </c>
      <c r="DC11" s="315">
        <v>0</v>
      </c>
      <c r="DD11" s="315">
        <v>0</v>
      </c>
      <c r="DE11" s="315">
        <v>0</v>
      </c>
      <c r="DF11" s="312">
        <v>0</v>
      </c>
      <c r="DG11" s="317">
        <v>0</v>
      </c>
      <c r="DH11" s="311">
        <v>0</v>
      </c>
      <c r="DI11" s="315">
        <v>0</v>
      </c>
      <c r="DJ11" s="312">
        <v>0</v>
      </c>
      <c r="DK11" s="314">
        <v>0</v>
      </c>
      <c r="DL11" s="315">
        <v>0</v>
      </c>
      <c r="DM11" s="315">
        <v>0</v>
      </c>
      <c r="DN11" s="315">
        <v>0</v>
      </c>
      <c r="DO11" s="315">
        <v>0</v>
      </c>
      <c r="DP11" s="315">
        <v>0</v>
      </c>
      <c r="DQ11" s="312">
        <v>0</v>
      </c>
      <c r="DR11" s="317">
        <v>0</v>
      </c>
      <c r="DS11" s="311">
        <v>9</v>
      </c>
      <c r="DT11" s="315">
        <v>17</v>
      </c>
      <c r="DU11" s="312">
        <v>26</v>
      </c>
      <c r="DV11" s="314">
        <v>0</v>
      </c>
      <c r="DW11" s="315">
        <v>49</v>
      </c>
      <c r="DX11" s="315">
        <v>61</v>
      </c>
      <c r="DY11" s="315">
        <v>25</v>
      </c>
      <c r="DZ11" s="315">
        <v>28</v>
      </c>
      <c r="EA11" s="315">
        <v>9</v>
      </c>
      <c r="EB11" s="312">
        <v>172</v>
      </c>
      <c r="EC11" s="317">
        <v>198</v>
      </c>
      <c r="ED11" s="311">
        <v>5</v>
      </c>
      <c r="EE11" s="315">
        <v>0</v>
      </c>
      <c r="EF11" s="312">
        <v>5</v>
      </c>
      <c r="EG11" s="314">
        <v>0</v>
      </c>
      <c r="EH11" s="315">
        <v>10</v>
      </c>
      <c r="EI11" s="315">
        <v>12</v>
      </c>
      <c r="EJ11" s="315">
        <v>11</v>
      </c>
      <c r="EK11" s="315">
        <v>7</v>
      </c>
      <c r="EL11" s="315">
        <v>9</v>
      </c>
      <c r="EM11" s="312">
        <v>49</v>
      </c>
      <c r="EN11" s="317">
        <v>54</v>
      </c>
      <c r="EO11" s="311">
        <v>12</v>
      </c>
      <c r="EP11" s="315">
        <v>20</v>
      </c>
      <c r="EQ11" s="312">
        <v>32</v>
      </c>
      <c r="ER11" s="314">
        <v>0</v>
      </c>
      <c r="ES11" s="315">
        <v>92</v>
      </c>
      <c r="ET11" s="315">
        <v>86</v>
      </c>
      <c r="EU11" s="315">
        <v>26</v>
      </c>
      <c r="EV11" s="315">
        <v>29</v>
      </c>
      <c r="EW11" s="315">
        <v>9</v>
      </c>
      <c r="EX11" s="312">
        <v>242</v>
      </c>
      <c r="EY11" s="317">
        <v>274</v>
      </c>
    </row>
    <row r="12" spans="1:155" ht="19.5" customHeight="1" x14ac:dyDescent="0.2">
      <c r="A12" s="296" t="s">
        <v>9</v>
      </c>
      <c r="B12" s="311">
        <v>0</v>
      </c>
      <c r="C12" s="315">
        <v>0</v>
      </c>
      <c r="D12" s="437">
        <v>0</v>
      </c>
      <c r="E12" s="314">
        <v>0</v>
      </c>
      <c r="F12" s="315">
        <v>77</v>
      </c>
      <c r="G12" s="315">
        <v>47</v>
      </c>
      <c r="H12" s="315">
        <v>38</v>
      </c>
      <c r="I12" s="315">
        <v>38</v>
      </c>
      <c r="J12" s="315">
        <v>32</v>
      </c>
      <c r="K12" s="316">
        <v>232</v>
      </c>
      <c r="L12" s="317">
        <v>232</v>
      </c>
      <c r="M12" s="311">
        <v>0</v>
      </c>
      <c r="N12" s="315">
        <v>0</v>
      </c>
      <c r="O12" s="312">
        <v>0</v>
      </c>
      <c r="P12" s="314">
        <v>0</v>
      </c>
      <c r="Q12" s="315">
        <v>3</v>
      </c>
      <c r="R12" s="315">
        <v>1</v>
      </c>
      <c r="S12" s="315">
        <v>3</v>
      </c>
      <c r="T12" s="315">
        <v>4</v>
      </c>
      <c r="U12" s="315">
        <v>14</v>
      </c>
      <c r="V12" s="312">
        <v>25</v>
      </c>
      <c r="W12" s="317">
        <v>25</v>
      </c>
      <c r="X12" s="311">
        <v>4</v>
      </c>
      <c r="Y12" s="315">
        <v>9</v>
      </c>
      <c r="Z12" s="312">
        <v>13</v>
      </c>
      <c r="AA12" s="314">
        <v>0</v>
      </c>
      <c r="AB12" s="315">
        <v>50</v>
      </c>
      <c r="AC12" s="315">
        <v>29</v>
      </c>
      <c r="AD12" s="315">
        <v>26</v>
      </c>
      <c r="AE12" s="315">
        <v>32</v>
      </c>
      <c r="AF12" s="315">
        <v>17</v>
      </c>
      <c r="AG12" s="312">
        <v>154</v>
      </c>
      <c r="AH12" s="317">
        <v>167</v>
      </c>
      <c r="AI12" s="311">
        <v>0</v>
      </c>
      <c r="AJ12" s="315">
        <v>0</v>
      </c>
      <c r="AK12" s="312">
        <v>0</v>
      </c>
      <c r="AL12" s="314">
        <v>0</v>
      </c>
      <c r="AM12" s="315">
        <v>11</v>
      </c>
      <c r="AN12" s="315">
        <v>10</v>
      </c>
      <c r="AO12" s="315">
        <v>6</v>
      </c>
      <c r="AP12" s="315">
        <v>8</v>
      </c>
      <c r="AQ12" s="315">
        <v>5</v>
      </c>
      <c r="AR12" s="312">
        <v>40</v>
      </c>
      <c r="AS12" s="317">
        <v>40</v>
      </c>
      <c r="AT12" s="311">
        <v>16</v>
      </c>
      <c r="AU12" s="315">
        <v>7</v>
      </c>
      <c r="AV12" s="312">
        <v>23</v>
      </c>
      <c r="AW12" s="314">
        <v>0</v>
      </c>
      <c r="AX12" s="315">
        <v>49</v>
      </c>
      <c r="AY12" s="315">
        <v>65</v>
      </c>
      <c r="AZ12" s="315">
        <v>61</v>
      </c>
      <c r="BA12" s="315">
        <v>66</v>
      </c>
      <c r="BB12" s="315">
        <v>52</v>
      </c>
      <c r="BC12" s="316">
        <v>293</v>
      </c>
      <c r="BD12" s="317">
        <v>316</v>
      </c>
      <c r="BE12" s="311">
        <v>0</v>
      </c>
      <c r="BF12" s="315">
        <v>0</v>
      </c>
      <c r="BG12" s="312">
        <v>0</v>
      </c>
      <c r="BH12" s="314">
        <v>0</v>
      </c>
      <c r="BI12" s="315">
        <v>50</v>
      </c>
      <c r="BJ12" s="315">
        <v>45</v>
      </c>
      <c r="BK12" s="315">
        <v>23</v>
      </c>
      <c r="BL12" s="315">
        <v>11</v>
      </c>
      <c r="BM12" s="315">
        <v>5</v>
      </c>
      <c r="BN12" s="312">
        <v>134</v>
      </c>
      <c r="BO12" s="317">
        <v>134</v>
      </c>
      <c r="BP12" s="311">
        <v>4</v>
      </c>
      <c r="BQ12" s="315">
        <v>7</v>
      </c>
      <c r="BR12" s="312">
        <v>11</v>
      </c>
      <c r="BS12" s="314">
        <v>0</v>
      </c>
      <c r="BT12" s="315">
        <v>10</v>
      </c>
      <c r="BU12" s="315">
        <v>13</v>
      </c>
      <c r="BV12" s="315">
        <v>6</v>
      </c>
      <c r="BW12" s="315">
        <v>8</v>
      </c>
      <c r="BX12" s="315">
        <v>1</v>
      </c>
      <c r="BY12" s="312">
        <v>38</v>
      </c>
      <c r="BZ12" s="317">
        <v>49</v>
      </c>
      <c r="CA12" s="311">
        <v>0</v>
      </c>
      <c r="CB12" s="315">
        <v>0</v>
      </c>
      <c r="CC12" s="312">
        <v>0</v>
      </c>
      <c r="CD12" s="314">
        <v>0</v>
      </c>
      <c r="CE12" s="315">
        <v>2</v>
      </c>
      <c r="CF12" s="315">
        <v>13</v>
      </c>
      <c r="CG12" s="315">
        <v>5</v>
      </c>
      <c r="CH12" s="315">
        <v>9</v>
      </c>
      <c r="CI12" s="315">
        <v>6</v>
      </c>
      <c r="CJ12" s="312">
        <v>35</v>
      </c>
      <c r="CK12" s="317">
        <v>35</v>
      </c>
      <c r="CL12" s="311">
        <v>0</v>
      </c>
      <c r="CM12" s="315">
        <v>0</v>
      </c>
      <c r="CN12" s="312">
        <v>0</v>
      </c>
      <c r="CO12" s="314">
        <v>0</v>
      </c>
      <c r="CP12" s="315">
        <v>0</v>
      </c>
      <c r="CQ12" s="315">
        <v>1</v>
      </c>
      <c r="CR12" s="315">
        <v>2</v>
      </c>
      <c r="CS12" s="315">
        <v>2</v>
      </c>
      <c r="CT12" s="315">
        <v>1</v>
      </c>
      <c r="CU12" s="312">
        <v>6</v>
      </c>
      <c r="CV12" s="317">
        <v>6</v>
      </c>
      <c r="CW12" s="311">
        <v>0</v>
      </c>
      <c r="CX12" s="315">
        <v>0</v>
      </c>
      <c r="CY12" s="312">
        <v>0</v>
      </c>
      <c r="CZ12" s="314">
        <v>0</v>
      </c>
      <c r="DA12" s="315">
        <v>0</v>
      </c>
      <c r="DB12" s="315">
        <v>0</v>
      </c>
      <c r="DC12" s="315">
        <v>0</v>
      </c>
      <c r="DD12" s="315">
        <v>0</v>
      </c>
      <c r="DE12" s="315">
        <v>0</v>
      </c>
      <c r="DF12" s="312">
        <v>0</v>
      </c>
      <c r="DG12" s="317">
        <v>0</v>
      </c>
      <c r="DH12" s="311">
        <v>0</v>
      </c>
      <c r="DI12" s="315">
        <v>0</v>
      </c>
      <c r="DJ12" s="312">
        <v>0</v>
      </c>
      <c r="DK12" s="314">
        <v>0</v>
      </c>
      <c r="DL12" s="315">
        <v>0</v>
      </c>
      <c r="DM12" s="315">
        <v>0</v>
      </c>
      <c r="DN12" s="315">
        <v>0</v>
      </c>
      <c r="DO12" s="315">
        <v>0</v>
      </c>
      <c r="DP12" s="315">
        <v>0</v>
      </c>
      <c r="DQ12" s="312">
        <v>0</v>
      </c>
      <c r="DR12" s="317">
        <v>0</v>
      </c>
      <c r="DS12" s="311">
        <v>33</v>
      </c>
      <c r="DT12" s="315">
        <v>47</v>
      </c>
      <c r="DU12" s="312">
        <v>80</v>
      </c>
      <c r="DV12" s="314">
        <v>0</v>
      </c>
      <c r="DW12" s="315">
        <v>97</v>
      </c>
      <c r="DX12" s="315">
        <v>106</v>
      </c>
      <c r="DY12" s="315">
        <v>72</v>
      </c>
      <c r="DZ12" s="315">
        <v>59</v>
      </c>
      <c r="EA12" s="315">
        <v>43</v>
      </c>
      <c r="EB12" s="312">
        <v>377</v>
      </c>
      <c r="EC12" s="317">
        <v>457</v>
      </c>
      <c r="ED12" s="311">
        <v>15</v>
      </c>
      <c r="EE12" s="315">
        <v>7</v>
      </c>
      <c r="EF12" s="312">
        <v>22</v>
      </c>
      <c r="EG12" s="314">
        <v>0</v>
      </c>
      <c r="EH12" s="315">
        <v>25</v>
      </c>
      <c r="EI12" s="315">
        <v>21</v>
      </c>
      <c r="EJ12" s="315">
        <v>19</v>
      </c>
      <c r="EK12" s="315">
        <v>26</v>
      </c>
      <c r="EL12" s="315">
        <v>17</v>
      </c>
      <c r="EM12" s="312">
        <v>108</v>
      </c>
      <c r="EN12" s="317">
        <v>130</v>
      </c>
      <c r="EO12" s="311">
        <v>38</v>
      </c>
      <c r="EP12" s="315">
        <v>52</v>
      </c>
      <c r="EQ12" s="312">
        <v>90</v>
      </c>
      <c r="ER12" s="314">
        <v>0</v>
      </c>
      <c r="ES12" s="315">
        <v>180</v>
      </c>
      <c r="ET12" s="315">
        <v>135</v>
      </c>
      <c r="EU12" s="315">
        <v>89</v>
      </c>
      <c r="EV12" s="315">
        <v>60</v>
      </c>
      <c r="EW12" s="315">
        <v>43</v>
      </c>
      <c r="EX12" s="312">
        <v>507</v>
      </c>
      <c r="EY12" s="317">
        <v>597</v>
      </c>
    </row>
    <row r="13" spans="1:155" ht="19.5" customHeight="1" x14ac:dyDescent="0.2">
      <c r="A13" s="296" t="s">
        <v>10</v>
      </c>
      <c r="B13" s="311">
        <v>0</v>
      </c>
      <c r="C13" s="315">
        <v>0</v>
      </c>
      <c r="D13" s="437">
        <v>0</v>
      </c>
      <c r="E13" s="314">
        <v>0</v>
      </c>
      <c r="F13" s="315">
        <v>88</v>
      </c>
      <c r="G13" s="315">
        <v>55</v>
      </c>
      <c r="H13" s="315">
        <v>24</v>
      </c>
      <c r="I13" s="315">
        <v>28</v>
      </c>
      <c r="J13" s="315">
        <v>27</v>
      </c>
      <c r="K13" s="316">
        <v>222</v>
      </c>
      <c r="L13" s="317">
        <v>222</v>
      </c>
      <c r="M13" s="311">
        <v>0</v>
      </c>
      <c r="N13" s="315">
        <v>0</v>
      </c>
      <c r="O13" s="312">
        <v>0</v>
      </c>
      <c r="P13" s="314">
        <v>0</v>
      </c>
      <c r="Q13" s="315">
        <v>1</v>
      </c>
      <c r="R13" s="315">
        <v>1</v>
      </c>
      <c r="S13" s="315">
        <v>1</v>
      </c>
      <c r="T13" s="315">
        <v>3</v>
      </c>
      <c r="U13" s="315">
        <v>12</v>
      </c>
      <c r="V13" s="312">
        <v>18</v>
      </c>
      <c r="W13" s="317">
        <v>18</v>
      </c>
      <c r="X13" s="311">
        <v>10</v>
      </c>
      <c r="Y13" s="315">
        <v>25</v>
      </c>
      <c r="Z13" s="312">
        <v>35</v>
      </c>
      <c r="AA13" s="314">
        <v>0</v>
      </c>
      <c r="AB13" s="315">
        <v>60</v>
      </c>
      <c r="AC13" s="315">
        <v>37</v>
      </c>
      <c r="AD13" s="315">
        <v>21</v>
      </c>
      <c r="AE13" s="315">
        <v>13</v>
      </c>
      <c r="AF13" s="315">
        <v>19</v>
      </c>
      <c r="AG13" s="312">
        <v>150</v>
      </c>
      <c r="AH13" s="317">
        <v>185</v>
      </c>
      <c r="AI13" s="311">
        <v>2</v>
      </c>
      <c r="AJ13" s="315">
        <v>3</v>
      </c>
      <c r="AK13" s="312">
        <v>5</v>
      </c>
      <c r="AL13" s="314">
        <v>0</v>
      </c>
      <c r="AM13" s="315">
        <v>5</v>
      </c>
      <c r="AN13" s="315">
        <v>5</v>
      </c>
      <c r="AO13" s="315">
        <v>8</v>
      </c>
      <c r="AP13" s="315">
        <v>5</v>
      </c>
      <c r="AQ13" s="315">
        <v>3</v>
      </c>
      <c r="AR13" s="312">
        <v>26</v>
      </c>
      <c r="AS13" s="317">
        <v>31</v>
      </c>
      <c r="AT13" s="311">
        <v>17</v>
      </c>
      <c r="AU13" s="315">
        <v>23</v>
      </c>
      <c r="AV13" s="312">
        <v>40</v>
      </c>
      <c r="AW13" s="314">
        <v>0</v>
      </c>
      <c r="AX13" s="315">
        <v>88</v>
      </c>
      <c r="AY13" s="315">
        <v>84</v>
      </c>
      <c r="AZ13" s="315">
        <v>61</v>
      </c>
      <c r="BA13" s="315">
        <v>73</v>
      </c>
      <c r="BB13" s="315">
        <v>68</v>
      </c>
      <c r="BC13" s="316">
        <v>374</v>
      </c>
      <c r="BD13" s="317">
        <v>414</v>
      </c>
      <c r="BE13" s="311">
        <v>0</v>
      </c>
      <c r="BF13" s="315">
        <v>0</v>
      </c>
      <c r="BG13" s="312">
        <v>0</v>
      </c>
      <c r="BH13" s="314">
        <v>0</v>
      </c>
      <c r="BI13" s="315">
        <v>118</v>
      </c>
      <c r="BJ13" s="315">
        <v>68</v>
      </c>
      <c r="BK13" s="315">
        <v>26</v>
      </c>
      <c r="BL13" s="315">
        <v>11</v>
      </c>
      <c r="BM13" s="315">
        <v>4</v>
      </c>
      <c r="BN13" s="312">
        <v>227</v>
      </c>
      <c r="BO13" s="317">
        <v>227</v>
      </c>
      <c r="BP13" s="311">
        <v>5</v>
      </c>
      <c r="BQ13" s="315">
        <v>3</v>
      </c>
      <c r="BR13" s="312">
        <v>8</v>
      </c>
      <c r="BS13" s="314">
        <v>0</v>
      </c>
      <c r="BT13" s="315">
        <v>18</v>
      </c>
      <c r="BU13" s="315">
        <v>7</v>
      </c>
      <c r="BV13" s="315">
        <v>7</v>
      </c>
      <c r="BW13" s="315">
        <v>4</v>
      </c>
      <c r="BX13" s="315">
        <v>2</v>
      </c>
      <c r="BY13" s="312">
        <v>38</v>
      </c>
      <c r="BZ13" s="317">
        <v>46</v>
      </c>
      <c r="CA13" s="311">
        <v>2</v>
      </c>
      <c r="CB13" s="315">
        <v>1</v>
      </c>
      <c r="CC13" s="312">
        <v>3</v>
      </c>
      <c r="CD13" s="314">
        <v>0</v>
      </c>
      <c r="CE13" s="315">
        <v>10</v>
      </c>
      <c r="CF13" s="315">
        <v>3</v>
      </c>
      <c r="CG13" s="315">
        <v>9</v>
      </c>
      <c r="CH13" s="315">
        <v>7</v>
      </c>
      <c r="CI13" s="315">
        <v>2</v>
      </c>
      <c r="CJ13" s="312">
        <v>31</v>
      </c>
      <c r="CK13" s="317">
        <v>34</v>
      </c>
      <c r="CL13" s="311">
        <v>0</v>
      </c>
      <c r="CM13" s="315">
        <v>0</v>
      </c>
      <c r="CN13" s="312">
        <v>0</v>
      </c>
      <c r="CO13" s="314">
        <v>0</v>
      </c>
      <c r="CP13" s="315">
        <v>0</v>
      </c>
      <c r="CQ13" s="315">
        <v>2</v>
      </c>
      <c r="CR13" s="315">
        <v>0</v>
      </c>
      <c r="CS13" s="315">
        <v>0</v>
      </c>
      <c r="CT13" s="315">
        <v>0</v>
      </c>
      <c r="CU13" s="312">
        <v>2</v>
      </c>
      <c r="CV13" s="317">
        <v>2</v>
      </c>
      <c r="CW13" s="311">
        <v>0</v>
      </c>
      <c r="CX13" s="315">
        <v>0</v>
      </c>
      <c r="CY13" s="312">
        <v>0</v>
      </c>
      <c r="CZ13" s="314">
        <v>0</v>
      </c>
      <c r="DA13" s="315">
        <v>0</v>
      </c>
      <c r="DB13" s="315">
        <v>0</v>
      </c>
      <c r="DC13" s="315">
        <v>0</v>
      </c>
      <c r="DD13" s="315">
        <v>0</v>
      </c>
      <c r="DE13" s="315">
        <v>0</v>
      </c>
      <c r="DF13" s="312">
        <v>0</v>
      </c>
      <c r="DG13" s="317">
        <v>0</v>
      </c>
      <c r="DH13" s="311">
        <v>0</v>
      </c>
      <c r="DI13" s="315">
        <v>0</v>
      </c>
      <c r="DJ13" s="312">
        <v>0</v>
      </c>
      <c r="DK13" s="314">
        <v>0</v>
      </c>
      <c r="DL13" s="315">
        <v>0</v>
      </c>
      <c r="DM13" s="315">
        <v>0</v>
      </c>
      <c r="DN13" s="315">
        <v>0</v>
      </c>
      <c r="DO13" s="315">
        <v>0</v>
      </c>
      <c r="DP13" s="315">
        <v>0</v>
      </c>
      <c r="DQ13" s="312">
        <v>0</v>
      </c>
      <c r="DR13" s="317">
        <v>0</v>
      </c>
      <c r="DS13" s="311">
        <v>45</v>
      </c>
      <c r="DT13" s="315">
        <v>79</v>
      </c>
      <c r="DU13" s="312">
        <v>124</v>
      </c>
      <c r="DV13" s="314">
        <v>0</v>
      </c>
      <c r="DW13" s="315">
        <v>130</v>
      </c>
      <c r="DX13" s="315">
        <v>106</v>
      </c>
      <c r="DY13" s="315">
        <v>57</v>
      </c>
      <c r="DZ13" s="315">
        <v>54</v>
      </c>
      <c r="EA13" s="315">
        <v>38</v>
      </c>
      <c r="EB13" s="312">
        <v>385</v>
      </c>
      <c r="EC13" s="317">
        <v>509</v>
      </c>
      <c r="ED13" s="311">
        <v>8</v>
      </c>
      <c r="EE13" s="315">
        <v>11</v>
      </c>
      <c r="EF13" s="312">
        <v>19</v>
      </c>
      <c r="EG13" s="314">
        <v>0</v>
      </c>
      <c r="EH13" s="315">
        <v>30</v>
      </c>
      <c r="EI13" s="315">
        <v>27</v>
      </c>
      <c r="EJ13" s="315">
        <v>21</v>
      </c>
      <c r="EK13" s="315">
        <v>30</v>
      </c>
      <c r="EL13" s="315">
        <v>22</v>
      </c>
      <c r="EM13" s="312">
        <v>130</v>
      </c>
      <c r="EN13" s="317">
        <v>149</v>
      </c>
      <c r="EO13" s="311">
        <v>58</v>
      </c>
      <c r="EP13" s="315">
        <v>95</v>
      </c>
      <c r="EQ13" s="312">
        <v>153</v>
      </c>
      <c r="ER13" s="314">
        <v>0</v>
      </c>
      <c r="ES13" s="315">
        <v>244</v>
      </c>
      <c r="ET13" s="315">
        <v>146</v>
      </c>
      <c r="EU13" s="315">
        <v>64</v>
      </c>
      <c r="EV13" s="315">
        <v>56</v>
      </c>
      <c r="EW13" s="315">
        <v>37</v>
      </c>
      <c r="EX13" s="312">
        <v>547</v>
      </c>
      <c r="EY13" s="317">
        <v>700</v>
      </c>
    </row>
    <row r="14" spans="1:155" ht="19.5" customHeight="1" x14ac:dyDescent="0.2">
      <c r="A14" s="296" t="s">
        <v>11</v>
      </c>
      <c r="B14" s="311">
        <v>0</v>
      </c>
      <c r="C14" s="315">
        <v>0</v>
      </c>
      <c r="D14" s="437">
        <v>0</v>
      </c>
      <c r="E14" s="314">
        <v>0</v>
      </c>
      <c r="F14" s="315">
        <v>16</v>
      </c>
      <c r="G14" s="315">
        <v>8</v>
      </c>
      <c r="H14" s="315">
        <v>9</v>
      </c>
      <c r="I14" s="315">
        <v>7</v>
      </c>
      <c r="J14" s="315">
        <v>10</v>
      </c>
      <c r="K14" s="316">
        <v>50</v>
      </c>
      <c r="L14" s="317">
        <v>50</v>
      </c>
      <c r="M14" s="311">
        <v>0</v>
      </c>
      <c r="N14" s="315">
        <v>0</v>
      </c>
      <c r="O14" s="312">
        <v>0</v>
      </c>
      <c r="P14" s="314">
        <v>0</v>
      </c>
      <c r="Q14" s="315">
        <v>1</v>
      </c>
      <c r="R14" s="315">
        <v>0</v>
      </c>
      <c r="S14" s="315">
        <v>0</v>
      </c>
      <c r="T14" s="315">
        <v>2</v>
      </c>
      <c r="U14" s="315">
        <v>4</v>
      </c>
      <c r="V14" s="312">
        <v>7</v>
      </c>
      <c r="W14" s="317">
        <v>7</v>
      </c>
      <c r="X14" s="311">
        <v>6</v>
      </c>
      <c r="Y14" s="315">
        <v>3</v>
      </c>
      <c r="Z14" s="312">
        <v>9</v>
      </c>
      <c r="AA14" s="314">
        <v>0</v>
      </c>
      <c r="AB14" s="315">
        <v>19</v>
      </c>
      <c r="AC14" s="315">
        <v>7</v>
      </c>
      <c r="AD14" s="315">
        <v>8</v>
      </c>
      <c r="AE14" s="315">
        <v>9</v>
      </c>
      <c r="AF14" s="315">
        <v>10</v>
      </c>
      <c r="AG14" s="312">
        <v>53</v>
      </c>
      <c r="AH14" s="317">
        <v>62</v>
      </c>
      <c r="AI14" s="311">
        <v>0</v>
      </c>
      <c r="AJ14" s="315">
        <v>1</v>
      </c>
      <c r="AK14" s="312">
        <v>1</v>
      </c>
      <c r="AL14" s="314">
        <v>0</v>
      </c>
      <c r="AM14" s="315">
        <v>5</v>
      </c>
      <c r="AN14" s="315">
        <v>2</v>
      </c>
      <c r="AO14" s="315">
        <v>1</v>
      </c>
      <c r="AP14" s="315">
        <v>0</v>
      </c>
      <c r="AQ14" s="315">
        <v>2</v>
      </c>
      <c r="AR14" s="312">
        <v>10</v>
      </c>
      <c r="AS14" s="317">
        <v>11</v>
      </c>
      <c r="AT14" s="311">
        <v>5</v>
      </c>
      <c r="AU14" s="315">
        <v>1</v>
      </c>
      <c r="AV14" s="312">
        <v>6</v>
      </c>
      <c r="AW14" s="314">
        <v>0</v>
      </c>
      <c r="AX14" s="315">
        <v>24</v>
      </c>
      <c r="AY14" s="315">
        <v>11</v>
      </c>
      <c r="AZ14" s="315">
        <v>20</v>
      </c>
      <c r="BA14" s="315">
        <v>24</v>
      </c>
      <c r="BB14" s="315">
        <v>22</v>
      </c>
      <c r="BC14" s="316">
        <v>101</v>
      </c>
      <c r="BD14" s="317">
        <v>107</v>
      </c>
      <c r="BE14" s="311">
        <v>0</v>
      </c>
      <c r="BF14" s="315">
        <v>0</v>
      </c>
      <c r="BG14" s="312">
        <v>0</v>
      </c>
      <c r="BH14" s="314">
        <v>0</v>
      </c>
      <c r="BI14" s="315">
        <v>18</v>
      </c>
      <c r="BJ14" s="315">
        <v>13</v>
      </c>
      <c r="BK14" s="315">
        <v>11</v>
      </c>
      <c r="BL14" s="315">
        <v>7</v>
      </c>
      <c r="BM14" s="315">
        <v>3</v>
      </c>
      <c r="BN14" s="312">
        <v>52</v>
      </c>
      <c r="BO14" s="317">
        <v>52</v>
      </c>
      <c r="BP14" s="311">
        <v>2</v>
      </c>
      <c r="BQ14" s="315">
        <v>4</v>
      </c>
      <c r="BR14" s="312">
        <v>6</v>
      </c>
      <c r="BS14" s="314">
        <v>0</v>
      </c>
      <c r="BT14" s="315">
        <v>7</v>
      </c>
      <c r="BU14" s="315">
        <v>4</v>
      </c>
      <c r="BV14" s="315">
        <v>8</v>
      </c>
      <c r="BW14" s="315">
        <v>5</v>
      </c>
      <c r="BX14" s="315">
        <v>4</v>
      </c>
      <c r="BY14" s="312">
        <v>28</v>
      </c>
      <c r="BZ14" s="317">
        <v>34</v>
      </c>
      <c r="CA14" s="311">
        <v>0</v>
      </c>
      <c r="CB14" s="315">
        <v>0</v>
      </c>
      <c r="CC14" s="312">
        <v>0</v>
      </c>
      <c r="CD14" s="314">
        <v>0</v>
      </c>
      <c r="CE14" s="315">
        <v>1</v>
      </c>
      <c r="CF14" s="315">
        <v>3</v>
      </c>
      <c r="CG14" s="315">
        <v>3</v>
      </c>
      <c r="CH14" s="315">
        <v>2</v>
      </c>
      <c r="CI14" s="315">
        <v>2</v>
      </c>
      <c r="CJ14" s="312">
        <v>11</v>
      </c>
      <c r="CK14" s="317">
        <v>11</v>
      </c>
      <c r="CL14" s="311">
        <v>0</v>
      </c>
      <c r="CM14" s="315">
        <v>0</v>
      </c>
      <c r="CN14" s="312">
        <v>0</v>
      </c>
      <c r="CO14" s="314">
        <v>0</v>
      </c>
      <c r="CP14" s="315">
        <v>1</v>
      </c>
      <c r="CQ14" s="315">
        <v>0</v>
      </c>
      <c r="CR14" s="315">
        <v>1</v>
      </c>
      <c r="CS14" s="315">
        <v>1</v>
      </c>
      <c r="CT14" s="315">
        <v>0</v>
      </c>
      <c r="CU14" s="312">
        <v>3</v>
      </c>
      <c r="CV14" s="317">
        <v>3</v>
      </c>
      <c r="CW14" s="311">
        <v>0</v>
      </c>
      <c r="CX14" s="315">
        <v>0</v>
      </c>
      <c r="CY14" s="312">
        <v>0</v>
      </c>
      <c r="CZ14" s="314">
        <v>0</v>
      </c>
      <c r="DA14" s="315">
        <v>0</v>
      </c>
      <c r="DB14" s="315">
        <v>0</v>
      </c>
      <c r="DC14" s="315">
        <v>0</v>
      </c>
      <c r="DD14" s="315">
        <v>0</v>
      </c>
      <c r="DE14" s="315">
        <v>0</v>
      </c>
      <c r="DF14" s="312">
        <v>0</v>
      </c>
      <c r="DG14" s="317">
        <v>0</v>
      </c>
      <c r="DH14" s="311">
        <v>0</v>
      </c>
      <c r="DI14" s="315">
        <v>0</v>
      </c>
      <c r="DJ14" s="312">
        <v>0</v>
      </c>
      <c r="DK14" s="314">
        <v>0</v>
      </c>
      <c r="DL14" s="315">
        <v>0</v>
      </c>
      <c r="DM14" s="315">
        <v>0</v>
      </c>
      <c r="DN14" s="315">
        <v>0</v>
      </c>
      <c r="DO14" s="315">
        <v>0</v>
      </c>
      <c r="DP14" s="315">
        <v>0</v>
      </c>
      <c r="DQ14" s="312">
        <v>0</v>
      </c>
      <c r="DR14" s="317">
        <v>0</v>
      </c>
      <c r="DS14" s="311">
        <v>14</v>
      </c>
      <c r="DT14" s="315">
        <v>18</v>
      </c>
      <c r="DU14" s="312">
        <v>32</v>
      </c>
      <c r="DV14" s="314">
        <v>0</v>
      </c>
      <c r="DW14" s="315">
        <v>41</v>
      </c>
      <c r="DX14" s="315">
        <v>25</v>
      </c>
      <c r="DY14" s="315">
        <v>28</v>
      </c>
      <c r="DZ14" s="315">
        <v>22</v>
      </c>
      <c r="EA14" s="315">
        <v>15</v>
      </c>
      <c r="EB14" s="312">
        <v>131</v>
      </c>
      <c r="EC14" s="317">
        <v>163</v>
      </c>
      <c r="ED14" s="311">
        <v>4</v>
      </c>
      <c r="EE14" s="315">
        <v>4</v>
      </c>
      <c r="EF14" s="312">
        <v>8</v>
      </c>
      <c r="EG14" s="314">
        <v>0</v>
      </c>
      <c r="EH14" s="315">
        <v>20</v>
      </c>
      <c r="EI14" s="315">
        <v>4</v>
      </c>
      <c r="EJ14" s="315">
        <v>10</v>
      </c>
      <c r="EK14" s="315">
        <v>17</v>
      </c>
      <c r="EL14" s="315">
        <v>10</v>
      </c>
      <c r="EM14" s="312">
        <v>61</v>
      </c>
      <c r="EN14" s="317">
        <v>69</v>
      </c>
      <c r="EO14" s="311">
        <v>18</v>
      </c>
      <c r="EP14" s="315">
        <v>22</v>
      </c>
      <c r="EQ14" s="312">
        <v>40</v>
      </c>
      <c r="ER14" s="314">
        <v>0</v>
      </c>
      <c r="ES14" s="315">
        <v>76</v>
      </c>
      <c r="ET14" s="315">
        <v>35</v>
      </c>
      <c r="EU14" s="315">
        <v>30</v>
      </c>
      <c r="EV14" s="315">
        <v>23</v>
      </c>
      <c r="EW14" s="315">
        <v>16</v>
      </c>
      <c r="EX14" s="312">
        <v>180</v>
      </c>
      <c r="EY14" s="317">
        <v>220</v>
      </c>
    </row>
    <row r="15" spans="1:155" ht="19.5" customHeight="1" x14ac:dyDescent="0.2">
      <c r="A15" s="296" t="s">
        <v>12</v>
      </c>
      <c r="B15" s="311">
        <v>0</v>
      </c>
      <c r="C15" s="315">
        <v>0</v>
      </c>
      <c r="D15" s="437">
        <v>0</v>
      </c>
      <c r="E15" s="314">
        <v>0</v>
      </c>
      <c r="F15" s="315">
        <v>34</v>
      </c>
      <c r="G15" s="315">
        <v>19</v>
      </c>
      <c r="H15" s="315">
        <v>14</v>
      </c>
      <c r="I15" s="315">
        <v>14</v>
      </c>
      <c r="J15" s="315">
        <v>11</v>
      </c>
      <c r="K15" s="316">
        <v>92</v>
      </c>
      <c r="L15" s="317">
        <v>92</v>
      </c>
      <c r="M15" s="311">
        <v>0</v>
      </c>
      <c r="N15" s="315">
        <v>0</v>
      </c>
      <c r="O15" s="312">
        <v>0</v>
      </c>
      <c r="P15" s="314">
        <v>0</v>
      </c>
      <c r="Q15" s="315">
        <v>0</v>
      </c>
      <c r="R15" s="315">
        <v>1</v>
      </c>
      <c r="S15" s="315">
        <v>0</v>
      </c>
      <c r="T15" s="315">
        <v>1</v>
      </c>
      <c r="U15" s="315">
        <v>8</v>
      </c>
      <c r="V15" s="312">
        <v>10</v>
      </c>
      <c r="W15" s="317">
        <v>10</v>
      </c>
      <c r="X15" s="311">
        <v>10</v>
      </c>
      <c r="Y15" s="315">
        <v>11</v>
      </c>
      <c r="Z15" s="312">
        <v>21</v>
      </c>
      <c r="AA15" s="314">
        <v>0</v>
      </c>
      <c r="AB15" s="315">
        <v>15</v>
      </c>
      <c r="AC15" s="315">
        <v>14</v>
      </c>
      <c r="AD15" s="315">
        <v>16</v>
      </c>
      <c r="AE15" s="315">
        <v>10</v>
      </c>
      <c r="AF15" s="315">
        <v>11</v>
      </c>
      <c r="AG15" s="312">
        <v>66</v>
      </c>
      <c r="AH15" s="317">
        <v>87</v>
      </c>
      <c r="AI15" s="311">
        <v>0</v>
      </c>
      <c r="AJ15" s="315">
        <v>0</v>
      </c>
      <c r="AK15" s="312">
        <v>0</v>
      </c>
      <c r="AL15" s="314">
        <v>0</v>
      </c>
      <c r="AM15" s="315">
        <v>0</v>
      </c>
      <c r="AN15" s="315">
        <v>1</v>
      </c>
      <c r="AO15" s="315">
        <v>1</v>
      </c>
      <c r="AP15" s="315">
        <v>0</v>
      </c>
      <c r="AQ15" s="315">
        <v>2</v>
      </c>
      <c r="AR15" s="312">
        <v>4</v>
      </c>
      <c r="AS15" s="317">
        <v>4</v>
      </c>
      <c r="AT15" s="311">
        <v>9</v>
      </c>
      <c r="AU15" s="315">
        <v>7</v>
      </c>
      <c r="AV15" s="312">
        <v>16</v>
      </c>
      <c r="AW15" s="314">
        <v>0</v>
      </c>
      <c r="AX15" s="315">
        <v>20</v>
      </c>
      <c r="AY15" s="315">
        <v>15</v>
      </c>
      <c r="AZ15" s="315">
        <v>24</v>
      </c>
      <c r="BA15" s="315">
        <v>24</v>
      </c>
      <c r="BB15" s="315">
        <v>22</v>
      </c>
      <c r="BC15" s="316">
        <v>105</v>
      </c>
      <c r="BD15" s="317">
        <v>121</v>
      </c>
      <c r="BE15" s="311">
        <v>0</v>
      </c>
      <c r="BF15" s="315">
        <v>0</v>
      </c>
      <c r="BG15" s="312">
        <v>0</v>
      </c>
      <c r="BH15" s="314">
        <v>0</v>
      </c>
      <c r="BI15" s="315">
        <v>36</v>
      </c>
      <c r="BJ15" s="315">
        <v>15</v>
      </c>
      <c r="BK15" s="315">
        <v>7</v>
      </c>
      <c r="BL15" s="315">
        <v>12</v>
      </c>
      <c r="BM15" s="315">
        <v>5</v>
      </c>
      <c r="BN15" s="312">
        <v>75</v>
      </c>
      <c r="BO15" s="317">
        <v>75</v>
      </c>
      <c r="BP15" s="311">
        <v>11</v>
      </c>
      <c r="BQ15" s="315">
        <v>10</v>
      </c>
      <c r="BR15" s="312">
        <v>21</v>
      </c>
      <c r="BS15" s="314">
        <v>0</v>
      </c>
      <c r="BT15" s="315">
        <v>10</v>
      </c>
      <c r="BU15" s="315">
        <v>8</v>
      </c>
      <c r="BV15" s="315">
        <v>10</v>
      </c>
      <c r="BW15" s="315">
        <v>4</v>
      </c>
      <c r="BX15" s="315">
        <v>2</v>
      </c>
      <c r="BY15" s="312">
        <v>34</v>
      </c>
      <c r="BZ15" s="317">
        <v>55</v>
      </c>
      <c r="CA15" s="311">
        <v>0</v>
      </c>
      <c r="CB15" s="315">
        <v>1</v>
      </c>
      <c r="CC15" s="312">
        <v>1</v>
      </c>
      <c r="CD15" s="314">
        <v>0</v>
      </c>
      <c r="CE15" s="315">
        <v>2</v>
      </c>
      <c r="CF15" s="315">
        <v>2</v>
      </c>
      <c r="CG15" s="315">
        <v>8</v>
      </c>
      <c r="CH15" s="315">
        <v>4</v>
      </c>
      <c r="CI15" s="315">
        <v>2</v>
      </c>
      <c r="CJ15" s="312">
        <v>18</v>
      </c>
      <c r="CK15" s="317">
        <v>19</v>
      </c>
      <c r="CL15" s="311">
        <v>0</v>
      </c>
      <c r="CM15" s="315">
        <v>0</v>
      </c>
      <c r="CN15" s="312">
        <v>0</v>
      </c>
      <c r="CO15" s="314">
        <v>0</v>
      </c>
      <c r="CP15" s="315">
        <v>0</v>
      </c>
      <c r="CQ15" s="315">
        <v>0</v>
      </c>
      <c r="CR15" s="315">
        <v>0</v>
      </c>
      <c r="CS15" s="315">
        <v>1</v>
      </c>
      <c r="CT15" s="315">
        <v>0</v>
      </c>
      <c r="CU15" s="312">
        <v>1</v>
      </c>
      <c r="CV15" s="317">
        <v>1</v>
      </c>
      <c r="CW15" s="311">
        <v>0</v>
      </c>
      <c r="CX15" s="315">
        <v>0</v>
      </c>
      <c r="CY15" s="312">
        <v>0</v>
      </c>
      <c r="CZ15" s="314">
        <v>0</v>
      </c>
      <c r="DA15" s="315">
        <v>0</v>
      </c>
      <c r="DB15" s="315">
        <v>0</v>
      </c>
      <c r="DC15" s="315">
        <v>0</v>
      </c>
      <c r="DD15" s="315">
        <v>0</v>
      </c>
      <c r="DE15" s="315">
        <v>0</v>
      </c>
      <c r="DF15" s="312">
        <v>0</v>
      </c>
      <c r="DG15" s="317">
        <v>0</v>
      </c>
      <c r="DH15" s="311">
        <v>0</v>
      </c>
      <c r="DI15" s="315">
        <v>0</v>
      </c>
      <c r="DJ15" s="312">
        <v>0</v>
      </c>
      <c r="DK15" s="314">
        <v>0</v>
      </c>
      <c r="DL15" s="315">
        <v>0</v>
      </c>
      <c r="DM15" s="315">
        <v>0</v>
      </c>
      <c r="DN15" s="315">
        <v>0</v>
      </c>
      <c r="DO15" s="315">
        <v>0</v>
      </c>
      <c r="DP15" s="315">
        <v>0</v>
      </c>
      <c r="DQ15" s="312">
        <v>0</v>
      </c>
      <c r="DR15" s="317">
        <v>0</v>
      </c>
      <c r="DS15" s="311">
        <v>29</v>
      </c>
      <c r="DT15" s="315">
        <v>41</v>
      </c>
      <c r="DU15" s="312">
        <v>70</v>
      </c>
      <c r="DV15" s="314">
        <v>0</v>
      </c>
      <c r="DW15" s="315">
        <v>31</v>
      </c>
      <c r="DX15" s="315">
        <v>49</v>
      </c>
      <c r="DY15" s="315">
        <v>41</v>
      </c>
      <c r="DZ15" s="315">
        <v>34</v>
      </c>
      <c r="EA15" s="315">
        <v>24</v>
      </c>
      <c r="EB15" s="312">
        <v>179</v>
      </c>
      <c r="EC15" s="317">
        <v>249</v>
      </c>
      <c r="ED15" s="311">
        <v>6</v>
      </c>
      <c r="EE15" s="315">
        <v>4</v>
      </c>
      <c r="EF15" s="312">
        <v>10</v>
      </c>
      <c r="EG15" s="314">
        <v>0</v>
      </c>
      <c r="EH15" s="315">
        <v>5</v>
      </c>
      <c r="EI15" s="315">
        <v>5</v>
      </c>
      <c r="EJ15" s="315">
        <v>13</v>
      </c>
      <c r="EK15" s="315">
        <v>9</v>
      </c>
      <c r="EL15" s="315">
        <v>8</v>
      </c>
      <c r="EM15" s="312">
        <v>40</v>
      </c>
      <c r="EN15" s="317">
        <v>50</v>
      </c>
      <c r="EO15" s="311">
        <v>44</v>
      </c>
      <c r="EP15" s="315">
        <v>53</v>
      </c>
      <c r="EQ15" s="312">
        <v>97</v>
      </c>
      <c r="ER15" s="314">
        <v>0</v>
      </c>
      <c r="ES15" s="315">
        <v>91</v>
      </c>
      <c r="ET15" s="315">
        <v>62</v>
      </c>
      <c r="EU15" s="315">
        <v>49</v>
      </c>
      <c r="EV15" s="315">
        <v>34</v>
      </c>
      <c r="EW15" s="315">
        <v>22</v>
      </c>
      <c r="EX15" s="312">
        <v>258</v>
      </c>
      <c r="EY15" s="317">
        <v>355</v>
      </c>
    </row>
    <row r="16" spans="1:155" ht="19.5" customHeight="1" x14ac:dyDescent="0.2">
      <c r="A16" s="296" t="s">
        <v>13</v>
      </c>
      <c r="B16" s="311">
        <v>0</v>
      </c>
      <c r="C16" s="315">
        <v>0</v>
      </c>
      <c r="D16" s="437">
        <v>0</v>
      </c>
      <c r="E16" s="314">
        <v>0</v>
      </c>
      <c r="F16" s="315">
        <v>12</v>
      </c>
      <c r="G16" s="315">
        <v>23</v>
      </c>
      <c r="H16" s="315">
        <v>16</v>
      </c>
      <c r="I16" s="315">
        <v>12</v>
      </c>
      <c r="J16" s="315">
        <v>10</v>
      </c>
      <c r="K16" s="316">
        <v>73</v>
      </c>
      <c r="L16" s="317">
        <v>73</v>
      </c>
      <c r="M16" s="311">
        <v>0</v>
      </c>
      <c r="N16" s="315">
        <v>0</v>
      </c>
      <c r="O16" s="312">
        <v>0</v>
      </c>
      <c r="P16" s="314">
        <v>0</v>
      </c>
      <c r="Q16" s="315">
        <v>0</v>
      </c>
      <c r="R16" s="315">
        <v>0</v>
      </c>
      <c r="S16" s="315">
        <v>1</v>
      </c>
      <c r="T16" s="315">
        <v>2</v>
      </c>
      <c r="U16" s="315">
        <v>0</v>
      </c>
      <c r="V16" s="312">
        <v>3</v>
      </c>
      <c r="W16" s="317">
        <v>3</v>
      </c>
      <c r="X16" s="311">
        <v>1</v>
      </c>
      <c r="Y16" s="315">
        <v>4</v>
      </c>
      <c r="Z16" s="312">
        <v>5</v>
      </c>
      <c r="AA16" s="314">
        <v>0</v>
      </c>
      <c r="AB16" s="315">
        <v>6</v>
      </c>
      <c r="AC16" s="315">
        <v>9</v>
      </c>
      <c r="AD16" s="315">
        <v>13</v>
      </c>
      <c r="AE16" s="315">
        <v>8</v>
      </c>
      <c r="AF16" s="315">
        <v>7</v>
      </c>
      <c r="AG16" s="312">
        <v>43</v>
      </c>
      <c r="AH16" s="317">
        <v>48</v>
      </c>
      <c r="AI16" s="311">
        <v>0</v>
      </c>
      <c r="AJ16" s="315">
        <v>0</v>
      </c>
      <c r="AK16" s="312">
        <v>0</v>
      </c>
      <c r="AL16" s="314">
        <v>0</v>
      </c>
      <c r="AM16" s="315">
        <v>0</v>
      </c>
      <c r="AN16" s="315">
        <v>4</v>
      </c>
      <c r="AO16" s="315">
        <v>2</v>
      </c>
      <c r="AP16" s="315">
        <v>1</v>
      </c>
      <c r="AQ16" s="315">
        <v>2</v>
      </c>
      <c r="AR16" s="312">
        <v>9</v>
      </c>
      <c r="AS16" s="317">
        <v>9</v>
      </c>
      <c r="AT16" s="311">
        <v>8</v>
      </c>
      <c r="AU16" s="315">
        <v>5</v>
      </c>
      <c r="AV16" s="312">
        <v>13</v>
      </c>
      <c r="AW16" s="314">
        <v>0</v>
      </c>
      <c r="AX16" s="315">
        <v>14</v>
      </c>
      <c r="AY16" s="315">
        <v>21</v>
      </c>
      <c r="AZ16" s="315">
        <v>22</v>
      </c>
      <c r="BA16" s="315">
        <v>17</v>
      </c>
      <c r="BB16" s="315">
        <v>15</v>
      </c>
      <c r="BC16" s="316">
        <v>89</v>
      </c>
      <c r="BD16" s="317">
        <v>102</v>
      </c>
      <c r="BE16" s="311">
        <v>0</v>
      </c>
      <c r="BF16" s="315">
        <v>0</v>
      </c>
      <c r="BG16" s="312">
        <v>0</v>
      </c>
      <c r="BH16" s="314">
        <v>0</v>
      </c>
      <c r="BI16" s="315">
        <v>11</v>
      </c>
      <c r="BJ16" s="315">
        <v>15</v>
      </c>
      <c r="BK16" s="315">
        <v>12</v>
      </c>
      <c r="BL16" s="315">
        <v>4</v>
      </c>
      <c r="BM16" s="315">
        <v>2</v>
      </c>
      <c r="BN16" s="312">
        <v>44</v>
      </c>
      <c r="BO16" s="317">
        <v>44</v>
      </c>
      <c r="BP16" s="311">
        <v>0</v>
      </c>
      <c r="BQ16" s="315">
        <v>1</v>
      </c>
      <c r="BR16" s="312">
        <v>1</v>
      </c>
      <c r="BS16" s="314">
        <v>0</v>
      </c>
      <c r="BT16" s="315">
        <v>1</v>
      </c>
      <c r="BU16" s="315">
        <v>2</v>
      </c>
      <c r="BV16" s="315">
        <v>4</v>
      </c>
      <c r="BW16" s="315">
        <v>2</v>
      </c>
      <c r="BX16" s="315">
        <v>0</v>
      </c>
      <c r="BY16" s="312">
        <v>9</v>
      </c>
      <c r="BZ16" s="317">
        <v>10</v>
      </c>
      <c r="CA16" s="311">
        <v>0</v>
      </c>
      <c r="CB16" s="315">
        <v>0</v>
      </c>
      <c r="CC16" s="312">
        <v>0</v>
      </c>
      <c r="CD16" s="314">
        <v>0</v>
      </c>
      <c r="CE16" s="315">
        <v>2</v>
      </c>
      <c r="CF16" s="315">
        <v>2</v>
      </c>
      <c r="CG16" s="315">
        <v>3</v>
      </c>
      <c r="CH16" s="315">
        <v>1</v>
      </c>
      <c r="CI16" s="315">
        <v>1</v>
      </c>
      <c r="CJ16" s="312">
        <v>9</v>
      </c>
      <c r="CK16" s="317">
        <v>9</v>
      </c>
      <c r="CL16" s="311">
        <v>0</v>
      </c>
      <c r="CM16" s="315">
        <v>0</v>
      </c>
      <c r="CN16" s="312">
        <v>0</v>
      </c>
      <c r="CO16" s="314">
        <v>0</v>
      </c>
      <c r="CP16" s="315">
        <v>0</v>
      </c>
      <c r="CQ16" s="315">
        <v>0</v>
      </c>
      <c r="CR16" s="315">
        <v>0</v>
      </c>
      <c r="CS16" s="315">
        <v>1</v>
      </c>
      <c r="CT16" s="315">
        <v>0</v>
      </c>
      <c r="CU16" s="312">
        <v>1</v>
      </c>
      <c r="CV16" s="317">
        <v>1</v>
      </c>
      <c r="CW16" s="311">
        <v>0</v>
      </c>
      <c r="CX16" s="315">
        <v>0</v>
      </c>
      <c r="CY16" s="312">
        <v>0</v>
      </c>
      <c r="CZ16" s="314">
        <v>0</v>
      </c>
      <c r="DA16" s="315">
        <v>0</v>
      </c>
      <c r="DB16" s="315">
        <v>0</v>
      </c>
      <c r="DC16" s="315">
        <v>0</v>
      </c>
      <c r="DD16" s="315">
        <v>0</v>
      </c>
      <c r="DE16" s="315">
        <v>0</v>
      </c>
      <c r="DF16" s="312">
        <v>0</v>
      </c>
      <c r="DG16" s="317">
        <v>0</v>
      </c>
      <c r="DH16" s="311">
        <v>0</v>
      </c>
      <c r="DI16" s="315">
        <v>0</v>
      </c>
      <c r="DJ16" s="312">
        <v>0</v>
      </c>
      <c r="DK16" s="314">
        <v>0</v>
      </c>
      <c r="DL16" s="315">
        <v>0</v>
      </c>
      <c r="DM16" s="315">
        <v>0</v>
      </c>
      <c r="DN16" s="315">
        <v>0</v>
      </c>
      <c r="DO16" s="315">
        <v>0</v>
      </c>
      <c r="DP16" s="315">
        <v>0</v>
      </c>
      <c r="DQ16" s="312">
        <v>0</v>
      </c>
      <c r="DR16" s="317">
        <v>0</v>
      </c>
      <c r="DS16" s="311">
        <v>6</v>
      </c>
      <c r="DT16" s="315">
        <v>18</v>
      </c>
      <c r="DU16" s="312">
        <v>24</v>
      </c>
      <c r="DV16" s="314">
        <v>0</v>
      </c>
      <c r="DW16" s="315">
        <v>11</v>
      </c>
      <c r="DX16" s="315">
        <v>35</v>
      </c>
      <c r="DY16" s="315">
        <v>22</v>
      </c>
      <c r="DZ16" s="315">
        <v>17</v>
      </c>
      <c r="EA16" s="315">
        <v>13</v>
      </c>
      <c r="EB16" s="312">
        <v>98</v>
      </c>
      <c r="EC16" s="317">
        <v>122</v>
      </c>
      <c r="ED16" s="311">
        <v>6</v>
      </c>
      <c r="EE16" s="315">
        <v>3</v>
      </c>
      <c r="EF16" s="312">
        <v>9</v>
      </c>
      <c r="EG16" s="314">
        <v>0</v>
      </c>
      <c r="EH16" s="315">
        <v>11</v>
      </c>
      <c r="EI16" s="315">
        <v>11</v>
      </c>
      <c r="EJ16" s="315">
        <v>9</v>
      </c>
      <c r="EK16" s="315">
        <v>8</v>
      </c>
      <c r="EL16" s="315">
        <v>6</v>
      </c>
      <c r="EM16" s="312">
        <v>45</v>
      </c>
      <c r="EN16" s="317">
        <v>54</v>
      </c>
      <c r="EO16" s="311">
        <v>7</v>
      </c>
      <c r="EP16" s="315">
        <v>20</v>
      </c>
      <c r="EQ16" s="312">
        <v>27</v>
      </c>
      <c r="ER16" s="314">
        <v>0</v>
      </c>
      <c r="ES16" s="315">
        <v>36</v>
      </c>
      <c r="ET16" s="315">
        <v>54</v>
      </c>
      <c r="EU16" s="315">
        <v>35</v>
      </c>
      <c r="EV16" s="315">
        <v>19</v>
      </c>
      <c r="EW16" s="315">
        <v>14</v>
      </c>
      <c r="EX16" s="312">
        <v>158</v>
      </c>
      <c r="EY16" s="317">
        <v>185</v>
      </c>
    </row>
    <row r="17" spans="1:155" ht="19.5" customHeight="1" x14ac:dyDescent="0.2">
      <c r="A17" s="296" t="s">
        <v>15</v>
      </c>
      <c r="B17" s="311">
        <v>0</v>
      </c>
      <c r="C17" s="315">
        <v>0</v>
      </c>
      <c r="D17" s="437">
        <v>0</v>
      </c>
      <c r="E17" s="314">
        <v>0</v>
      </c>
      <c r="F17" s="315">
        <v>4</v>
      </c>
      <c r="G17" s="315">
        <v>4</v>
      </c>
      <c r="H17" s="315">
        <v>2</v>
      </c>
      <c r="I17" s="315">
        <v>2</v>
      </c>
      <c r="J17" s="315">
        <v>4</v>
      </c>
      <c r="K17" s="316">
        <v>16</v>
      </c>
      <c r="L17" s="317">
        <v>16</v>
      </c>
      <c r="M17" s="311">
        <v>0</v>
      </c>
      <c r="N17" s="315">
        <v>0</v>
      </c>
      <c r="O17" s="312">
        <v>0</v>
      </c>
      <c r="P17" s="314">
        <v>0</v>
      </c>
      <c r="Q17" s="315">
        <v>0</v>
      </c>
      <c r="R17" s="315">
        <v>0</v>
      </c>
      <c r="S17" s="315">
        <v>0</v>
      </c>
      <c r="T17" s="315">
        <v>1</v>
      </c>
      <c r="U17" s="315">
        <v>4</v>
      </c>
      <c r="V17" s="312">
        <v>5</v>
      </c>
      <c r="W17" s="317">
        <v>5</v>
      </c>
      <c r="X17" s="311">
        <v>0</v>
      </c>
      <c r="Y17" s="315">
        <v>0</v>
      </c>
      <c r="Z17" s="312">
        <v>0</v>
      </c>
      <c r="AA17" s="314">
        <v>0</v>
      </c>
      <c r="AB17" s="315">
        <v>1</v>
      </c>
      <c r="AC17" s="315">
        <v>1</v>
      </c>
      <c r="AD17" s="315">
        <v>3</v>
      </c>
      <c r="AE17" s="315">
        <v>5</v>
      </c>
      <c r="AF17" s="315">
        <v>3</v>
      </c>
      <c r="AG17" s="312">
        <v>13</v>
      </c>
      <c r="AH17" s="317">
        <v>13</v>
      </c>
      <c r="AI17" s="311">
        <v>0</v>
      </c>
      <c r="AJ17" s="315">
        <v>0</v>
      </c>
      <c r="AK17" s="312">
        <v>0</v>
      </c>
      <c r="AL17" s="314">
        <v>0</v>
      </c>
      <c r="AM17" s="315">
        <v>0</v>
      </c>
      <c r="AN17" s="315">
        <v>0</v>
      </c>
      <c r="AO17" s="315">
        <v>0</v>
      </c>
      <c r="AP17" s="315">
        <v>2</v>
      </c>
      <c r="AQ17" s="315">
        <v>1</v>
      </c>
      <c r="AR17" s="312">
        <v>3</v>
      </c>
      <c r="AS17" s="317">
        <v>3</v>
      </c>
      <c r="AT17" s="311">
        <v>0</v>
      </c>
      <c r="AU17" s="315">
        <v>2</v>
      </c>
      <c r="AV17" s="312">
        <v>2</v>
      </c>
      <c r="AW17" s="314">
        <v>0</v>
      </c>
      <c r="AX17" s="315">
        <v>6</v>
      </c>
      <c r="AY17" s="315">
        <v>4</v>
      </c>
      <c r="AZ17" s="315">
        <v>6</v>
      </c>
      <c r="BA17" s="315">
        <v>2</v>
      </c>
      <c r="BB17" s="315">
        <v>1</v>
      </c>
      <c r="BC17" s="316">
        <v>19</v>
      </c>
      <c r="BD17" s="317">
        <v>21</v>
      </c>
      <c r="BE17" s="311">
        <v>0</v>
      </c>
      <c r="BF17" s="315">
        <v>0</v>
      </c>
      <c r="BG17" s="312">
        <v>0</v>
      </c>
      <c r="BH17" s="314">
        <v>0</v>
      </c>
      <c r="BI17" s="315">
        <v>3</v>
      </c>
      <c r="BJ17" s="315">
        <v>2</v>
      </c>
      <c r="BK17" s="315">
        <v>2</v>
      </c>
      <c r="BL17" s="315">
        <v>2</v>
      </c>
      <c r="BM17" s="315">
        <v>0</v>
      </c>
      <c r="BN17" s="312">
        <v>9</v>
      </c>
      <c r="BO17" s="317">
        <v>9</v>
      </c>
      <c r="BP17" s="311">
        <v>0</v>
      </c>
      <c r="BQ17" s="315">
        <v>1</v>
      </c>
      <c r="BR17" s="312">
        <v>1</v>
      </c>
      <c r="BS17" s="314">
        <v>0</v>
      </c>
      <c r="BT17" s="315">
        <v>2</v>
      </c>
      <c r="BU17" s="315">
        <v>1</v>
      </c>
      <c r="BV17" s="315">
        <v>2</v>
      </c>
      <c r="BW17" s="315">
        <v>1</v>
      </c>
      <c r="BX17" s="315">
        <v>0</v>
      </c>
      <c r="BY17" s="312">
        <v>6</v>
      </c>
      <c r="BZ17" s="317">
        <v>7</v>
      </c>
      <c r="CA17" s="311">
        <v>0</v>
      </c>
      <c r="CB17" s="315">
        <v>0</v>
      </c>
      <c r="CC17" s="312">
        <v>0</v>
      </c>
      <c r="CD17" s="314">
        <v>0</v>
      </c>
      <c r="CE17" s="315">
        <v>0</v>
      </c>
      <c r="CF17" s="315">
        <v>1</v>
      </c>
      <c r="CG17" s="315">
        <v>1</v>
      </c>
      <c r="CH17" s="315">
        <v>4</v>
      </c>
      <c r="CI17" s="315">
        <v>1</v>
      </c>
      <c r="CJ17" s="312">
        <v>7</v>
      </c>
      <c r="CK17" s="317">
        <v>7</v>
      </c>
      <c r="CL17" s="311">
        <v>0</v>
      </c>
      <c r="CM17" s="315">
        <v>0</v>
      </c>
      <c r="CN17" s="312">
        <v>0</v>
      </c>
      <c r="CO17" s="314">
        <v>0</v>
      </c>
      <c r="CP17" s="315">
        <v>0</v>
      </c>
      <c r="CQ17" s="315">
        <v>0</v>
      </c>
      <c r="CR17" s="315">
        <v>0</v>
      </c>
      <c r="CS17" s="315">
        <v>0</v>
      </c>
      <c r="CT17" s="315">
        <v>0</v>
      </c>
      <c r="CU17" s="312">
        <v>0</v>
      </c>
      <c r="CV17" s="317">
        <v>0</v>
      </c>
      <c r="CW17" s="311">
        <v>0</v>
      </c>
      <c r="CX17" s="315">
        <v>0</v>
      </c>
      <c r="CY17" s="312">
        <v>0</v>
      </c>
      <c r="CZ17" s="314">
        <v>0</v>
      </c>
      <c r="DA17" s="315">
        <v>0</v>
      </c>
      <c r="DB17" s="315">
        <v>0</v>
      </c>
      <c r="DC17" s="315">
        <v>0</v>
      </c>
      <c r="DD17" s="315">
        <v>0</v>
      </c>
      <c r="DE17" s="315">
        <v>0</v>
      </c>
      <c r="DF17" s="312">
        <v>0</v>
      </c>
      <c r="DG17" s="317">
        <v>0</v>
      </c>
      <c r="DH17" s="311">
        <v>0</v>
      </c>
      <c r="DI17" s="315">
        <v>0</v>
      </c>
      <c r="DJ17" s="312">
        <v>0</v>
      </c>
      <c r="DK17" s="314">
        <v>0</v>
      </c>
      <c r="DL17" s="315">
        <v>0</v>
      </c>
      <c r="DM17" s="315">
        <v>0</v>
      </c>
      <c r="DN17" s="315">
        <v>0</v>
      </c>
      <c r="DO17" s="315">
        <v>0</v>
      </c>
      <c r="DP17" s="315">
        <v>0</v>
      </c>
      <c r="DQ17" s="312">
        <v>0</v>
      </c>
      <c r="DR17" s="317">
        <v>0</v>
      </c>
      <c r="DS17" s="311">
        <v>0</v>
      </c>
      <c r="DT17" s="315">
        <v>4</v>
      </c>
      <c r="DU17" s="312">
        <v>4</v>
      </c>
      <c r="DV17" s="314">
        <v>0</v>
      </c>
      <c r="DW17" s="315">
        <v>7</v>
      </c>
      <c r="DX17" s="315">
        <v>9</v>
      </c>
      <c r="DY17" s="315">
        <v>5</v>
      </c>
      <c r="DZ17" s="315">
        <v>9</v>
      </c>
      <c r="EA17" s="315">
        <v>5</v>
      </c>
      <c r="EB17" s="312">
        <v>35</v>
      </c>
      <c r="EC17" s="317">
        <v>39</v>
      </c>
      <c r="ED17" s="311">
        <v>2</v>
      </c>
      <c r="EE17" s="315">
        <v>3</v>
      </c>
      <c r="EF17" s="312">
        <v>5</v>
      </c>
      <c r="EG17" s="314">
        <v>0</v>
      </c>
      <c r="EH17" s="315">
        <v>6</v>
      </c>
      <c r="EI17" s="315">
        <v>2</v>
      </c>
      <c r="EJ17" s="315">
        <v>3</v>
      </c>
      <c r="EK17" s="315">
        <v>0</v>
      </c>
      <c r="EL17" s="315">
        <v>0</v>
      </c>
      <c r="EM17" s="312">
        <v>11</v>
      </c>
      <c r="EN17" s="317">
        <v>16</v>
      </c>
      <c r="EO17" s="311">
        <v>0</v>
      </c>
      <c r="EP17" s="315">
        <v>4</v>
      </c>
      <c r="EQ17" s="312">
        <v>4</v>
      </c>
      <c r="ER17" s="314">
        <v>0</v>
      </c>
      <c r="ES17" s="315">
        <v>14</v>
      </c>
      <c r="ET17" s="315">
        <v>12</v>
      </c>
      <c r="EU17" s="315">
        <v>9</v>
      </c>
      <c r="EV17" s="315">
        <v>10</v>
      </c>
      <c r="EW17" s="315">
        <v>5</v>
      </c>
      <c r="EX17" s="312">
        <v>50</v>
      </c>
      <c r="EY17" s="317">
        <v>54</v>
      </c>
    </row>
    <row r="18" spans="1:155" ht="19.5" customHeight="1" x14ac:dyDescent="0.2">
      <c r="A18" s="296" t="s">
        <v>16</v>
      </c>
      <c r="B18" s="311">
        <v>0</v>
      </c>
      <c r="C18" s="315">
        <v>0</v>
      </c>
      <c r="D18" s="437">
        <v>0</v>
      </c>
      <c r="E18" s="314">
        <v>0</v>
      </c>
      <c r="F18" s="315">
        <v>10</v>
      </c>
      <c r="G18" s="315">
        <v>13</v>
      </c>
      <c r="H18" s="315">
        <v>8</v>
      </c>
      <c r="I18" s="315">
        <v>1</v>
      </c>
      <c r="J18" s="315">
        <v>3</v>
      </c>
      <c r="K18" s="316">
        <v>35</v>
      </c>
      <c r="L18" s="317">
        <v>35</v>
      </c>
      <c r="M18" s="311">
        <v>0</v>
      </c>
      <c r="N18" s="315">
        <v>0</v>
      </c>
      <c r="O18" s="312">
        <v>0</v>
      </c>
      <c r="P18" s="314">
        <v>0</v>
      </c>
      <c r="Q18" s="315">
        <v>0</v>
      </c>
      <c r="R18" s="315">
        <v>1</v>
      </c>
      <c r="S18" s="315">
        <v>1</v>
      </c>
      <c r="T18" s="315">
        <v>0</v>
      </c>
      <c r="U18" s="315">
        <v>2</v>
      </c>
      <c r="V18" s="312">
        <v>4</v>
      </c>
      <c r="W18" s="317">
        <v>4</v>
      </c>
      <c r="X18" s="311">
        <v>2</v>
      </c>
      <c r="Y18" s="315">
        <v>2</v>
      </c>
      <c r="Z18" s="312">
        <v>4</v>
      </c>
      <c r="AA18" s="314">
        <v>0</v>
      </c>
      <c r="AB18" s="315">
        <v>7</v>
      </c>
      <c r="AC18" s="315">
        <v>12</v>
      </c>
      <c r="AD18" s="315">
        <v>9</v>
      </c>
      <c r="AE18" s="315">
        <v>3</v>
      </c>
      <c r="AF18" s="315">
        <v>2</v>
      </c>
      <c r="AG18" s="312">
        <v>33</v>
      </c>
      <c r="AH18" s="317">
        <v>37</v>
      </c>
      <c r="AI18" s="311">
        <v>0</v>
      </c>
      <c r="AJ18" s="315">
        <v>1</v>
      </c>
      <c r="AK18" s="312">
        <v>1</v>
      </c>
      <c r="AL18" s="314">
        <v>0</v>
      </c>
      <c r="AM18" s="315">
        <v>0</v>
      </c>
      <c r="AN18" s="315">
        <v>0</v>
      </c>
      <c r="AO18" s="315">
        <v>2</v>
      </c>
      <c r="AP18" s="315">
        <v>0</v>
      </c>
      <c r="AQ18" s="315">
        <v>1</v>
      </c>
      <c r="AR18" s="312">
        <v>3</v>
      </c>
      <c r="AS18" s="317">
        <v>4</v>
      </c>
      <c r="AT18" s="311">
        <v>5</v>
      </c>
      <c r="AU18" s="315">
        <v>0</v>
      </c>
      <c r="AV18" s="312">
        <v>5</v>
      </c>
      <c r="AW18" s="314">
        <v>0</v>
      </c>
      <c r="AX18" s="315">
        <v>14</v>
      </c>
      <c r="AY18" s="315">
        <v>12</v>
      </c>
      <c r="AZ18" s="315">
        <v>10</v>
      </c>
      <c r="BA18" s="315">
        <v>12</v>
      </c>
      <c r="BB18" s="315">
        <v>10</v>
      </c>
      <c r="BC18" s="316">
        <v>58</v>
      </c>
      <c r="BD18" s="317">
        <v>63</v>
      </c>
      <c r="BE18" s="311">
        <v>0</v>
      </c>
      <c r="BF18" s="315">
        <v>0</v>
      </c>
      <c r="BG18" s="312">
        <v>0</v>
      </c>
      <c r="BH18" s="314">
        <v>0</v>
      </c>
      <c r="BI18" s="315">
        <v>16</v>
      </c>
      <c r="BJ18" s="315">
        <v>20</v>
      </c>
      <c r="BK18" s="315">
        <v>6</v>
      </c>
      <c r="BL18" s="315">
        <v>3</v>
      </c>
      <c r="BM18" s="315">
        <v>2</v>
      </c>
      <c r="BN18" s="312">
        <v>47</v>
      </c>
      <c r="BO18" s="317">
        <v>47</v>
      </c>
      <c r="BP18" s="311">
        <v>4</v>
      </c>
      <c r="BQ18" s="315">
        <v>5</v>
      </c>
      <c r="BR18" s="312">
        <v>9</v>
      </c>
      <c r="BS18" s="314">
        <v>0</v>
      </c>
      <c r="BT18" s="315">
        <v>9</v>
      </c>
      <c r="BU18" s="315">
        <v>15</v>
      </c>
      <c r="BV18" s="315">
        <v>3</v>
      </c>
      <c r="BW18" s="315">
        <v>0</v>
      </c>
      <c r="BX18" s="315">
        <v>0</v>
      </c>
      <c r="BY18" s="312">
        <v>27</v>
      </c>
      <c r="BZ18" s="317">
        <v>36</v>
      </c>
      <c r="CA18" s="311">
        <v>0</v>
      </c>
      <c r="CB18" s="315">
        <v>0</v>
      </c>
      <c r="CC18" s="312">
        <v>0</v>
      </c>
      <c r="CD18" s="314">
        <v>0</v>
      </c>
      <c r="CE18" s="315">
        <v>4</v>
      </c>
      <c r="CF18" s="315">
        <v>4</v>
      </c>
      <c r="CG18" s="315">
        <v>2</v>
      </c>
      <c r="CH18" s="315">
        <v>0</v>
      </c>
      <c r="CI18" s="315">
        <v>1</v>
      </c>
      <c r="CJ18" s="312">
        <v>11</v>
      </c>
      <c r="CK18" s="317">
        <v>11</v>
      </c>
      <c r="CL18" s="311">
        <v>0</v>
      </c>
      <c r="CM18" s="315">
        <v>0</v>
      </c>
      <c r="CN18" s="312">
        <v>0</v>
      </c>
      <c r="CO18" s="314">
        <v>0</v>
      </c>
      <c r="CP18" s="315">
        <v>1</v>
      </c>
      <c r="CQ18" s="315">
        <v>0</v>
      </c>
      <c r="CR18" s="315">
        <v>0</v>
      </c>
      <c r="CS18" s="315">
        <v>0</v>
      </c>
      <c r="CT18" s="315">
        <v>0</v>
      </c>
      <c r="CU18" s="312">
        <v>1</v>
      </c>
      <c r="CV18" s="317">
        <v>1</v>
      </c>
      <c r="CW18" s="311">
        <v>0</v>
      </c>
      <c r="CX18" s="315">
        <v>0</v>
      </c>
      <c r="CY18" s="312">
        <v>0</v>
      </c>
      <c r="CZ18" s="314">
        <v>0</v>
      </c>
      <c r="DA18" s="315">
        <v>0</v>
      </c>
      <c r="DB18" s="315">
        <v>0</v>
      </c>
      <c r="DC18" s="315">
        <v>0</v>
      </c>
      <c r="DD18" s="315">
        <v>0</v>
      </c>
      <c r="DE18" s="315">
        <v>0</v>
      </c>
      <c r="DF18" s="312">
        <v>0</v>
      </c>
      <c r="DG18" s="317">
        <v>0</v>
      </c>
      <c r="DH18" s="311">
        <v>0</v>
      </c>
      <c r="DI18" s="315">
        <v>0</v>
      </c>
      <c r="DJ18" s="312">
        <v>0</v>
      </c>
      <c r="DK18" s="314">
        <v>0</v>
      </c>
      <c r="DL18" s="315">
        <v>0</v>
      </c>
      <c r="DM18" s="315">
        <v>0</v>
      </c>
      <c r="DN18" s="315">
        <v>0</v>
      </c>
      <c r="DO18" s="315">
        <v>0</v>
      </c>
      <c r="DP18" s="315">
        <v>0</v>
      </c>
      <c r="DQ18" s="312">
        <v>0</v>
      </c>
      <c r="DR18" s="317">
        <v>0</v>
      </c>
      <c r="DS18" s="311">
        <v>7</v>
      </c>
      <c r="DT18" s="315">
        <v>15</v>
      </c>
      <c r="DU18" s="312">
        <v>22</v>
      </c>
      <c r="DV18" s="314">
        <v>0</v>
      </c>
      <c r="DW18" s="315">
        <v>22</v>
      </c>
      <c r="DX18" s="315">
        <v>37</v>
      </c>
      <c r="DY18" s="315">
        <v>25</v>
      </c>
      <c r="DZ18" s="315">
        <v>5</v>
      </c>
      <c r="EA18" s="315">
        <v>7</v>
      </c>
      <c r="EB18" s="312">
        <v>96</v>
      </c>
      <c r="EC18" s="317">
        <v>118</v>
      </c>
      <c r="ED18" s="311">
        <v>6</v>
      </c>
      <c r="EE18" s="315">
        <v>0</v>
      </c>
      <c r="EF18" s="312">
        <v>6</v>
      </c>
      <c r="EG18" s="314">
        <v>0</v>
      </c>
      <c r="EH18" s="315">
        <v>14</v>
      </c>
      <c r="EI18" s="315">
        <v>10</v>
      </c>
      <c r="EJ18" s="315">
        <v>1</v>
      </c>
      <c r="EK18" s="315">
        <v>11</v>
      </c>
      <c r="EL18" s="315">
        <v>6</v>
      </c>
      <c r="EM18" s="312">
        <v>42</v>
      </c>
      <c r="EN18" s="317">
        <v>48</v>
      </c>
      <c r="EO18" s="311">
        <v>11</v>
      </c>
      <c r="EP18" s="315">
        <v>21</v>
      </c>
      <c r="EQ18" s="312">
        <v>32</v>
      </c>
      <c r="ER18" s="314">
        <v>0</v>
      </c>
      <c r="ES18" s="315">
        <v>48</v>
      </c>
      <c r="ET18" s="315">
        <v>56</v>
      </c>
      <c r="EU18" s="315">
        <v>29</v>
      </c>
      <c r="EV18" s="315">
        <v>6</v>
      </c>
      <c r="EW18" s="315">
        <v>8</v>
      </c>
      <c r="EX18" s="312">
        <v>147</v>
      </c>
      <c r="EY18" s="317">
        <v>179</v>
      </c>
    </row>
    <row r="19" spans="1:155" ht="19.5" customHeight="1" x14ac:dyDescent="0.2">
      <c r="A19" s="296" t="s">
        <v>17</v>
      </c>
      <c r="B19" s="311">
        <v>0</v>
      </c>
      <c r="C19" s="315">
        <v>0</v>
      </c>
      <c r="D19" s="437">
        <v>0</v>
      </c>
      <c r="E19" s="314">
        <v>0</v>
      </c>
      <c r="F19" s="315">
        <v>11</v>
      </c>
      <c r="G19" s="315">
        <v>19</v>
      </c>
      <c r="H19" s="315">
        <v>19</v>
      </c>
      <c r="I19" s="315">
        <v>6</v>
      </c>
      <c r="J19" s="315">
        <v>5</v>
      </c>
      <c r="K19" s="316">
        <v>60</v>
      </c>
      <c r="L19" s="317">
        <v>60</v>
      </c>
      <c r="M19" s="311">
        <v>0</v>
      </c>
      <c r="N19" s="315">
        <v>0</v>
      </c>
      <c r="O19" s="312">
        <v>0</v>
      </c>
      <c r="P19" s="314">
        <v>0</v>
      </c>
      <c r="Q19" s="315">
        <v>0</v>
      </c>
      <c r="R19" s="315">
        <v>4</v>
      </c>
      <c r="S19" s="315">
        <v>2</v>
      </c>
      <c r="T19" s="315">
        <v>4</v>
      </c>
      <c r="U19" s="315">
        <v>4</v>
      </c>
      <c r="V19" s="312">
        <v>14</v>
      </c>
      <c r="W19" s="317">
        <v>14</v>
      </c>
      <c r="X19" s="311">
        <v>5</v>
      </c>
      <c r="Y19" s="315">
        <v>8</v>
      </c>
      <c r="Z19" s="312">
        <v>13</v>
      </c>
      <c r="AA19" s="314">
        <v>0</v>
      </c>
      <c r="AB19" s="315">
        <v>10</v>
      </c>
      <c r="AC19" s="315">
        <v>21</v>
      </c>
      <c r="AD19" s="315">
        <v>14</v>
      </c>
      <c r="AE19" s="315">
        <v>9</v>
      </c>
      <c r="AF19" s="315">
        <v>7</v>
      </c>
      <c r="AG19" s="312">
        <v>61</v>
      </c>
      <c r="AH19" s="317">
        <v>74</v>
      </c>
      <c r="AI19" s="311">
        <v>0</v>
      </c>
      <c r="AJ19" s="315">
        <v>0</v>
      </c>
      <c r="AK19" s="312">
        <v>0</v>
      </c>
      <c r="AL19" s="314">
        <v>0</v>
      </c>
      <c r="AM19" s="315">
        <v>0</v>
      </c>
      <c r="AN19" s="315">
        <v>1</v>
      </c>
      <c r="AO19" s="315">
        <v>2</v>
      </c>
      <c r="AP19" s="315">
        <v>2</v>
      </c>
      <c r="AQ19" s="315">
        <v>0</v>
      </c>
      <c r="AR19" s="312">
        <v>5</v>
      </c>
      <c r="AS19" s="317">
        <v>5</v>
      </c>
      <c r="AT19" s="311">
        <v>3</v>
      </c>
      <c r="AU19" s="315">
        <v>8</v>
      </c>
      <c r="AV19" s="312">
        <v>11</v>
      </c>
      <c r="AW19" s="314">
        <v>0</v>
      </c>
      <c r="AX19" s="315">
        <v>16</v>
      </c>
      <c r="AY19" s="315">
        <v>30</v>
      </c>
      <c r="AZ19" s="315">
        <v>22</v>
      </c>
      <c r="BA19" s="315">
        <v>26</v>
      </c>
      <c r="BB19" s="315">
        <v>17</v>
      </c>
      <c r="BC19" s="316">
        <v>111</v>
      </c>
      <c r="BD19" s="317">
        <v>122</v>
      </c>
      <c r="BE19" s="311">
        <v>0</v>
      </c>
      <c r="BF19" s="315">
        <v>0</v>
      </c>
      <c r="BG19" s="312">
        <v>0</v>
      </c>
      <c r="BH19" s="314">
        <v>0</v>
      </c>
      <c r="BI19" s="315">
        <v>24</v>
      </c>
      <c r="BJ19" s="315">
        <v>30</v>
      </c>
      <c r="BK19" s="315">
        <v>16</v>
      </c>
      <c r="BL19" s="315">
        <v>8</v>
      </c>
      <c r="BM19" s="315">
        <v>1</v>
      </c>
      <c r="BN19" s="312">
        <v>79</v>
      </c>
      <c r="BO19" s="317">
        <v>79</v>
      </c>
      <c r="BP19" s="311">
        <v>1</v>
      </c>
      <c r="BQ19" s="315">
        <v>3</v>
      </c>
      <c r="BR19" s="312">
        <v>4</v>
      </c>
      <c r="BS19" s="314">
        <v>0</v>
      </c>
      <c r="BT19" s="315">
        <v>8</v>
      </c>
      <c r="BU19" s="315">
        <v>4</v>
      </c>
      <c r="BV19" s="315">
        <v>7</v>
      </c>
      <c r="BW19" s="315">
        <v>2</v>
      </c>
      <c r="BX19" s="315">
        <v>0</v>
      </c>
      <c r="BY19" s="312">
        <v>21</v>
      </c>
      <c r="BZ19" s="317">
        <v>25</v>
      </c>
      <c r="CA19" s="311">
        <v>0</v>
      </c>
      <c r="CB19" s="315">
        <v>0</v>
      </c>
      <c r="CC19" s="312">
        <v>0</v>
      </c>
      <c r="CD19" s="314">
        <v>0</v>
      </c>
      <c r="CE19" s="315">
        <v>8</v>
      </c>
      <c r="CF19" s="315">
        <v>4</v>
      </c>
      <c r="CG19" s="315">
        <v>7</v>
      </c>
      <c r="CH19" s="315">
        <v>5</v>
      </c>
      <c r="CI19" s="315">
        <v>0</v>
      </c>
      <c r="CJ19" s="312">
        <v>24</v>
      </c>
      <c r="CK19" s="317">
        <v>24</v>
      </c>
      <c r="CL19" s="311">
        <v>0</v>
      </c>
      <c r="CM19" s="315">
        <v>0</v>
      </c>
      <c r="CN19" s="312">
        <v>0</v>
      </c>
      <c r="CO19" s="314">
        <v>0</v>
      </c>
      <c r="CP19" s="315">
        <v>0</v>
      </c>
      <c r="CQ19" s="315">
        <v>0</v>
      </c>
      <c r="CR19" s="315">
        <v>2</v>
      </c>
      <c r="CS19" s="315">
        <v>0</v>
      </c>
      <c r="CT19" s="315">
        <v>0</v>
      </c>
      <c r="CU19" s="312">
        <v>2</v>
      </c>
      <c r="CV19" s="317">
        <v>2</v>
      </c>
      <c r="CW19" s="311">
        <v>0</v>
      </c>
      <c r="CX19" s="315">
        <v>0</v>
      </c>
      <c r="CY19" s="312">
        <v>0</v>
      </c>
      <c r="CZ19" s="314">
        <v>0</v>
      </c>
      <c r="DA19" s="315">
        <v>0</v>
      </c>
      <c r="DB19" s="315">
        <v>0</v>
      </c>
      <c r="DC19" s="315">
        <v>0</v>
      </c>
      <c r="DD19" s="315">
        <v>0</v>
      </c>
      <c r="DE19" s="315">
        <v>0</v>
      </c>
      <c r="DF19" s="312">
        <v>0</v>
      </c>
      <c r="DG19" s="317">
        <v>0</v>
      </c>
      <c r="DH19" s="311">
        <v>0</v>
      </c>
      <c r="DI19" s="315">
        <v>0</v>
      </c>
      <c r="DJ19" s="312">
        <v>0</v>
      </c>
      <c r="DK19" s="314">
        <v>0</v>
      </c>
      <c r="DL19" s="315">
        <v>0</v>
      </c>
      <c r="DM19" s="315">
        <v>0</v>
      </c>
      <c r="DN19" s="315">
        <v>0</v>
      </c>
      <c r="DO19" s="315">
        <v>0</v>
      </c>
      <c r="DP19" s="315">
        <v>0</v>
      </c>
      <c r="DQ19" s="312">
        <v>0</v>
      </c>
      <c r="DR19" s="317">
        <v>0</v>
      </c>
      <c r="DS19" s="311">
        <v>16</v>
      </c>
      <c r="DT19" s="315">
        <v>22</v>
      </c>
      <c r="DU19" s="312">
        <v>38</v>
      </c>
      <c r="DV19" s="314">
        <v>0</v>
      </c>
      <c r="DW19" s="315">
        <v>24</v>
      </c>
      <c r="DX19" s="315">
        <v>60</v>
      </c>
      <c r="DY19" s="315">
        <v>41</v>
      </c>
      <c r="DZ19" s="315">
        <v>26</v>
      </c>
      <c r="EA19" s="315">
        <v>10</v>
      </c>
      <c r="EB19" s="312">
        <v>161</v>
      </c>
      <c r="EC19" s="317">
        <v>199</v>
      </c>
      <c r="ED19" s="311">
        <v>2</v>
      </c>
      <c r="EE19" s="315">
        <v>4</v>
      </c>
      <c r="EF19" s="312">
        <v>6</v>
      </c>
      <c r="EG19" s="314">
        <v>0</v>
      </c>
      <c r="EH19" s="315">
        <v>12</v>
      </c>
      <c r="EI19" s="315">
        <v>9</v>
      </c>
      <c r="EJ19" s="315">
        <v>5</v>
      </c>
      <c r="EK19" s="315">
        <v>13</v>
      </c>
      <c r="EL19" s="315">
        <v>7</v>
      </c>
      <c r="EM19" s="312">
        <v>46</v>
      </c>
      <c r="EN19" s="317">
        <v>52</v>
      </c>
      <c r="EO19" s="311">
        <v>19</v>
      </c>
      <c r="EP19" s="315">
        <v>27</v>
      </c>
      <c r="EQ19" s="312">
        <v>46</v>
      </c>
      <c r="ER19" s="314">
        <v>0</v>
      </c>
      <c r="ES19" s="315">
        <v>60</v>
      </c>
      <c r="ET19" s="315">
        <v>80</v>
      </c>
      <c r="EU19" s="315">
        <v>50</v>
      </c>
      <c r="EV19" s="315">
        <v>27</v>
      </c>
      <c r="EW19" s="315">
        <v>12</v>
      </c>
      <c r="EX19" s="312">
        <v>229</v>
      </c>
      <c r="EY19" s="317">
        <v>275</v>
      </c>
    </row>
    <row r="20" spans="1:155" ht="19.5" customHeight="1" x14ac:dyDescent="0.2">
      <c r="A20" s="296" t="s">
        <v>18</v>
      </c>
      <c r="B20" s="311">
        <v>0</v>
      </c>
      <c r="C20" s="315">
        <v>0</v>
      </c>
      <c r="D20" s="437">
        <v>0</v>
      </c>
      <c r="E20" s="314">
        <v>0</v>
      </c>
      <c r="F20" s="315">
        <v>23</v>
      </c>
      <c r="G20" s="315">
        <v>36</v>
      </c>
      <c r="H20" s="315">
        <v>20</v>
      </c>
      <c r="I20" s="315">
        <v>13</v>
      </c>
      <c r="J20" s="315">
        <v>11</v>
      </c>
      <c r="K20" s="316">
        <v>103</v>
      </c>
      <c r="L20" s="317">
        <v>103</v>
      </c>
      <c r="M20" s="311">
        <v>0</v>
      </c>
      <c r="N20" s="315">
        <v>0</v>
      </c>
      <c r="O20" s="312">
        <v>0</v>
      </c>
      <c r="P20" s="314">
        <v>0</v>
      </c>
      <c r="Q20" s="315">
        <v>0</v>
      </c>
      <c r="R20" s="315">
        <v>2</v>
      </c>
      <c r="S20" s="315">
        <v>1</v>
      </c>
      <c r="T20" s="315">
        <v>4</v>
      </c>
      <c r="U20" s="315">
        <v>4</v>
      </c>
      <c r="V20" s="312">
        <v>11</v>
      </c>
      <c r="W20" s="317">
        <v>11</v>
      </c>
      <c r="X20" s="311">
        <v>7</v>
      </c>
      <c r="Y20" s="315">
        <v>8</v>
      </c>
      <c r="Z20" s="312">
        <v>15</v>
      </c>
      <c r="AA20" s="314">
        <v>0</v>
      </c>
      <c r="AB20" s="315">
        <v>15</v>
      </c>
      <c r="AC20" s="315">
        <v>36</v>
      </c>
      <c r="AD20" s="315">
        <v>14</v>
      </c>
      <c r="AE20" s="315">
        <v>20</v>
      </c>
      <c r="AF20" s="315">
        <v>6</v>
      </c>
      <c r="AG20" s="312">
        <v>91</v>
      </c>
      <c r="AH20" s="317">
        <v>106</v>
      </c>
      <c r="AI20" s="311">
        <v>0</v>
      </c>
      <c r="AJ20" s="315">
        <v>0</v>
      </c>
      <c r="AK20" s="312">
        <v>0</v>
      </c>
      <c r="AL20" s="314">
        <v>0</v>
      </c>
      <c r="AM20" s="315">
        <v>3</v>
      </c>
      <c r="AN20" s="315">
        <v>3</v>
      </c>
      <c r="AO20" s="315">
        <v>1</v>
      </c>
      <c r="AP20" s="315">
        <v>1</v>
      </c>
      <c r="AQ20" s="315">
        <v>1</v>
      </c>
      <c r="AR20" s="312">
        <v>9</v>
      </c>
      <c r="AS20" s="317">
        <v>9</v>
      </c>
      <c r="AT20" s="311">
        <v>6</v>
      </c>
      <c r="AU20" s="315">
        <v>2</v>
      </c>
      <c r="AV20" s="312">
        <v>8</v>
      </c>
      <c r="AW20" s="314">
        <v>0</v>
      </c>
      <c r="AX20" s="315">
        <v>24</v>
      </c>
      <c r="AY20" s="315">
        <v>36</v>
      </c>
      <c r="AZ20" s="315">
        <v>19</v>
      </c>
      <c r="BA20" s="315">
        <v>29</v>
      </c>
      <c r="BB20" s="315">
        <v>30</v>
      </c>
      <c r="BC20" s="316">
        <v>138</v>
      </c>
      <c r="BD20" s="317">
        <v>146</v>
      </c>
      <c r="BE20" s="311">
        <v>0</v>
      </c>
      <c r="BF20" s="315">
        <v>0</v>
      </c>
      <c r="BG20" s="312">
        <v>0</v>
      </c>
      <c r="BH20" s="314">
        <v>0</v>
      </c>
      <c r="BI20" s="315">
        <v>22</v>
      </c>
      <c r="BJ20" s="315">
        <v>46</v>
      </c>
      <c r="BK20" s="315">
        <v>14</v>
      </c>
      <c r="BL20" s="315">
        <v>10</v>
      </c>
      <c r="BM20" s="315">
        <v>2</v>
      </c>
      <c r="BN20" s="312">
        <v>94</v>
      </c>
      <c r="BO20" s="317">
        <v>94</v>
      </c>
      <c r="BP20" s="311">
        <v>3</v>
      </c>
      <c r="BQ20" s="315">
        <v>3</v>
      </c>
      <c r="BR20" s="312">
        <v>6</v>
      </c>
      <c r="BS20" s="314">
        <v>0</v>
      </c>
      <c r="BT20" s="315">
        <v>8</v>
      </c>
      <c r="BU20" s="315">
        <v>12</v>
      </c>
      <c r="BV20" s="315">
        <v>6</v>
      </c>
      <c r="BW20" s="315">
        <v>7</v>
      </c>
      <c r="BX20" s="315">
        <v>2</v>
      </c>
      <c r="BY20" s="312">
        <v>35</v>
      </c>
      <c r="BZ20" s="317">
        <v>41</v>
      </c>
      <c r="CA20" s="311">
        <v>0</v>
      </c>
      <c r="CB20" s="315">
        <v>0</v>
      </c>
      <c r="CC20" s="312">
        <v>0</v>
      </c>
      <c r="CD20" s="314">
        <v>0</v>
      </c>
      <c r="CE20" s="315">
        <v>2</v>
      </c>
      <c r="CF20" s="315">
        <v>9</v>
      </c>
      <c r="CG20" s="315">
        <v>6</v>
      </c>
      <c r="CH20" s="315">
        <v>6</v>
      </c>
      <c r="CI20" s="315">
        <v>2</v>
      </c>
      <c r="CJ20" s="312">
        <v>25</v>
      </c>
      <c r="CK20" s="317">
        <v>25</v>
      </c>
      <c r="CL20" s="311">
        <v>0</v>
      </c>
      <c r="CM20" s="315">
        <v>0</v>
      </c>
      <c r="CN20" s="312">
        <v>0</v>
      </c>
      <c r="CO20" s="314">
        <v>0</v>
      </c>
      <c r="CP20" s="315">
        <v>0</v>
      </c>
      <c r="CQ20" s="315">
        <v>0</v>
      </c>
      <c r="CR20" s="315">
        <v>0</v>
      </c>
      <c r="CS20" s="315">
        <v>0</v>
      </c>
      <c r="CT20" s="315">
        <v>0</v>
      </c>
      <c r="CU20" s="312">
        <v>0</v>
      </c>
      <c r="CV20" s="317">
        <v>0</v>
      </c>
      <c r="CW20" s="311">
        <v>0</v>
      </c>
      <c r="CX20" s="315">
        <v>0</v>
      </c>
      <c r="CY20" s="312">
        <v>0</v>
      </c>
      <c r="CZ20" s="314">
        <v>0</v>
      </c>
      <c r="DA20" s="315">
        <v>0</v>
      </c>
      <c r="DB20" s="315">
        <v>0</v>
      </c>
      <c r="DC20" s="315">
        <v>0</v>
      </c>
      <c r="DD20" s="315">
        <v>0</v>
      </c>
      <c r="DE20" s="315">
        <v>0</v>
      </c>
      <c r="DF20" s="312">
        <v>0</v>
      </c>
      <c r="DG20" s="317">
        <v>0</v>
      </c>
      <c r="DH20" s="311">
        <v>0</v>
      </c>
      <c r="DI20" s="315">
        <v>0</v>
      </c>
      <c r="DJ20" s="312">
        <v>0</v>
      </c>
      <c r="DK20" s="314">
        <v>0</v>
      </c>
      <c r="DL20" s="315">
        <v>0</v>
      </c>
      <c r="DM20" s="315">
        <v>0</v>
      </c>
      <c r="DN20" s="315">
        <v>0</v>
      </c>
      <c r="DO20" s="315">
        <v>0</v>
      </c>
      <c r="DP20" s="315">
        <v>0</v>
      </c>
      <c r="DQ20" s="312">
        <v>0</v>
      </c>
      <c r="DR20" s="317">
        <v>0</v>
      </c>
      <c r="DS20" s="311">
        <v>12</v>
      </c>
      <c r="DT20" s="315">
        <v>22</v>
      </c>
      <c r="DU20" s="312">
        <v>34</v>
      </c>
      <c r="DV20" s="314">
        <v>0</v>
      </c>
      <c r="DW20" s="315">
        <v>40</v>
      </c>
      <c r="DX20" s="315">
        <v>69</v>
      </c>
      <c r="DY20" s="315">
        <v>34</v>
      </c>
      <c r="DZ20" s="315">
        <v>36</v>
      </c>
      <c r="EA20" s="315">
        <v>17</v>
      </c>
      <c r="EB20" s="312">
        <v>196</v>
      </c>
      <c r="EC20" s="317">
        <v>230</v>
      </c>
      <c r="ED20" s="311">
        <v>3</v>
      </c>
      <c r="EE20" s="315">
        <v>0</v>
      </c>
      <c r="EF20" s="312">
        <v>3</v>
      </c>
      <c r="EG20" s="314">
        <v>0</v>
      </c>
      <c r="EH20" s="315">
        <v>13</v>
      </c>
      <c r="EI20" s="315">
        <v>12</v>
      </c>
      <c r="EJ20" s="315">
        <v>8</v>
      </c>
      <c r="EK20" s="315">
        <v>11</v>
      </c>
      <c r="EL20" s="315">
        <v>14</v>
      </c>
      <c r="EM20" s="312">
        <v>58</v>
      </c>
      <c r="EN20" s="317">
        <v>61</v>
      </c>
      <c r="EO20" s="311">
        <v>20</v>
      </c>
      <c r="EP20" s="315">
        <v>29</v>
      </c>
      <c r="EQ20" s="312">
        <v>49</v>
      </c>
      <c r="ER20" s="314">
        <v>0</v>
      </c>
      <c r="ES20" s="315">
        <v>91</v>
      </c>
      <c r="ET20" s="315">
        <v>112</v>
      </c>
      <c r="EU20" s="315">
        <v>43</v>
      </c>
      <c r="EV20" s="315">
        <v>37</v>
      </c>
      <c r="EW20" s="315">
        <v>15</v>
      </c>
      <c r="EX20" s="312">
        <v>298</v>
      </c>
      <c r="EY20" s="317">
        <v>347</v>
      </c>
    </row>
    <row r="21" spans="1:155" ht="19.5" customHeight="1" x14ac:dyDescent="0.2">
      <c r="A21" s="296" t="s">
        <v>19</v>
      </c>
      <c r="B21" s="311">
        <v>0</v>
      </c>
      <c r="C21" s="315">
        <v>0</v>
      </c>
      <c r="D21" s="437">
        <v>0</v>
      </c>
      <c r="E21" s="314">
        <v>0</v>
      </c>
      <c r="F21" s="315">
        <v>6</v>
      </c>
      <c r="G21" s="315">
        <v>11</v>
      </c>
      <c r="H21" s="315">
        <v>7</v>
      </c>
      <c r="I21" s="315">
        <v>4</v>
      </c>
      <c r="J21" s="315">
        <v>1</v>
      </c>
      <c r="K21" s="316">
        <v>29</v>
      </c>
      <c r="L21" s="317">
        <v>29</v>
      </c>
      <c r="M21" s="311">
        <v>0</v>
      </c>
      <c r="N21" s="315">
        <v>0</v>
      </c>
      <c r="O21" s="312">
        <v>0</v>
      </c>
      <c r="P21" s="314">
        <v>0</v>
      </c>
      <c r="Q21" s="315">
        <v>0</v>
      </c>
      <c r="R21" s="315">
        <v>0</v>
      </c>
      <c r="S21" s="315">
        <v>1</v>
      </c>
      <c r="T21" s="315">
        <v>1</v>
      </c>
      <c r="U21" s="315">
        <v>1</v>
      </c>
      <c r="V21" s="312">
        <v>3</v>
      </c>
      <c r="W21" s="317">
        <v>3</v>
      </c>
      <c r="X21" s="311">
        <v>3</v>
      </c>
      <c r="Y21" s="315">
        <v>3</v>
      </c>
      <c r="Z21" s="312">
        <v>6</v>
      </c>
      <c r="AA21" s="314">
        <v>0</v>
      </c>
      <c r="AB21" s="315">
        <v>10</v>
      </c>
      <c r="AC21" s="315">
        <v>12</v>
      </c>
      <c r="AD21" s="315">
        <v>5</v>
      </c>
      <c r="AE21" s="315">
        <v>5</v>
      </c>
      <c r="AF21" s="315">
        <v>3</v>
      </c>
      <c r="AG21" s="312">
        <v>35</v>
      </c>
      <c r="AH21" s="317">
        <v>41</v>
      </c>
      <c r="AI21" s="311">
        <v>0</v>
      </c>
      <c r="AJ21" s="315">
        <v>0</v>
      </c>
      <c r="AK21" s="312">
        <v>0</v>
      </c>
      <c r="AL21" s="314">
        <v>0</v>
      </c>
      <c r="AM21" s="315">
        <v>1</v>
      </c>
      <c r="AN21" s="315">
        <v>0</v>
      </c>
      <c r="AO21" s="315">
        <v>2</v>
      </c>
      <c r="AP21" s="315">
        <v>0</v>
      </c>
      <c r="AQ21" s="315">
        <v>0</v>
      </c>
      <c r="AR21" s="312">
        <v>3</v>
      </c>
      <c r="AS21" s="317">
        <v>3</v>
      </c>
      <c r="AT21" s="311">
        <v>3</v>
      </c>
      <c r="AU21" s="315">
        <v>4</v>
      </c>
      <c r="AV21" s="312">
        <v>7</v>
      </c>
      <c r="AW21" s="314">
        <v>0</v>
      </c>
      <c r="AX21" s="315">
        <v>9</v>
      </c>
      <c r="AY21" s="315">
        <v>10</v>
      </c>
      <c r="AZ21" s="315">
        <v>15</v>
      </c>
      <c r="BA21" s="315">
        <v>8</v>
      </c>
      <c r="BB21" s="315">
        <v>6</v>
      </c>
      <c r="BC21" s="316">
        <v>48</v>
      </c>
      <c r="BD21" s="317">
        <v>55</v>
      </c>
      <c r="BE21" s="311">
        <v>0</v>
      </c>
      <c r="BF21" s="315">
        <v>0</v>
      </c>
      <c r="BG21" s="312">
        <v>0</v>
      </c>
      <c r="BH21" s="314">
        <v>0</v>
      </c>
      <c r="BI21" s="315">
        <v>16</v>
      </c>
      <c r="BJ21" s="315">
        <v>7</v>
      </c>
      <c r="BK21" s="315">
        <v>7</v>
      </c>
      <c r="BL21" s="315">
        <v>1</v>
      </c>
      <c r="BM21" s="315">
        <v>3</v>
      </c>
      <c r="BN21" s="312">
        <v>34</v>
      </c>
      <c r="BO21" s="317">
        <v>34</v>
      </c>
      <c r="BP21" s="311">
        <v>0</v>
      </c>
      <c r="BQ21" s="315">
        <v>3</v>
      </c>
      <c r="BR21" s="312">
        <v>3</v>
      </c>
      <c r="BS21" s="314">
        <v>0</v>
      </c>
      <c r="BT21" s="315">
        <v>2</v>
      </c>
      <c r="BU21" s="315">
        <v>2</v>
      </c>
      <c r="BV21" s="315">
        <v>3</v>
      </c>
      <c r="BW21" s="315">
        <v>5</v>
      </c>
      <c r="BX21" s="315">
        <v>1</v>
      </c>
      <c r="BY21" s="312">
        <v>13</v>
      </c>
      <c r="BZ21" s="317">
        <v>16</v>
      </c>
      <c r="CA21" s="311">
        <v>0</v>
      </c>
      <c r="CB21" s="315">
        <v>1</v>
      </c>
      <c r="CC21" s="312">
        <v>1</v>
      </c>
      <c r="CD21" s="314">
        <v>0</v>
      </c>
      <c r="CE21" s="315">
        <v>2</v>
      </c>
      <c r="CF21" s="315">
        <v>1</v>
      </c>
      <c r="CG21" s="315">
        <v>4</v>
      </c>
      <c r="CH21" s="315">
        <v>0</v>
      </c>
      <c r="CI21" s="315">
        <v>0</v>
      </c>
      <c r="CJ21" s="312">
        <v>7</v>
      </c>
      <c r="CK21" s="317">
        <v>8</v>
      </c>
      <c r="CL21" s="311">
        <v>0</v>
      </c>
      <c r="CM21" s="315">
        <v>0</v>
      </c>
      <c r="CN21" s="312">
        <v>0</v>
      </c>
      <c r="CO21" s="314">
        <v>0</v>
      </c>
      <c r="CP21" s="315">
        <v>0</v>
      </c>
      <c r="CQ21" s="315">
        <v>1</v>
      </c>
      <c r="CR21" s="315">
        <v>1</v>
      </c>
      <c r="CS21" s="315">
        <v>2</v>
      </c>
      <c r="CT21" s="315">
        <v>0</v>
      </c>
      <c r="CU21" s="312">
        <v>4</v>
      </c>
      <c r="CV21" s="317">
        <v>4</v>
      </c>
      <c r="CW21" s="311">
        <v>0</v>
      </c>
      <c r="CX21" s="315">
        <v>0</v>
      </c>
      <c r="CY21" s="312">
        <v>0</v>
      </c>
      <c r="CZ21" s="314">
        <v>0</v>
      </c>
      <c r="DA21" s="315">
        <v>0</v>
      </c>
      <c r="DB21" s="315">
        <v>0</v>
      </c>
      <c r="DC21" s="315">
        <v>0</v>
      </c>
      <c r="DD21" s="315">
        <v>0</v>
      </c>
      <c r="DE21" s="315">
        <v>0</v>
      </c>
      <c r="DF21" s="312">
        <v>0</v>
      </c>
      <c r="DG21" s="317">
        <v>0</v>
      </c>
      <c r="DH21" s="311">
        <v>0</v>
      </c>
      <c r="DI21" s="315">
        <v>0</v>
      </c>
      <c r="DJ21" s="312">
        <v>0</v>
      </c>
      <c r="DK21" s="314">
        <v>0</v>
      </c>
      <c r="DL21" s="315">
        <v>0</v>
      </c>
      <c r="DM21" s="315">
        <v>0</v>
      </c>
      <c r="DN21" s="315">
        <v>0</v>
      </c>
      <c r="DO21" s="315">
        <v>0</v>
      </c>
      <c r="DP21" s="315">
        <v>0</v>
      </c>
      <c r="DQ21" s="312">
        <v>0</v>
      </c>
      <c r="DR21" s="317">
        <v>0</v>
      </c>
      <c r="DS21" s="311">
        <v>5</v>
      </c>
      <c r="DT21" s="315">
        <v>10</v>
      </c>
      <c r="DU21" s="312">
        <v>15</v>
      </c>
      <c r="DV21" s="314">
        <v>0</v>
      </c>
      <c r="DW21" s="315">
        <v>15</v>
      </c>
      <c r="DX21" s="315">
        <v>23</v>
      </c>
      <c r="DY21" s="315">
        <v>18</v>
      </c>
      <c r="DZ21" s="315">
        <v>11</v>
      </c>
      <c r="EA21" s="315">
        <v>5</v>
      </c>
      <c r="EB21" s="312">
        <v>72</v>
      </c>
      <c r="EC21" s="317">
        <v>87</v>
      </c>
      <c r="ED21" s="311">
        <v>1</v>
      </c>
      <c r="EE21" s="315">
        <v>4</v>
      </c>
      <c r="EF21" s="312">
        <v>5</v>
      </c>
      <c r="EG21" s="314">
        <v>0</v>
      </c>
      <c r="EH21" s="315">
        <v>8</v>
      </c>
      <c r="EI21" s="315">
        <v>3</v>
      </c>
      <c r="EJ21" s="315">
        <v>7</v>
      </c>
      <c r="EK21" s="315">
        <v>1</v>
      </c>
      <c r="EL21" s="315">
        <v>3</v>
      </c>
      <c r="EM21" s="312">
        <v>22</v>
      </c>
      <c r="EN21" s="317">
        <v>27</v>
      </c>
      <c r="EO21" s="311">
        <v>8</v>
      </c>
      <c r="EP21" s="315">
        <v>13</v>
      </c>
      <c r="EQ21" s="312">
        <v>21</v>
      </c>
      <c r="ER21" s="314">
        <v>0</v>
      </c>
      <c r="ES21" s="315">
        <v>35</v>
      </c>
      <c r="ET21" s="315">
        <v>31</v>
      </c>
      <c r="EU21" s="315">
        <v>19</v>
      </c>
      <c r="EV21" s="315">
        <v>9</v>
      </c>
      <c r="EW21" s="315">
        <v>5</v>
      </c>
      <c r="EX21" s="312">
        <v>99</v>
      </c>
      <c r="EY21" s="317">
        <v>120</v>
      </c>
    </row>
    <row r="22" spans="1:155" ht="19.5" customHeight="1" x14ac:dyDescent="0.2">
      <c r="A22" s="296" t="s">
        <v>20</v>
      </c>
      <c r="B22" s="311">
        <v>0</v>
      </c>
      <c r="C22" s="315">
        <v>0</v>
      </c>
      <c r="D22" s="437">
        <v>0</v>
      </c>
      <c r="E22" s="314">
        <v>0</v>
      </c>
      <c r="F22" s="315">
        <v>15</v>
      </c>
      <c r="G22" s="315">
        <v>8</v>
      </c>
      <c r="H22" s="315">
        <v>3</v>
      </c>
      <c r="I22" s="315">
        <v>6</v>
      </c>
      <c r="J22" s="315">
        <v>4</v>
      </c>
      <c r="K22" s="316">
        <v>36</v>
      </c>
      <c r="L22" s="317">
        <v>36</v>
      </c>
      <c r="M22" s="311">
        <v>0</v>
      </c>
      <c r="N22" s="315">
        <v>0</v>
      </c>
      <c r="O22" s="312">
        <v>0</v>
      </c>
      <c r="P22" s="314">
        <v>0</v>
      </c>
      <c r="Q22" s="315">
        <v>1</v>
      </c>
      <c r="R22" s="315">
        <v>0</v>
      </c>
      <c r="S22" s="315">
        <v>1</v>
      </c>
      <c r="T22" s="315">
        <v>0</v>
      </c>
      <c r="U22" s="315">
        <v>2</v>
      </c>
      <c r="V22" s="312">
        <v>4</v>
      </c>
      <c r="W22" s="317">
        <v>4</v>
      </c>
      <c r="X22" s="311">
        <v>2</v>
      </c>
      <c r="Y22" s="315">
        <v>3</v>
      </c>
      <c r="Z22" s="312">
        <v>5</v>
      </c>
      <c r="AA22" s="314">
        <v>0</v>
      </c>
      <c r="AB22" s="315">
        <v>14</v>
      </c>
      <c r="AC22" s="315">
        <v>10</v>
      </c>
      <c r="AD22" s="315">
        <v>7</v>
      </c>
      <c r="AE22" s="315">
        <v>5</v>
      </c>
      <c r="AF22" s="315">
        <v>1</v>
      </c>
      <c r="AG22" s="312">
        <v>37</v>
      </c>
      <c r="AH22" s="317">
        <v>42</v>
      </c>
      <c r="AI22" s="311">
        <v>2</v>
      </c>
      <c r="AJ22" s="315">
        <v>2</v>
      </c>
      <c r="AK22" s="312">
        <v>4</v>
      </c>
      <c r="AL22" s="314">
        <v>0</v>
      </c>
      <c r="AM22" s="315">
        <v>3</v>
      </c>
      <c r="AN22" s="315">
        <v>5</v>
      </c>
      <c r="AO22" s="315">
        <v>3</v>
      </c>
      <c r="AP22" s="315">
        <v>0</v>
      </c>
      <c r="AQ22" s="315">
        <v>2</v>
      </c>
      <c r="AR22" s="312">
        <v>13</v>
      </c>
      <c r="AS22" s="317">
        <v>17</v>
      </c>
      <c r="AT22" s="311">
        <v>1</v>
      </c>
      <c r="AU22" s="315">
        <v>2</v>
      </c>
      <c r="AV22" s="312">
        <v>3</v>
      </c>
      <c r="AW22" s="314">
        <v>0</v>
      </c>
      <c r="AX22" s="315">
        <v>17</v>
      </c>
      <c r="AY22" s="315">
        <v>15</v>
      </c>
      <c r="AZ22" s="315">
        <v>6</v>
      </c>
      <c r="BA22" s="315">
        <v>14</v>
      </c>
      <c r="BB22" s="315">
        <v>6</v>
      </c>
      <c r="BC22" s="316">
        <v>58</v>
      </c>
      <c r="BD22" s="317">
        <v>61</v>
      </c>
      <c r="BE22" s="311">
        <v>0</v>
      </c>
      <c r="BF22" s="315">
        <v>0</v>
      </c>
      <c r="BG22" s="312">
        <v>0</v>
      </c>
      <c r="BH22" s="314">
        <v>0</v>
      </c>
      <c r="BI22" s="315">
        <v>8</v>
      </c>
      <c r="BJ22" s="315">
        <v>10</v>
      </c>
      <c r="BK22" s="315">
        <v>6</v>
      </c>
      <c r="BL22" s="315">
        <v>5</v>
      </c>
      <c r="BM22" s="315">
        <v>3</v>
      </c>
      <c r="BN22" s="312">
        <v>32</v>
      </c>
      <c r="BO22" s="317">
        <v>32</v>
      </c>
      <c r="BP22" s="311">
        <v>2</v>
      </c>
      <c r="BQ22" s="315">
        <v>3</v>
      </c>
      <c r="BR22" s="312">
        <v>5</v>
      </c>
      <c r="BS22" s="314">
        <v>0</v>
      </c>
      <c r="BT22" s="315">
        <v>8</v>
      </c>
      <c r="BU22" s="315">
        <v>15</v>
      </c>
      <c r="BV22" s="315">
        <v>4</v>
      </c>
      <c r="BW22" s="315">
        <v>3</v>
      </c>
      <c r="BX22" s="315">
        <v>3</v>
      </c>
      <c r="BY22" s="312">
        <v>33</v>
      </c>
      <c r="BZ22" s="317">
        <v>38</v>
      </c>
      <c r="CA22" s="311">
        <v>0</v>
      </c>
      <c r="CB22" s="315">
        <v>1</v>
      </c>
      <c r="CC22" s="312">
        <v>1</v>
      </c>
      <c r="CD22" s="314">
        <v>0</v>
      </c>
      <c r="CE22" s="315">
        <v>3</v>
      </c>
      <c r="CF22" s="315">
        <v>0</v>
      </c>
      <c r="CG22" s="315">
        <v>4</v>
      </c>
      <c r="CH22" s="315">
        <v>3</v>
      </c>
      <c r="CI22" s="315">
        <v>1</v>
      </c>
      <c r="CJ22" s="312">
        <v>11</v>
      </c>
      <c r="CK22" s="317">
        <v>12</v>
      </c>
      <c r="CL22" s="311">
        <v>0</v>
      </c>
      <c r="CM22" s="315">
        <v>0</v>
      </c>
      <c r="CN22" s="312">
        <v>0</v>
      </c>
      <c r="CO22" s="314">
        <v>0</v>
      </c>
      <c r="CP22" s="315">
        <v>0</v>
      </c>
      <c r="CQ22" s="315">
        <v>1</v>
      </c>
      <c r="CR22" s="315">
        <v>1</v>
      </c>
      <c r="CS22" s="315">
        <v>0</v>
      </c>
      <c r="CT22" s="315">
        <v>1</v>
      </c>
      <c r="CU22" s="312">
        <v>3</v>
      </c>
      <c r="CV22" s="317">
        <v>3</v>
      </c>
      <c r="CW22" s="311">
        <v>0</v>
      </c>
      <c r="CX22" s="315">
        <v>0</v>
      </c>
      <c r="CY22" s="312">
        <v>0</v>
      </c>
      <c r="CZ22" s="314">
        <v>0</v>
      </c>
      <c r="DA22" s="315">
        <v>0</v>
      </c>
      <c r="DB22" s="315">
        <v>0</v>
      </c>
      <c r="DC22" s="315">
        <v>0</v>
      </c>
      <c r="DD22" s="315">
        <v>0</v>
      </c>
      <c r="DE22" s="315">
        <v>0</v>
      </c>
      <c r="DF22" s="312">
        <v>0</v>
      </c>
      <c r="DG22" s="317">
        <v>0</v>
      </c>
      <c r="DH22" s="311">
        <v>0</v>
      </c>
      <c r="DI22" s="315">
        <v>0</v>
      </c>
      <c r="DJ22" s="312">
        <v>0</v>
      </c>
      <c r="DK22" s="314">
        <v>0</v>
      </c>
      <c r="DL22" s="315">
        <v>0</v>
      </c>
      <c r="DM22" s="315">
        <v>0</v>
      </c>
      <c r="DN22" s="315">
        <v>0</v>
      </c>
      <c r="DO22" s="315">
        <v>0</v>
      </c>
      <c r="DP22" s="315">
        <v>0</v>
      </c>
      <c r="DQ22" s="312">
        <v>0</v>
      </c>
      <c r="DR22" s="317">
        <v>0</v>
      </c>
      <c r="DS22" s="311">
        <v>7</v>
      </c>
      <c r="DT22" s="315">
        <v>18</v>
      </c>
      <c r="DU22" s="312">
        <v>25</v>
      </c>
      <c r="DV22" s="314">
        <v>0</v>
      </c>
      <c r="DW22" s="315">
        <v>25</v>
      </c>
      <c r="DX22" s="315">
        <v>25</v>
      </c>
      <c r="DY22" s="315">
        <v>13</v>
      </c>
      <c r="DZ22" s="315">
        <v>14</v>
      </c>
      <c r="EA22" s="315">
        <v>6</v>
      </c>
      <c r="EB22" s="312">
        <v>83</v>
      </c>
      <c r="EC22" s="317">
        <v>108</v>
      </c>
      <c r="ED22" s="311">
        <v>1</v>
      </c>
      <c r="EE22" s="315">
        <v>2</v>
      </c>
      <c r="EF22" s="312">
        <v>3</v>
      </c>
      <c r="EG22" s="314">
        <v>0</v>
      </c>
      <c r="EH22" s="315">
        <v>8</v>
      </c>
      <c r="EI22" s="315">
        <v>6</v>
      </c>
      <c r="EJ22" s="315">
        <v>2</v>
      </c>
      <c r="EK22" s="315">
        <v>9</v>
      </c>
      <c r="EL22" s="315">
        <v>2</v>
      </c>
      <c r="EM22" s="312">
        <v>27</v>
      </c>
      <c r="EN22" s="317">
        <v>30</v>
      </c>
      <c r="EO22" s="311">
        <v>13</v>
      </c>
      <c r="EP22" s="315">
        <v>24</v>
      </c>
      <c r="EQ22" s="312">
        <v>37</v>
      </c>
      <c r="ER22" s="314">
        <v>0</v>
      </c>
      <c r="ES22" s="315">
        <v>48</v>
      </c>
      <c r="ET22" s="315">
        <v>40</v>
      </c>
      <c r="EU22" s="315">
        <v>16</v>
      </c>
      <c r="EV22" s="315">
        <v>16</v>
      </c>
      <c r="EW22" s="315">
        <v>6</v>
      </c>
      <c r="EX22" s="312">
        <v>126</v>
      </c>
      <c r="EY22" s="317">
        <v>163</v>
      </c>
    </row>
    <row r="23" spans="1:155" ht="19.5" customHeight="1" x14ac:dyDescent="0.2">
      <c r="A23" s="296" t="s">
        <v>21</v>
      </c>
      <c r="B23" s="311">
        <v>0</v>
      </c>
      <c r="C23" s="315">
        <v>0</v>
      </c>
      <c r="D23" s="437">
        <v>0</v>
      </c>
      <c r="E23" s="314">
        <v>0</v>
      </c>
      <c r="F23" s="315">
        <v>8</v>
      </c>
      <c r="G23" s="315">
        <v>12</v>
      </c>
      <c r="H23" s="315">
        <v>4</v>
      </c>
      <c r="I23" s="315">
        <v>1</v>
      </c>
      <c r="J23" s="315">
        <v>0</v>
      </c>
      <c r="K23" s="316">
        <v>25</v>
      </c>
      <c r="L23" s="317">
        <v>25</v>
      </c>
      <c r="M23" s="311">
        <v>0</v>
      </c>
      <c r="N23" s="315">
        <v>0</v>
      </c>
      <c r="O23" s="312">
        <v>0</v>
      </c>
      <c r="P23" s="314">
        <v>0</v>
      </c>
      <c r="Q23" s="315">
        <v>0</v>
      </c>
      <c r="R23" s="315">
        <v>0</v>
      </c>
      <c r="S23" s="315">
        <v>1</v>
      </c>
      <c r="T23" s="315">
        <v>2</v>
      </c>
      <c r="U23" s="315">
        <v>3</v>
      </c>
      <c r="V23" s="312">
        <v>6</v>
      </c>
      <c r="W23" s="317">
        <v>6</v>
      </c>
      <c r="X23" s="311">
        <v>1</v>
      </c>
      <c r="Y23" s="315">
        <v>1</v>
      </c>
      <c r="Z23" s="312">
        <v>2</v>
      </c>
      <c r="AA23" s="314">
        <v>0</v>
      </c>
      <c r="AB23" s="315">
        <v>13</v>
      </c>
      <c r="AC23" s="315">
        <v>8</v>
      </c>
      <c r="AD23" s="315">
        <v>6</v>
      </c>
      <c r="AE23" s="315">
        <v>2</v>
      </c>
      <c r="AF23" s="315">
        <v>3</v>
      </c>
      <c r="AG23" s="312">
        <v>32</v>
      </c>
      <c r="AH23" s="317">
        <v>34</v>
      </c>
      <c r="AI23" s="311">
        <v>1</v>
      </c>
      <c r="AJ23" s="315">
        <v>0</v>
      </c>
      <c r="AK23" s="312">
        <v>1</v>
      </c>
      <c r="AL23" s="314">
        <v>0</v>
      </c>
      <c r="AM23" s="315">
        <v>0</v>
      </c>
      <c r="AN23" s="315">
        <v>2</v>
      </c>
      <c r="AO23" s="315">
        <v>0</v>
      </c>
      <c r="AP23" s="315">
        <v>0</v>
      </c>
      <c r="AQ23" s="315">
        <v>1</v>
      </c>
      <c r="AR23" s="312">
        <v>3</v>
      </c>
      <c r="AS23" s="317">
        <v>4</v>
      </c>
      <c r="AT23" s="311">
        <v>9</v>
      </c>
      <c r="AU23" s="315">
        <v>0</v>
      </c>
      <c r="AV23" s="312">
        <v>9</v>
      </c>
      <c r="AW23" s="314">
        <v>0</v>
      </c>
      <c r="AX23" s="315">
        <v>12</v>
      </c>
      <c r="AY23" s="315">
        <v>10</v>
      </c>
      <c r="AZ23" s="315">
        <v>9</v>
      </c>
      <c r="BA23" s="315">
        <v>8</v>
      </c>
      <c r="BB23" s="315">
        <v>6</v>
      </c>
      <c r="BC23" s="316">
        <v>45</v>
      </c>
      <c r="BD23" s="317">
        <v>54</v>
      </c>
      <c r="BE23" s="311">
        <v>0</v>
      </c>
      <c r="BF23" s="315">
        <v>0</v>
      </c>
      <c r="BG23" s="312">
        <v>0</v>
      </c>
      <c r="BH23" s="314">
        <v>0</v>
      </c>
      <c r="BI23" s="315">
        <v>16</v>
      </c>
      <c r="BJ23" s="315">
        <v>17</v>
      </c>
      <c r="BK23" s="315">
        <v>7</v>
      </c>
      <c r="BL23" s="315">
        <v>6</v>
      </c>
      <c r="BM23" s="315">
        <v>0</v>
      </c>
      <c r="BN23" s="312">
        <v>46</v>
      </c>
      <c r="BO23" s="317">
        <v>46</v>
      </c>
      <c r="BP23" s="311">
        <v>2</v>
      </c>
      <c r="BQ23" s="315">
        <v>1</v>
      </c>
      <c r="BR23" s="312">
        <v>3</v>
      </c>
      <c r="BS23" s="314">
        <v>0</v>
      </c>
      <c r="BT23" s="315">
        <v>1</v>
      </c>
      <c r="BU23" s="315">
        <v>2</v>
      </c>
      <c r="BV23" s="315">
        <v>1</v>
      </c>
      <c r="BW23" s="315">
        <v>1</v>
      </c>
      <c r="BX23" s="315">
        <v>1</v>
      </c>
      <c r="BY23" s="312">
        <v>6</v>
      </c>
      <c r="BZ23" s="317">
        <v>9</v>
      </c>
      <c r="CA23" s="311">
        <v>1</v>
      </c>
      <c r="CB23" s="315">
        <v>0</v>
      </c>
      <c r="CC23" s="312">
        <v>1</v>
      </c>
      <c r="CD23" s="314">
        <v>0</v>
      </c>
      <c r="CE23" s="315">
        <v>1</v>
      </c>
      <c r="CF23" s="315">
        <v>1</v>
      </c>
      <c r="CG23" s="315">
        <v>2</v>
      </c>
      <c r="CH23" s="315">
        <v>3</v>
      </c>
      <c r="CI23" s="315">
        <v>0</v>
      </c>
      <c r="CJ23" s="312">
        <v>7</v>
      </c>
      <c r="CK23" s="317">
        <v>8</v>
      </c>
      <c r="CL23" s="311">
        <v>0</v>
      </c>
      <c r="CM23" s="315">
        <v>0</v>
      </c>
      <c r="CN23" s="312">
        <v>0</v>
      </c>
      <c r="CO23" s="314">
        <v>0</v>
      </c>
      <c r="CP23" s="315">
        <v>0</v>
      </c>
      <c r="CQ23" s="315">
        <v>2</v>
      </c>
      <c r="CR23" s="315">
        <v>0</v>
      </c>
      <c r="CS23" s="315">
        <v>0</v>
      </c>
      <c r="CT23" s="315">
        <v>0</v>
      </c>
      <c r="CU23" s="312">
        <v>2</v>
      </c>
      <c r="CV23" s="317">
        <v>2</v>
      </c>
      <c r="CW23" s="311">
        <v>0</v>
      </c>
      <c r="CX23" s="315">
        <v>0</v>
      </c>
      <c r="CY23" s="312">
        <v>0</v>
      </c>
      <c r="CZ23" s="314">
        <v>0</v>
      </c>
      <c r="DA23" s="315">
        <v>0</v>
      </c>
      <c r="DB23" s="315">
        <v>0</v>
      </c>
      <c r="DC23" s="315">
        <v>0</v>
      </c>
      <c r="DD23" s="315">
        <v>0</v>
      </c>
      <c r="DE23" s="315">
        <v>0</v>
      </c>
      <c r="DF23" s="312">
        <v>0</v>
      </c>
      <c r="DG23" s="317">
        <v>0</v>
      </c>
      <c r="DH23" s="311">
        <v>0</v>
      </c>
      <c r="DI23" s="315">
        <v>0</v>
      </c>
      <c r="DJ23" s="312">
        <v>0</v>
      </c>
      <c r="DK23" s="314">
        <v>0</v>
      </c>
      <c r="DL23" s="315">
        <v>0</v>
      </c>
      <c r="DM23" s="315">
        <v>0</v>
      </c>
      <c r="DN23" s="315">
        <v>0</v>
      </c>
      <c r="DO23" s="315">
        <v>0</v>
      </c>
      <c r="DP23" s="315">
        <v>0</v>
      </c>
      <c r="DQ23" s="312">
        <v>0</v>
      </c>
      <c r="DR23" s="317">
        <v>0</v>
      </c>
      <c r="DS23" s="311">
        <v>9</v>
      </c>
      <c r="DT23" s="315">
        <v>7</v>
      </c>
      <c r="DU23" s="312">
        <v>16</v>
      </c>
      <c r="DV23" s="314">
        <v>0</v>
      </c>
      <c r="DW23" s="315">
        <v>18</v>
      </c>
      <c r="DX23" s="315">
        <v>28</v>
      </c>
      <c r="DY23" s="315">
        <v>15</v>
      </c>
      <c r="DZ23" s="315">
        <v>8</v>
      </c>
      <c r="EA23" s="315">
        <v>3</v>
      </c>
      <c r="EB23" s="312">
        <v>72</v>
      </c>
      <c r="EC23" s="317">
        <v>88</v>
      </c>
      <c r="ED23" s="311">
        <v>4</v>
      </c>
      <c r="EE23" s="315">
        <v>1</v>
      </c>
      <c r="EF23" s="312">
        <v>5</v>
      </c>
      <c r="EG23" s="314">
        <v>0</v>
      </c>
      <c r="EH23" s="315">
        <v>1</v>
      </c>
      <c r="EI23" s="315">
        <v>3</v>
      </c>
      <c r="EJ23" s="315">
        <v>3</v>
      </c>
      <c r="EK23" s="315">
        <v>4</v>
      </c>
      <c r="EL23" s="315">
        <v>3</v>
      </c>
      <c r="EM23" s="312">
        <v>14</v>
      </c>
      <c r="EN23" s="317">
        <v>19</v>
      </c>
      <c r="EO23" s="311">
        <v>12</v>
      </c>
      <c r="EP23" s="315">
        <v>8</v>
      </c>
      <c r="EQ23" s="312">
        <v>20</v>
      </c>
      <c r="ER23" s="314">
        <v>0</v>
      </c>
      <c r="ES23" s="315">
        <v>43</v>
      </c>
      <c r="ET23" s="315">
        <v>39</v>
      </c>
      <c r="EU23" s="315">
        <v>16</v>
      </c>
      <c r="EV23" s="315">
        <v>7</v>
      </c>
      <c r="EW23" s="315">
        <v>3</v>
      </c>
      <c r="EX23" s="312">
        <v>108</v>
      </c>
      <c r="EY23" s="317">
        <v>128</v>
      </c>
    </row>
    <row r="24" spans="1:155" ht="19.5" customHeight="1" x14ac:dyDescent="0.2">
      <c r="A24" s="296" t="s">
        <v>22</v>
      </c>
      <c r="B24" s="311">
        <v>0</v>
      </c>
      <c r="C24" s="315">
        <v>0</v>
      </c>
      <c r="D24" s="437">
        <v>0</v>
      </c>
      <c r="E24" s="314">
        <v>0</v>
      </c>
      <c r="F24" s="315">
        <v>6</v>
      </c>
      <c r="G24" s="315">
        <v>1</v>
      </c>
      <c r="H24" s="315">
        <v>1</v>
      </c>
      <c r="I24" s="315">
        <v>4</v>
      </c>
      <c r="J24" s="315">
        <v>2</v>
      </c>
      <c r="K24" s="316">
        <v>14</v>
      </c>
      <c r="L24" s="317">
        <v>14</v>
      </c>
      <c r="M24" s="311">
        <v>0</v>
      </c>
      <c r="N24" s="315">
        <v>0</v>
      </c>
      <c r="O24" s="312">
        <v>0</v>
      </c>
      <c r="P24" s="314">
        <v>0</v>
      </c>
      <c r="Q24" s="315">
        <v>0</v>
      </c>
      <c r="R24" s="315">
        <v>0</v>
      </c>
      <c r="S24" s="315">
        <v>0</v>
      </c>
      <c r="T24" s="315">
        <v>1</v>
      </c>
      <c r="U24" s="315">
        <v>3</v>
      </c>
      <c r="V24" s="312">
        <v>4</v>
      </c>
      <c r="W24" s="317">
        <v>4</v>
      </c>
      <c r="X24" s="311">
        <v>1</v>
      </c>
      <c r="Y24" s="315">
        <v>1</v>
      </c>
      <c r="Z24" s="312">
        <v>2</v>
      </c>
      <c r="AA24" s="314">
        <v>0</v>
      </c>
      <c r="AB24" s="315">
        <v>4</v>
      </c>
      <c r="AC24" s="315">
        <v>8</v>
      </c>
      <c r="AD24" s="315">
        <v>0</v>
      </c>
      <c r="AE24" s="315">
        <v>3</v>
      </c>
      <c r="AF24" s="315">
        <v>3</v>
      </c>
      <c r="AG24" s="312">
        <v>18</v>
      </c>
      <c r="AH24" s="317">
        <v>20</v>
      </c>
      <c r="AI24" s="311">
        <v>0</v>
      </c>
      <c r="AJ24" s="315">
        <v>0</v>
      </c>
      <c r="AK24" s="312">
        <v>0</v>
      </c>
      <c r="AL24" s="314">
        <v>0</v>
      </c>
      <c r="AM24" s="315">
        <v>1</v>
      </c>
      <c r="AN24" s="315">
        <v>0</v>
      </c>
      <c r="AO24" s="315">
        <v>0</v>
      </c>
      <c r="AP24" s="315">
        <v>0</v>
      </c>
      <c r="AQ24" s="315">
        <v>0</v>
      </c>
      <c r="AR24" s="312">
        <v>1</v>
      </c>
      <c r="AS24" s="317">
        <v>1</v>
      </c>
      <c r="AT24" s="311">
        <v>0</v>
      </c>
      <c r="AU24" s="315">
        <v>1</v>
      </c>
      <c r="AV24" s="312">
        <v>1</v>
      </c>
      <c r="AW24" s="314">
        <v>0</v>
      </c>
      <c r="AX24" s="315">
        <v>5</v>
      </c>
      <c r="AY24" s="315">
        <v>3</v>
      </c>
      <c r="AZ24" s="315">
        <v>2</v>
      </c>
      <c r="BA24" s="315">
        <v>10</v>
      </c>
      <c r="BB24" s="315">
        <v>2</v>
      </c>
      <c r="BC24" s="316">
        <v>22</v>
      </c>
      <c r="BD24" s="317">
        <v>23</v>
      </c>
      <c r="BE24" s="311">
        <v>0</v>
      </c>
      <c r="BF24" s="315">
        <v>0</v>
      </c>
      <c r="BG24" s="312">
        <v>0</v>
      </c>
      <c r="BH24" s="314">
        <v>0</v>
      </c>
      <c r="BI24" s="315">
        <v>8</v>
      </c>
      <c r="BJ24" s="315">
        <v>6</v>
      </c>
      <c r="BK24" s="315">
        <v>0</v>
      </c>
      <c r="BL24" s="315">
        <v>4</v>
      </c>
      <c r="BM24" s="315">
        <v>2</v>
      </c>
      <c r="BN24" s="312">
        <v>20</v>
      </c>
      <c r="BO24" s="317">
        <v>20</v>
      </c>
      <c r="BP24" s="311">
        <v>0</v>
      </c>
      <c r="BQ24" s="315">
        <v>0</v>
      </c>
      <c r="BR24" s="312">
        <v>0</v>
      </c>
      <c r="BS24" s="314">
        <v>0</v>
      </c>
      <c r="BT24" s="315">
        <v>0</v>
      </c>
      <c r="BU24" s="315">
        <v>1</v>
      </c>
      <c r="BV24" s="315">
        <v>1</v>
      </c>
      <c r="BW24" s="315">
        <v>1</v>
      </c>
      <c r="BX24" s="315">
        <v>0</v>
      </c>
      <c r="BY24" s="312">
        <v>3</v>
      </c>
      <c r="BZ24" s="317">
        <v>3</v>
      </c>
      <c r="CA24" s="311">
        <v>0</v>
      </c>
      <c r="CB24" s="315">
        <v>0</v>
      </c>
      <c r="CC24" s="312">
        <v>0</v>
      </c>
      <c r="CD24" s="314">
        <v>0</v>
      </c>
      <c r="CE24" s="315">
        <v>0</v>
      </c>
      <c r="CF24" s="315">
        <v>0</v>
      </c>
      <c r="CG24" s="315">
        <v>0</v>
      </c>
      <c r="CH24" s="315">
        <v>0</v>
      </c>
      <c r="CI24" s="315">
        <v>1</v>
      </c>
      <c r="CJ24" s="312">
        <v>1</v>
      </c>
      <c r="CK24" s="317">
        <v>1</v>
      </c>
      <c r="CL24" s="311">
        <v>0</v>
      </c>
      <c r="CM24" s="315">
        <v>0</v>
      </c>
      <c r="CN24" s="312">
        <v>0</v>
      </c>
      <c r="CO24" s="314">
        <v>0</v>
      </c>
      <c r="CP24" s="315">
        <v>0</v>
      </c>
      <c r="CQ24" s="315">
        <v>2</v>
      </c>
      <c r="CR24" s="315">
        <v>0</v>
      </c>
      <c r="CS24" s="315">
        <v>0</v>
      </c>
      <c r="CT24" s="315">
        <v>0</v>
      </c>
      <c r="CU24" s="312">
        <v>2</v>
      </c>
      <c r="CV24" s="317">
        <v>2</v>
      </c>
      <c r="CW24" s="311">
        <v>0</v>
      </c>
      <c r="CX24" s="315">
        <v>0</v>
      </c>
      <c r="CY24" s="312">
        <v>0</v>
      </c>
      <c r="CZ24" s="314">
        <v>0</v>
      </c>
      <c r="DA24" s="315">
        <v>0</v>
      </c>
      <c r="DB24" s="315">
        <v>0</v>
      </c>
      <c r="DC24" s="315">
        <v>0</v>
      </c>
      <c r="DD24" s="315">
        <v>0</v>
      </c>
      <c r="DE24" s="315">
        <v>0</v>
      </c>
      <c r="DF24" s="312">
        <v>0</v>
      </c>
      <c r="DG24" s="317">
        <v>0</v>
      </c>
      <c r="DH24" s="311">
        <v>0</v>
      </c>
      <c r="DI24" s="315">
        <v>0</v>
      </c>
      <c r="DJ24" s="312">
        <v>0</v>
      </c>
      <c r="DK24" s="314">
        <v>0</v>
      </c>
      <c r="DL24" s="315">
        <v>0</v>
      </c>
      <c r="DM24" s="315">
        <v>0</v>
      </c>
      <c r="DN24" s="315">
        <v>0</v>
      </c>
      <c r="DO24" s="315">
        <v>0</v>
      </c>
      <c r="DP24" s="315">
        <v>0</v>
      </c>
      <c r="DQ24" s="312">
        <v>0</v>
      </c>
      <c r="DR24" s="317">
        <v>0</v>
      </c>
      <c r="DS24" s="311">
        <v>2</v>
      </c>
      <c r="DT24" s="315">
        <v>6</v>
      </c>
      <c r="DU24" s="312">
        <v>8</v>
      </c>
      <c r="DV24" s="314">
        <v>0</v>
      </c>
      <c r="DW24" s="315">
        <v>10</v>
      </c>
      <c r="DX24" s="315">
        <v>9</v>
      </c>
      <c r="DY24" s="315">
        <v>4</v>
      </c>
      <c r="DZ24" s="315">
        <v>8</v>
      </c>
      <c r="EA24" s="315">
        <v>4</v>
      </c>
      <c r="EB24" s="312">
        <v>35</v>
      </c>
      <c r="EC24" s="317">
        <v>43</v>
      </c>
      <c r="ED24" s="311">
        <v>0</v>
      </c>
      <c r="EE24" s="315">
        <v>1</v>
      </c>
      <c r="EF24" s="312">
        <v>1</v>
      </c>
      <c r="EG24" s="314">
        <v>0</v>
      </c>
      <c r="EH24" s="315">
        <v>1</v>
      </c>
      <c r="EI24" s="315">
        <v>1</v>
      </c>
      <c r="EJ24" s="315">
        <v>1</v>
      </c>
      <c r="EK24" s="315">
        <v>5</v>
      </c>
      <c r="EL24" s="315">
        <v>1</v>
      </c>
      <c r="EM24" s="312">
        <v>9</v>
      </c>
      <c r="EN24" s="317">
        <v>10</v>
      </c>
      <c r="EO24" s="311">
        <v>2</v>
      </c>
      <c r="EP24" s="315">
        <v>6</v>
      </c>
      <c r="EQ24" s="312">
        <v>8</v>
      </c>
      <c r="ER24" s="314">
        <v>0</v>
      </c>
      <c r="ES24" s="315">
        <v>22</v>
      </c>
      <c r="ET24" s="315">
        <v>16</v>
      </c>
      <c r="EU24" s="315">
        <v>5</v>
      </c>
      <c r="EV24" s="315">
        <v>8</v>
      </c>
      <c r="EW24" s="315">
        <v>5</v>
      </c>
      <c r="EX24" s="312">
        <v>56</v>
      </c>
      <c r="EY24" s="317">
        <v>64</v>
      </c>
    </row>
    <row r="25" spans="1:155" ht="19.5" customHeight="1" x14ac:dyDescent="0.2">
      <c r="A25" s="296" t="s">
        <v>23</v>
      </c>
      <c r="B25" s="311">
        <v>0</v>
      </c>
      <c r="C25" s="315">
        <v>0</v>
      </c>
      <c r="D25" s="437">
        <v>0</v>
      </c>
      <c r="E25" s="314">
        <v>0</v>
      </c>
      <c r="F25" s="315">
        <v>3</v>
      </c>
      <c r="G25" s="315">
        <v>8</v>
      </c>
      <c r="H25" s="315">
        <v>4</v>
      </c>
      <c r="I25" s="315">
        <v>3</v>
      </c>
      <c r="J25" s="315">
        <v>0</v>
      </c>
      <c r="K25" s="316">
        <v>18</v>
      </c>
      <c r="L25" s="317">
        <v>18</v>
      </c>
      <c r="M25" s="311">
        <v>0</v>
      </c>
      <c r="N25" s="315">
        <v>0</v>
      </c>
      <c r="O25" s="312">
        <v>0</v>
      </c>
      <c r="P25" s="314">
        <v>0</v>
      </c>
      <c r="Q25" s="315">
        <v>0</v>
      </c>
      <c r="R25" s="315">
        <v>1</v>
      </c>
      <c r="S25" s="315">
        <v>1</v>
      </c>
      <c r="T25" s="315">
        <v>1</v>
      </c>
      <c r="U25" s="315">
        <v>0</v>
      </c>
      <c r="V25" s="312">
        <v>3</v>
      </c>
      <c r="W25" s="317">
        <v>3</v>
      </c>
      <c r="X25" s="311">
        <v>2</v>
      </c>
      <c r="Y25" s="315">
        <v>2</v>
      </c>
      <c r="Z25" s="312">
        <v>4</v>
      </c>
      <c r="AA25" s="314">
        <v>0</v>
      </c>
      <c r="AB25" s="315">
        <v>2</v>
      </c>
      <c r="AC25" s="315">
        <v>6</v>
      </c>
      <c r="AD25" s="315">
        <v>6</v>
      </c>
      <c r="AE25" s="315">
        <v>5</v>
      </c>
      <c r="AF25" s="315">
        <v>1</v>
      </c>
      <c r="AG25" s="312">
        <v>20</v>
      </c>
      <c r="AH25" s="317">
        <v>24</v>
      </c>
      <c r="AI25" s="311">
        <v>0</v>
      </c>
      <c r="AJ25" s="315">
        <v>1</v>
      </c>
      <c r="AK25" s="312">
        <v>1</v>
      </c>
      <c r="AL25" s="314">
        <v>0</v>
      </c>
      <c r="AM25" s="315">
        <v>0</v>
      </c>
      <c r="AN25" s="315">
        <v>3</v>
      </c>
      <c r="AO25" s="315">
        <v>0</v>
      </c>
      <c r="AP25" s="315">
        <v>0</v>
      </c>
      <c r="AQ25" s="315">
        <v>0</v>
      </c>
      <c r="AR25" s="312">
        <v>3</v>
      </c>
      <c r="AS25" s="317">
        <v>4</v>
      </c>
      <c r="AT25" s="311">
        <v>0</v>
      </c>
      <c r="AU25" s="315">
        <v>1</v>
      </c>
      <c r="AV25" s="312">
        <v>1</v>
      </c>
      <c r="AW25" s="314">
        <v>0</v>
      </c>
      <c r="AX25" s="315">
        <v>6</v>
      </c>
      <c r="AY25" s="315">
        <v>5</v>
      </c>
      <c r="AZ25" s="315">
        <v>7</v>
      </c>
      <c r="BA25" s="315">
        <v>15</v>
      </c>
      <c r="BB25" s="315">
        <v>0</v>
      </c>
      <c r="BC25" s="316">
        <v>33</v>
      </c>
      <c r="BD25" s="317">
        <v>34</v>
      </c>
      <c r="BE25" s="311">
        <v>0</v>
      </c>
      <c r="BF25" s="315">
        <v>0</v>
      </c>
      <c r="BG25" s="312">
        <v>0</v>
      </c>
      <c r="BH25" s="314">
        <v>0</v>
      </c>
      <c r="BI25" s="315">
        <v>10</v>
      </c>
      <c r="BJ25" s="315">
        <v>14</v>
      </c>
      <c r="BK25" s="315">
        <v>6</v>
      </c>
      <c r="BL25" s="315">
        <v>4</v>
      </c>
      <c r="BM25" s="315">
        <v>0</v>
      </c>
      <c r="BN25" s="312">
        <v>34</v>
      </c>
      <c r="BO25" s="317">
        <v>34</v>
      </c>
      <c r="BP25" s="311">
        <v>0</v>
      </c>
      <c r="BQ25" s="315">
        <v>0</v>
      </c>
      <c r="BR25" s="312">
        <v>0</v>
      </c>
      <c r="BS25" s="314">
        <v>0</v>
      </c>
      <c r="BT25" s="315">
        <v>1</v>
      </c>
      <c r="BU25" s="315">
        <v>4</v>
      </c>
      <c r="BV25" s="315">
        <v>5</v>
      </c>
      <c r="BW25" s="315">
        <v>1</v>
      </c>
      <c r="BX25" s="315">
        <v>0</v>
      </c>
      <c r="BY25" s="312">
        <v>11</v>
      </c>
      <c r="BZ25" s="317">
        <v>11</v>
      </c>
      <c r="CA25" s="311">
        <v>0</v>
      </c>
      <c r="CB25" s="315">
        <v>0</v>
      </c>
      <c r="CC25" s="312">
        <v>0</v>
      </c>
      <c r="CD25" s="314">
        <v>0</v>
      </c>
      <c r="CE25" s="315">
        <v>0</v>
      </c>
      <c r="CF25" s="315">
        <v>1</v>
      </c>
      <c r="CG25" s="315">
        <v>2</v>
      </c>
      <c r="CH25" s="315">
        <v>1</v>
      </c>
      <c r="CI25" s="315">
        <v>0</v>
      </c>
      <c r="CJ25" s="312">
        <v>4</v>
      </c>
      <c r="CK25" s="317">
        <v>4</v>
      </c>
      <c r="CL25" s="311">
        <v>0</v>
      </c>
      <c r="CM25" s="315">
        <v>0</v>
      </c>
      <c r="CN25" s="312">
        <v>0</v>
      </c>
      <c r="CO25" s="314">
        <v>0</v>
      </c>
      <c r="CP25" s="315">
        <v>0</v>
      </c>
      <c r="CQ25" s="315">
        <v>0</v>
      </c>
      <c r="CR25" s="315">
        <v>0</v>
      </c>
      <c r="CS25" s="315">
        <v>0</v>
      </c>
      <c r="CT25" s="315">
        <v>0</v>
      </c>
      <c r="CU25" s="312">
        <v>0</v>
      </c>
      <c r="CV25" s="317">
        <v>0</v>
      </c>
      <c r="CW25" s="311">
        <v>0</v>
      </c>
      <c r="CX25" s="315">
        <v>0</v>
      </c>
      <c r="CY25" s="312">
        <v>0</v>
      </c>
      <c r="CZ25" s="314">
        <v>0</v>
      </c>
      <c r="DA25" s="315">
        <v>0</v>
      </c>
      <c r="DB25" s="315">
        <v>0</v>
      </c>
      <c r="DC25" s="315">
        <v>0</v>
      </c>
      <c r="DD25" s="315">
        <v>0</v>
      </c>
      <c r="DE25" s="315">
        <v>0</v>
      </c>
      <c r="DF25" s="312">
        <v>0</v>
      </c>
      <c r="DG25" s="317">
        <v>0</v>
      </c>
      <c r="DH25" s="311">
        <v>0</v>
      </c>
      <c r="DI25" s="315">
        <v>0</v>
      </c>
      <c r="DJ25" s="312">
        <v>0</v>
      </c>
      <c r="DK25" s="314">
        <v>0</v>
      </c>
      <c r="DL25" s="315">
        <v>0</v>
      </c>
      <c r="DM25" s="315">
        <v>0</v>
      </c>
      <c r="DN25" s="315">
        <v>0</v>
      </c>
      <c r="DO25" s="315">
        <v>0</v>
      </c>
      <c r="DP25" s="315">
        <v>0</v>
      </c>
      <c r="DQ25" s="312">
        <v>0</v>
      </c>
      <c r="DR25" s="317">
        <v>0</v>
      </c>
      <c r="DS25" s="311">
        <v>4</v>
      </c>
      <c r="DT25" s="315">
        <v>5</v>
      </c>
      <c r="DU25" s="312">
        <v>9</v>
      </c>
      <c r="DV25" s="314">
        <v>0</v>
      </c>
      <c r="DW25" s="315">
        <v>9</v>
      </c>
      <c r="DX25" s="315">
        <v>20</v>
      </c>
      <c r="DY25" s="315">
        <v>11</v>
      </c>
      <c r="DZ25" s="315">
        <v>9</v>
      </c>
      <c r="EA25" s="315">
        <v>4</v>
      </c>
      <c r="EB25" s="312">
        <v>53</v>
      </c>
      <c r="EC25" s="317">
        <v>62</v>
      </c>
      <c r="ED25" s="311">
        <v>0</v>
      </c>
      <c r="EE25" s="315">
        <v>1</v>
      </c>
      <c r="EF25" s="312">
        <v>1</v>
      </c>
      <c r="EG25" s="314">
        <v>0</v>
      </c>
      <c r="EH25" s="315">
        <v>4</v>
      </c>
      <c r="EI25" s="315">
        <v>3</v>
      </c>
      <c r="EJ25" s="315">
        <v>2</v>
      </c>
      <c r="EK25" s="315">
        <v>9</v>
      </c>
      <c r="EL25" s="315">
        <v>0</v>
      </c>
      <c r="EM25" s="312">
        <v>18</v>
      </c>
      <c r="EN25" s="317">
        <v>19</v>
      </c>
      <c r="EO25" s="311">
        <v>5</v>
      </c>
      <c r="EP25" s="315">
        <v>7</v>
      </c>
      <c r="EQ25" s="312">
        <v>12</v>
      </c>
      <c r="ER25" s="314">
        <v>0</v>
      </c>
      <c r="ES25" s="315">
        <v>21</v>
      </c>
      <c r="ET25" s="315">
        <v>29</v>
      </c>
      <c r="EU25" s="315">
        <v>15</v>
      </c>
      <c r="EV25" s="315">
        <v>9</v>
      </c>
      <c r="EW25" s="315">
        <v>4</v>
      </c>
      <c r="EX25" s="312">
        <v>78</v>
      </c>
      <c r="EY25" s="317">
        <v>90</v>
      </c>
    </row>
    <row r="26" spans="1:155" ht="19.5" customHeight="1" x14ac:dyDescent="0.2">
      <c r="A26" s="296" t="s">
        <v>24</v>
      </c>
      <c r="B26" s="311">
        <v>0</v>
      </c>
      <c r="C26" s="315">
        <v>0</v>
      </c>
      <c r="D26" s="437">
        <v>0</v>
      </c>
      <c r="E26" s="314">
        <v>0</v>
      </c>
      <c r="F26" s="315">
        <v>6</v>
      </c>
      <c r="G26" s="315">
        <v>9</v>
      </c>
      <c r="H26" s="315">
        <v>2</v>
      </c>
      <c r="I26" s="315">
        <v>6</v>
      </c>
      <c r="J26" s="315">
        <v>4</v>
      </c>
      <c r="K26" s="316">
        <v>27</v>
      </c>
      <c r="L26" s="317">
        <v>27</v>
      </c>
      <c r="M26" s="311">
        <v>0</v>
      </c>
      <c r="N26" s="315">
        <v>0</v>
      </c>
      <c r="O26" s="312">
        <v>0</v>
      </c>
      <c r="P26" s="314">
        <v>0</v>
      </c>
      <c r="Q26" s="315">
        <v>0</v>
      </c>
      <c r="R26" s="315">
        <v>0</v>
      </c>
      <c r="S26" s="315">
        <v>0</v>
      </c>
      <c r="T26" s="315">
        <v>0</v>
      </c>
      <c r="U26" s="315">
        <v>2</v>
      </c>
      <c r="V26" s="312">
        <v>2</v>
      </c>
      <c r="W26" s="317">
        <v>2</v>
      </c>
      <c r="X26" s="311">
        <v>0</v>
      </c>
      <c r="Y26" s="315">
        <v>1</v>
      </c>
      <c r="Z26" s="312">
        <v>1</v>
      </c>
      <c r="AA26" s="314">
        <v>0</v>
      </c>
      <c r="AB26" s="315">
        <v>7</v>
      </c>
      <c r="AC26" s="315">
        <v>2</v>
      </c>
      <c r="AD26" s="315">
        <v>2</v>
      </c>
      <c r="AE26" s="315">
        <v>4</v>
      </c>
      <c r="AF26" s="315">
        <v>6</v>
      </c>
      <c r="AG26" s="312">
        <v>21</v>
      </c>
      <c r="AH26" s="317">
        <v>22</v>
      </c>
      <c r="AI26" s="311">
        <v>0</v>
      </c>
      <c r="AJ26" s="315">
        <v>0</v>
      </c>
      <c r="AK26" s="312">
        <v>0</v>
      </c>
      <c r="AL26" s="314">
        <v>0</v>
      </c>
      <c r="AM26" s="315">
        <v>0</v>
      </c>
      <c r="AN26" s="315">
        <v>1</v>
      </c>
      <c r="AO26" s="315">
        <v>0</v>
      </c>
      <c r="AP26" s="315">
        <v>0</v>
      </c>
      <c r="AQ26" s="315">
        <v>2</v>
      </c>
      <c r="AR26" s="312">
        <v>3</v>
      </c>
      <c r="AS26" s="317">
        <v>3</v>
      </c>
      <c r="AT26" s="311">
        <v>5</v>
      </c>
      <c r="AU26" s="315">
        <v>2</v>
      </c>
      <c r="AV26" s="312">
        <v>7</v>
      </c>
      <c r="AW26" s="314">
        <v>0</v>
      </c>
      <c r="AX26" s="315">
        <v>8</v>
      </c>
      <c r="AY26" s="315">
        <v>11</v>
      </c>
      <c r="AZ26" s="315">
        <v>3</v>
      </c>
      <c r="BA26" s="315">
        <v>12</v>
      </c>
      <c r="BB26" s="315">
        <v>9</v>
      </c>
      <c r="BC26" s="316">
        <v>43</v>
      </c>
      <c r="BD26" s="317">
        <v>50</v>
      </c>
      <c r="BE26" s="311">
        <v>0</v>
      </c>
      <c r="BF26" s="315">
        <v>0</v>
      </c>
      <c r="BG26" s="312">
        <v>0</v>
      </c>
      <c r="BH26" s="314">
        <v>0</v>
      </c>
      <c r="BI26" s="315">
        <v>9</v>
      </c>
      <c r="BJ26" s="315">
        <v>5</v>
      </c>
      <c r="BK26" s="315">
        <v>0</v>
      </c>
      <c r="BL26" s="315">
        <v>0</v>
      </c>
      <c r="BM26" s="315">
        <v>0</v>
      </c>
      <c r="BN26" s="312">
        <v>14</v>
      </c>
      <c r="BO26" s="317">
        <v>14</v>
      </c>
      <c r="BP26" s="311">
        <v>1</v>
      </c>
      <c r="BQ26" s="315">
        <v>0</v>
      </c>
      <c r="BR26" s="312">
        <v>1</v>
      </c>
      <c r="BS26" s="314">
        <v>0</v>
      </c>
      <c r="BT26" s="315">
        <v>6</v>
      </c>
      <c r="BU26" s="315">
        <v>3</v>
      </c>
      <c r="BV26" s="315">
        <v>1</v>
      </c>
      <c r="BW26" s="315">
        <v>3</v>
      </c>
      <c r="BX26" s="315">
        <v>3</v>
      </c>
      <c r="BY26" s="312">
        <v>16</v>
      </c>
      <c r="BZ26" s="317">
        <v>17</v>
      </c>
      <c r="CA26" s="311">
        <v>0</v>
      </c>
      <c r="CB26" s="315">
        <v>0</v>
      </c>
      <c r="CC26" s="312">
        <v>0</v>
      </c>
      <c r="CD26" s="314">
        <v>0</v>
      </c>
      <c r="CE26" s="315">
        <v>0</v>
      </c>
      <c r="CF26" s="315">
        <v>1</v>
      </c>
      <c r="CG26" s="315">
        <v>0</v>
      </c>
      <c r="CH26" s="315">
        <v>0</v>
      </c>
      <c r="CI26" s="315">
        <v>1</v>
      </c>
      <c r="CJ26" s="312">
        <v>2</v>
      </c>
      <c r="CK26" s="317">
        <v>2</v>
      </c>
      <c r="CL26" s="311">
        <v>0</v>
      </c>
      <c r="CM26" s="315">
        <v>0</v>
      </c>
      <c r="CN26" s="312">
        <v>0</v>
      </c>
      <c r="CO26" s="314">
        <v>0</v>
      </c>
      <c r="CP26" s="315">
        <v>0</v>
      </c>
      <c r="CQ26" s="315">
        <v>0</v>
      </c>
      <c r="CR26" s="315">
        <v>0</v>
      </c>
      <c r="CS26" s="315">
        <v>0</v>
      </c>
      <c r="CT26" s="315">
        <v>0</v>
      </c>
      <c r="CU26" s="312">
        <v>0</v>
      </c>
      <c r="CV26" s="317">
        <v>0</v>
      </c>
      <c r="CW26" s="311">
        <v>0</v>
      </c>
      <c r="CX26" s="315">
        <v>0</v>
      </c>
      <c r="CY26" s="312">
        <v>0</v>
      </c>
      <c r="CZ26" s="314">
        <v>0</v>
      </c>
      <c r="DA26" s="315">
        <v>0</v>
      </c>
      <c r="DB26" s="315">
        <v>0</v>
      </c>
      <c r="DC26" s="315">
        <v>0</v>
      </c>
      <c r="DD26" s="315">
        <v>0</v>
      </c>
      <c r="DE26" s="315">
        <v>0</v>
      </c>
      <c r="DF26" s="312">
        <v>0</v>
      </c>
      <c r="DG26" s="317">
        <v>0</v>
      </c>
      <c r="DH26" s="311">
        <v>0</v>
      </c>
      <c r="DI26" s="315">
        <v>0</v>
      </c>
      <c r="DJ26" s="312">
        <v>0</v>
      </c>
      <c r="DK26" s="314">
        <v>0</v>
      </c>
      <c r="DL26" s="315">
        <v>0</v>
      </c>
      <c r="DM26" s="315">
        <v>0</v>
      </c>
      <c r="DN26" s="315">
        <v>0</v>
      </c>
      <c r="DO26" s="315">
        <v>0</v>
      </c>
      <c r="DP26" s="315">
        <v>0</v>
      </c>
      <c r="DQ26" s="312">
        <v>0</v>
      </c>
      <c r="DR26" s="317">
        <v>0</v>
      </c>
      <c r="DS26" s="311">
        <v>5</v>
      </c>
      <c r="DT26" s="315">
        <v>5</v>
      </c>
      <c r="DU26" s="312">
        <v>10</v>
      </c>
      <c r="DV26" s="314">
        <v>0</v>
      </c>
      <c r="DW26" s="315">
        <v>16</v>
      </c>
      <c r="DX26" s="315">
        <v>14</v>
      </c>
      <c r="DY26" s="315">
        <v>8</v>
      </c>
      <c r="DZ26" s="315">
        <v>7</v>
      </c>
      <c r="EA26" s="315">
        <v>9</v>
      </c>
      <c r="EB26" s="312">
        <v>54</v>
      </c>
      <c r="EC26" s="317">
        <v>64</v>
      </c>
      <c r="ED26" s="311">
        <v>4</v>
      </c>
      <c r="EE26" s="315">
        <v>1</v>
      </c>
      <c r="EF26" s="312">
        <v>5</v>
      </c>
      <c r="EG26" s="314">
        <v>0</v>
      </c>
      <c r="EH26" s="315">
        <v>3</v>
      </c>
      <c r="EI26" s="315">
        <v>6</v>
      </c>
      <c r="EJ26" s="315">
        <v>1</v>
      </c>
      <c r="EK26" s="315">
        <v>7</v>
      </c>
      <c r="EL26" s="315">
        <v>2</v>
      </c>
      <c r="EM26" s="312">
        <v>19</v>
      </c>
      <c r="EN26" s="317">
        <v>24</v>
      </c>
      <c r="EO26" s="311">
        <v>5</v>
      </c>
      <c r="EP26" s="315">
        <v>6</v>
      </c>
      <c r="EQ26" s="312">
        <v>11</v>
      </c>
      <c r="ER26" s="314">
        <v>0</v>
      </c>
      <c r="ES26" s="315">
        <v>24</v>
      </c>
      <c r="ET26" s="315">
        <v>17</v>
      </c>
      <c r="EU26" s="315">
        <v>9</v>
      </c>
      <c r="EV26" s="315">
        <v>7</v>
      </c>
      <c r="EW26" s="315">
        <v>8</v>
      </c>
      <c r="EX26" s="312">
        <v>65</v>
      </c>
      <c r="EY26" s="317">
        <v>76</v>
      </c>
    </row>
    <row r="27" spans="1:155" ht="19.5" customHeight="1" x14ac:dyDescent="0.2">
      <c r="A27" s="296" t="s">
        <v>25</v>
      </c>
      <c r="B27" s="311">
        <v>0</v>
      </c>
      <c r="C27" s="315">
        <v>0</v>
      </c>
      <c r="D27" s="437">
        <v>0</v>
      </c>
      <c r="E27" s="314">
        <v>0</v>
      </c>
      <c r="F27" s="315">
        <v>4</v>
      </c>
      <c r="G27" s="315">
        <v>1</v>
      </c>
      <c r="H27" s="315">
        <v>2</v>
      </c>
      <c r="I27" s="315">
        <v>1</v>
      </c>
      <c r="J27" s="315">
        <v>1</v>
      </c>
      <c r="K27" s="316">
        <v>9</v>
      </c>
      <c r="L27" s="317">
        <v>9</v>
      </c>
      <c r="M27" s="311">
        <v>0</v>
      </c>
      <c r="N27" s="315">
        <v>0</v>
      </c>
      <c r="O27" s="312">
        <v>0</v>
      </c>
      <c r="P27" s="314">
        <v>0</v>
      </c>
      <c r="Q27" s="315">
        <v>0</v>
      </c>
      <c r="R27" s="315">
        <v>1</v>
      </c>
      <c r="S27" s="315">
        <v>0</v>
      </c>
      <c r="T27" s="315">
        <v>0</v>
      </c>
      <c r="U27" s="315">
        <v>2</v>
      </c>
      <c r="V27" s="312">
        <v>3</v>
      </c>
      <c r="W27" s="317">
        <v>3</v>
      </c>
      <c r="X27" s="311">
        <v>1</v>
      </c>
      <c r="Y27" s="315">
        <v>2</v>
      </c>
      <c r="Z27" s="312">
        <v>3</v>
      </c>
      <c r="AA27" s="314">
        <v>0</v>
      </c>
      <c r="AB27" s="315">
        <v>2</v>
      </c>
      <c r="AC27" s="315">
        <v>3</v>
      </c>
      <c r="AD27" s="315">
        <v>2</v>
      </c>
      <c r="AE27" s="315">
        <v>1</v>
      </c>
      <c r="AF27" s="315">
        <v>1</v>
      </c>
      <c r="AG27" s="312">
        <v>9</v>
      </c>
      <c r="AH27" s="317">
        <v>12</v>
      </c>
      <c r="AI27" s="311">
        <v>0</v>
      </c>
      <c r="AJ27" s="315">
        <v>0</v>
      </c>
      <c r="AK27" s="312">
        <v>0</v>
      </c>
      <c r="AL27" s="314">
        <v>0</v>
      </c>
      <c r="AM27" s="315">
        <v>0</v>
      </c>
      <c r="AN27" s="315">
        <v>0</v>
      </c>
      <c r="AO27" s="315">
        <v>0</v>
      </c>
      <c r="AP27" s="315">
        <v>0</v>
      </c>
      <c r="AQ27" s="315">
        <v>0</v>
      </c>
      <c r="AR27" s="312">
        <v>0</v>
      </c>
      <c r="AS27" s="317">
        <v>0</v>
      </c>
      <c r="AT27" s="311">
        <v>1</v>
      </c>
      <c r="AU27" s="315">
        <v>0</v>
      </c>
      <c r="AV27" s="312">
        <v>1</v>
      </c>
      <c r="AW27" s="314">
        <v>0</v>
      </c>
      <c r="AX27" s="315">
        <v>2</v>
      </c>
      <c r="AY27" s="315">
        <v>4</v>
      </c>
      <c r="AZ27" s="315">
        <v>1</v>
      </c>
      <c r="BA27" s="315">
        <v>3</v>
      </c>
      <c r="BB27" s="315">
        <v>2</v>
      </c>
      <c r="BC27" s="316">
        <v>12</v>
      </c>
      <c r="BD27" s="317">
        <v>13</v>
      </c>
      <c r="BE27" s="311">
        <v>0</v>
      </c>
      <c r="BF27" s="315">
        <v>0</v>
      </c>
      <c r="BG27" s="312">
        <v>0</v>
      </c>
      <c r="BH27" s="314">
        <v>0</v>
      </c>
      <c r="BI27" s="315">
        <v>10</v>
      </c>
      <c r="BJ27" s="315">
        <v>2</v>
      </c>
      <c r="BK27" s="315">
        <v>1</v>
      </c>
      <c r="BL27" s="315">
        <v>1</v>
      </c>
      <c r="BM27" s="315">
        <v>0</v>
      </c>
      <c r="BN27" s="312">
        <v>14</v>
      </c>
      <c r="BO27" s="317">
        <v>14</v>
      </c>
      <c r="BP27" s="311">
        <v>0</v>
      </c>
      <c r="BQ27" s="315">
        <v>2</v>
      </c>
      <c r="BR27" s="312">
        <v>2</v>
      </c>
      <c r="BS27" s="314">
        <v>0</v>
      </c>
      <c r="BT27" s="315">
        <v>0</v>
      </c>
      <c r="BU27" s="315">
        <v>3</v>
      </c>
      <c r="BV27" s="315">
        <v>4</v>
      </c>
      <c r="BW27" s="315">
        <v>2</v>
      </c>
      <c r="BX27" s="315">
        <v>0</v>
      </c>
      <c r="BY27" s="312">
        <v>9</v>
      </c>
      <c r="BZ27" s="317">
        <v>11</v>
      </c>
      <c r="CA27" s="311">
        <v>0</v>
      </c>
      <c r="CB27" s="315">
        <v>0</v>
      </c>
      <c r="CC27" s="312">
        <v>0</v>
      </c>
      <c r="CD27" s="314">
        <v>0</v>
      </c>
      <c r="CE27" s="315">
        <v>4</v>
      </c>
      <c r="CF27" s="315">
        <v>1</v>
      </c>
      <c r="CG27" s="315">
        <v>1</v>
      </c>
      <c r="CH27" s="315">
        <v>1</v>
      </c>
      <c r="CI27" s="315">
        <v>0</v>
      </c>
      <c r="CJ27" s="312">
        <v>7</v>
      </c>
      <c r="CK27" s="317">
        <v>7</v>
      </c>
      <c r="CL27" s="311">
        <v>0</v>
      </c>
      <c r="CM27" s="315">
        <v>0</v>
      </c>
      <c r="CN27" s="312">
        <v>0</v>
      </c>
      <c r="CO27" s="314">
        <v>0</v>
      </c>
      <c r="CP27" s="315">
        <v>0</v>
      </c>
      <c r="CQ27" s="315">
        <v>0</v>
      </c>
      <c r="CR27" s="315">
        <v>0</v>
      </c>
      <c r="CS27" s="315">
        <v>0</v>
      </c>
      <c r="CT27" s="315">
        <v>0</v>
      </c>
      <c r="CU27" s="312">
        <v>0</v>
      </c>
      <c r="CV27" s="317">
        <v>0</v>
      </c>
      <c r="CW27" s="311">
        <v>0</v>
      </c>
      <c r="CX27" s="315">
        <v>0</v>
      </c>
      <c r="CY27" s="312">
        <v>0</v>
      </c>
      <c r="CZ27" s="314">
        <v>0</v>
      </c>
      <c r="DA27" s="315">
        <v>0</v>
      </c>
      <c r="DB27" s="315">
        <v>0</v>
      </c>
      <c r="DC27" s="315">
        <v>0</v>
      </c>
      <c r="DD27" s="315">
        <v>0</v>
      </c>
      <c r="DE27" s="315">
        <v>0</v>
      </c>
      <c r="DF27" s="312">
        <v>0</v>
      </c>
      <c r="DG27" s="317">
        <v>0</v>
      </c>
      <c r="DH27" s="311">
        <v>0</v>
      </c>
      <c r="DI27" s="315">
        <v>0</v>
      </c>
      <c r="DJ27" s="312">
        <v>0</v>
      </c>
      <c r="DK27" s="314">
        <v>0</v>
      </c>
      <c r="DL27" s="315">
        <v>0</v>
      </c>
      <c r="DM27" s="315">
        <v>0</v>
      </c>
      <c r="DN27" s="315">
        <v>0</v>
      </c>
      <c r="DO27" s="315">
        <v>0</v>
      </c>
      <c r="DP27" s="315">
        <v>0</v>
      </c>
      <c r="DQ27" s="312">
        <v>0</v>
      </c>
      <c r="DR27" s="317">
        <v>0</v>
      </c>
      <c r="DS27" s="311">
        <v>2</v>
      </c>
      <c r="DT27" s="315">
        <v>6</v>
      </c>
      <c r="DU27" s="312">
        <v>8</v>
      </c>
      <c r="DV27" s="314">
        <v>0</v>
      </c>
      <c r="DW27" s="315">
        <v>5</v>
      </c>
      <c r="DX27" s="315">
        <v>7</v>
      </c>
      <c r="DY27" s="315">
        <v>5</v>
      </c>
      <c r="DZ27" s="315">
        <v>4</v>
      </c>
      <c r="EA27" s="315">
        <v>3</v>
      </c>
      <c r="EB27" s="312">
        <v>24</v>
      </c>
      <c r="EC27" s="317">
        <v>32</v>
      </c>
      <c r="ED27" s="311">
        <v>0</v>
      </c>
      <c r="EE27" s="315">
        <v>0</v>
      </c>
      <c r="EF27" s="312">
        <v>0</v>
      </c>
      <c r="EG27" s="314">
        <v>0</v>
      </c>
      <c r="EH27" s="315">
        <v>0</v>
      </c>
      <c r="EI27" s="315">
        <v>2</v>
      </c>
      <c r="EJ27" s="315">
        <v>0</v>
      </c>
      <c r="EK27" s="315">
        <v>2</v>
      </c>
      <c r="EL27" s="315">
        <v>1</v>
      </c>
      <c r="EM27" s="312">
        <v>5</v>
      </c>
      <c r="EN27" s="317">
        <v>5</v>
      </c>
      <c r="EO27" s="311">
        <v>3</v>
      </c>
      <c r="EP27" s="315">
        <v>8</v>
      </c>
      <c r="EQ27" s="312">
        <v>11</v>
      </c>
      <c r="ER27" s="314">
        <v>0</v>
      </c>
      <c r="ES27" s="315">
        <v>14</v>
      </c>
      <c r="ET27" s="315">
        <v>9</v>
      </c>
      <c r="EU27" s="315">
        <v>7</v>
      </c>
      <c r="EV27" s="315">
        <v>5</v>
      </c>
      <c r="EW27" s="315">
        <v>2</v>
      </c>
      <c r="EX27" s="312">
        <v>37</v>
      </c>
      <c r="EY27" s="317">
        <v>48</v>
      </c>
    </row>
    <row r="28" spans="1:155" ht="19.5" customHeight="1" x14ac:dyDescent="0.2">
      <c r="A28" s="296" t="s">
        <v>26</v>
      </c>
      <c r="B28" s="311">
        <v>0</v>
      </c>
      <c r="C28" s="315">
        <v>0</v>
      </c>
      <c r="D28" s="437">
        <v>0</v>
      </c>
      <c r="E28" s="314">
        <v>0</v>
      </c>
      <c r="F28" s="315">
        <v>5</v>
      </c>
      <c r="G28" s="315">
        <v>3</v>
      </c>
      <c r="H28" s="315">
        <v>4</v>
      </c>
      <c r="I28" s="315">
        <v>1</v>
      </c>
      <c r="J28" s="315">
        <v>3</v>
      </c>
      <c r="K28" s="316">
        <v>16</v>
      </c>
      <c r="L28" s="317">
        <v>16</v>
      </c>
      <c r="M28" s="311">
        <v>0</v>
      </c>
      <c r="N28" s="315">
        <v>0</v>
      </c>
      <c r="O28" s="312">
        <v>0</v>
      </c>
      <c r="P28" s="314">
        <v>0</v>
      </c>
      <c r="Q28" s="315">
        <v>0</v>
      </c>
      <c r="R28" s="315">
        <v>0</v>
      </c>
      <c r="S28" s="315">
        <v>0</v>
      </c>
      <c r="T28" s="315">
        <v>0</v>
      </c>
      <c r="U28" s="315">
        <v>2</v>
      </c>
      <c r="V28" s="312">
        <v>2</v>
      </c>
      <c r="W28" s="317">
        <v>2</v>
      </c>
      <c r="X28" s="311">
        <v>0</v>
      </c>
      <c r="Y28" s="315">
        <v>3</v>
      </c>
      <c r="Z28" s="312">
        <v>3</v>
      </c>
      <c r="AA28" s="314">
        <v>0</v>
      </c>
      <c r="AB28" s="315">
        <v>4</v>
      </c>
      <c r="AC28" s="315">
        <v>5</v>
      </c>
      <c r="AD28" s="315">
        <v>3</v>
      </c>
      <c r="AE28" s="315">
        <v>2</v>
      </c>
      <c r="AF28" s="315">
        <v>3</v>
      </c>
      <c r="AG28" s="312">
        <v>17</v>
      </c>
      <c r="AH28" s="317">
        <v>20</v>
      </c>
      <c r="AI28" s="311">
        <v>0</v>
      </c>
      <c r="AJ28" s="315">
        <v>0</v>
      </c>
      <c r="AK28" s="312">
        <v>0</v>
      </c>
      <c r="AL28" s="314">
        <v>0</v>
      </c>
      <c r="AM28" s="315">
        <v>0</v>
      </c>
      <c r="AN28" s="315">
        <v>0</v>
      </c>
      <c r="AO28" s="315">
        <v>0</v>
      </c>
      <c r="AP28" s="315">
        <v>0</v>
      </c>
      <c r="AQ28" s="315">
        <v>0</v>
      </c>
      <c r="AR28" s="312">
        <v>0</v>
      </c>
      <c r="AS28" s="317">
        <v>0</v>
      </c>
      <c r="AT28" s="311">
        <v>2</v>
      </c>
      <c r="AU28" s="315">
        <v>0</v>
      </c>
      <c r="AV28" s="312">
        <v>2</v>
      </c>
      <c r="AW28" s="314">
        <v>0</v>
      </c>
      <c r="AX28" s="315">
        <v>3</v>
      </c>
      <c r="AY28" s="315">
        <v>5</v>
      </c>
      <c r="AZ28" s="315">
        <v>2</v>
      </c>
      <c r="BA28" s="315">
        <v>5</v>
      </c>
      <c r="BB28" s="315">
        <v>5</v>
      </c>
      <c r="BC28" s="316">
        <v>20</v>
      </c>
      <c r="BD28" s="317">
        <v>22</v>
      </c>
      <c r="BE28" s="311">
        <v>0</v>
      </c>
      <c r="BF28" s="315">
        <v>0</v>
      </c>
      <c r="BG28" s="312">
        <v>0</v>
      </c>
      <c r="BH28" s="314">
        <v>0</v>
      </c>
      <c r="BI28" s="315">
        <v>9</v>
      </c>
      <c r="BJ28" s="315">
        <v>2</v>
      </c>
      <c r="BK28" s="315">
        <v>2</v>
      </c>
      <c r="BL28" s="315">
        <v>0</v>
      </c>
      <c r="BM28" s="315">
        <v>0</v>
      </c>
      <c r="BN28" s="312">
        <v>13</v>
      </c>
      <c r="BO28" s="317">
        <v>13</v>
      </c>
      <c r="BP28" s="311">
        <v>0</v>
      </c>
      <c r="BQ28" s="315">
        <v>1</v>
      </c>
      <c r="BR28" s="312">
        <v>1</v>
      </c>
      <c r="BS28" s="314">
        <v>0</v>
      </c>
      <c r="BT28" s="315">
        <v>2</v>
      </c>
      <c r="BU28" s="315">
        <v>3</v>
      </c>
      <c r="BV28" s="315">
        <v>3</v>
      </c>
      <c r="BW28" s="315">
        <v>0</v>
      </c>
      <c r="BX28" s="315">
        <v>0</v>
      </c>
      <c r="BY28" s="312">
        <v>8</v>
      </c>
      <c r="BZ28" s="317">
        <v>9</v>
      </c>
      <c r="CA28" s="311">
        <v>0</v>
      </c>
      <c r="CB28" s="315">
        <v>0</v>
      </c>
      <c r="CC28" s="312">
        <v>0</v>
      </c>
      <c r="CD28" s="314">
        <v>0</v>
      </c>
      <c r="CE28" s="315">
        <v>0</v>
      </c>
      <c r="CF28" s="315">
        <v>0</v>
      </c>
      <c r="CG28" s="315">
        <v>1</v>
      </c>
      <c r="CH28" s="315">
        <v>0</v>
      </c>
      <c r="CI28" s="315">
        <v>0</v>
      </c>
      <c r="CJ28" s="312">
        <v>1</v>
      </c>
      <c r="CK28" s="317">
        <v>1</v>
      </c>
      <c r="CL28" s="311">
        <v>0</v>
      </c>
      <c r="CM28" s="315">
        <v>0</v>
      </c>
      <c r="CN28" s="312">
        <v>0</v>
      </c>
      <c r="CO28" s="314">
        <v>0</v>
      </c>
      <c r="CP28" s="315">
        <v>0</v>
      </c>
      <c r="CQ28" s="315">
        <v>1</v>
      </c>
      <c r="CR28" s="315">
        <v>0</v>
      </c>
      <c r="CS28" s="315">
        <v>0</v>
      </c>
      <c r="CT28" s="315">
        <v>0</v>
      </c>
      <c r="CU28" s="312">
        <v>1</v>
      </c>
      <c r="CV28" s="317">
        <v>1</v>
      </c>
      <c r="CW28" s="311">
        <v>0</v>
      </c>
      <c r="CX28" s="315">
        <v>0</v>
      </c>
      <c r="CY28" s="312">
        <v>0</v>
      </c>
      <c r="CZ28" s="314">
        <v>0</v>
      </c>
      <c r="DA28" s="315">
        <v>0</v>
      </c>
      <c r="DB28" s="315">
        <v>0</v>
      </c>
      <c r="DC28" s="315">
        <v>0</v>
      </c>
      <c r="DD28" s="315">
        <v>0</v>
      </c>
      <c r="DE28" s="315">
        <v>0</v>
      </c>
      <c r="DF28" s="312">
        <v>0</v>
      </c>
      <c r="DG28" s="317">
        <v>0</v>
      </c>
      <c r="DH28" s="311">
        <v>0</v>
      </c>
      <c r="DI28" s="315">
        <v>0</v>
      </c>
      <c r="DJ28" s="312">
        <v>0</v>
      </c>
      <c r="DK28" s="314">
        <v>0</v>
      </c>
      <c r="DL28" s="315">
        <v>0</v>
      </c>
      <c r="DM28" s="315">
        <v>0</v>
      </c>
      <c r="DN28" s="315">
        <v>0</v>
      </c>
      <c r="DO28" s="315">
        <v>0</v>
      </c>
      <c r="DP28" s="315">
        <v>0</v>
      </c>
      <c r="DQ28" s="312">
        <v>0</v>
      </c>
      <c r="DR28" s="317">
        <v>0</v>
      </c>
      <c r="DS28" s="311">
        <v>5</v>
      </c>
      <c r="DT28" s="315">
        <v>6</v>
      </c>
      <c r="DU28" s="312">
        <v>11</v>
      </c>
      <c r="DV28" s="314">
        <v>0</v>
      </c>
      <c r="DW28" s="315">
        <v>11</v>
      </c>
      <c r="DX28" s="315">
        <v>7</v>
      </c>
      <c r="DY28" s="315">
        <v>9</v>
      </c>
      <c r="DZ28" s="315">
        <v>4</v>
      </c>
      <c r="EA28" s="315">
        <v>4</v>
      </c>
      <c r="EB28" s="312">
        <v>35</v>
      </c>
      <c r="EC28" s="317">
        <v>46</v>
      </c>
      <c r="ED28" s="311">
        <v>2</v>
      </c>
      <c r="EE28" s="315">
        <v>1</v>
      </c>
      <c r="EF28" s="312">
        <v>3</v>
      </c>
      <c r="EG28" s="314">
        <v>0</v>
      </c>
      <c r="EH28" s="315">
        <v>2</v>
      </c>
      <c r="EI28" s="315">
        <v>5</v>
      </c>
      <c r="EJ28" s="315">
        <v>0</v>
      </c>
      <c r="EK28" s="315">
        <v>2</v>
      </c>
      <c r="EL28" s="315">
        <v>0</v>
      </c>
      <c r="EM28" s="312">
        <v>9</v>
      </c>
      <c r="EN28" s="317">
        <v>12</v>
      </c>
      <c r="EO28" s="311">
        <v>5</v>
      </c>
      <c r="EP28" s="315">
        <v>9</v>
      </c>
      <c r="EQ28" s="312">
        <v>14</v>
      </c>
      <c r="ER28" s="314">
        <v>0</v>
      </c>
      <c r="ES28" s="315">
        <v>23</v>
      </c>
      <c r="ET28" s="315">
        <v>10</v>
      </c>
      <c r="EU28" s="315">
        <v>10</v>
      </c>
      <c r="EV28" s="315">
        <v>4</v>
      </c>
      <c r="EW28" s="315">
        <v>4</v>
      </c>
      <c r="EX28" s="312">
        <v>51</v>
      </c>
      <c r="EY28" s="317">
        <v>65</v>
      </c>
    </row>
    <row r="29" spans="1:155" ht="19.5" customHeight="1" x14ac:dyDescent="0.2">
      <c r="A29" s="296" t="s">
        <v>27</v>
      </c>
      <c r="B29" s="311">
        <v>0</v>
      </c>
      <c r="C29" s="315">
        <v>0</v>
      </c>
      <c r="D29" s="437">
        <v>0</v>
      </c>
      <c r="E29" s="314">
        <v>0</v>
      </c>
      <c r="F29" s="315">
        <v>2</v>
      </c>
      <c r="G29" s="315">
        <v>2</v>
      </c>
      <c r="H29" s="315">
        <v>2</v>
      </c>
      <c r="I29" s="315">
        <v>0</v>
      </c>
      <c r="J29" s="315">
        <v>2</v>
      </c>
      <c r="K29" s="316">
        <v>8</v>
      </c>
      <c r="L29" s="317">
        <v>8</v>
      </c>
      <c r="M29" s="311">
        <v>0</v>
      </c>
      <c r="N29" s="315">
        <v>0</v>
      </c>
      <c r="O29" s="312">
        <v>0</v>
      </c>
      <c r="P29" s="314">
        <v>0</v>
      </c>
      <c r="Q29" s="315">
        <v>0</v>
      </c>
      <c r="R29" s="315">
        <v>0</v>
      </c>
      <c r="S29" s="315">
        <v>0</v>
      </c>
      <c r="T29" s="315">
        <v>0</v>
      </c>
      <c r="U29" s="315">
        <v>0</v>
      </c>
      <c r="V29" s="312">
        <v>0</v>
      </c>
      <c r="W29" s="317">
        <v>0</v>
      </c>
      <c r="X29" s="311">
        <v>1</v>
      </c>
      <c r="Y29" s="315">
        <v>2</v>
      </c>
      <c r="Z29" s="312">
        <v>3</v>
      </c>
      <c r="AA29" s="314">
        <v>0</v>
      </c>
      <c r="AB29" s="315">
        <v>4</v>
      </c>
      <c r="AC29" s="315">
        <v>1</v>
      </c>
      <c r="AD29" s="315">
        <v>3</v>
      </c>
      <c r="AE29" s="315">
        <v>1</v>
      </c>
      <c r="AF29" s="315">
        <v>2</v>
      </c>
      <c r="AG29" s="312">
        <v>11</v>
      </c>
      <c r="AH29" s="317">
        <v>14</v>
      </c>
      <c r="AI29" s="311">
        <v>0</v>
      </c>
      <c r="AJ29" s="315">
        <v>1</v>
      </c>
      <c r="AK29" s="312">
        <v>1</v>
      </c>
      <c r="AL29" s="314">
        <v>0</v>
      </c>
      <c r="AM29" s="315">
        <v>0</v>
      </c>
      <c r="AN29" s="315">
        <v>0</v>
      </c>
      <c r="AO29" s="315">
        <v>0</v>
      </c>
      <c r="AP29" s="315">
        <v>0</v>
      </c>
      <c r="AQ29" s="315">
        <v>0</v>
      </c>
      <c r="AR29" s="312">
        <v>0</v>
      </c>
      <c r="AS29" s="317">
        <v>1</v>
      </c>
      <c r="AT29" s="311">
        <v>1</v>
      </c>
      <c r="AU29" s="315">
        <v>1</v>
      </c>
      <c r="AV29" s="312">
        <v>2</v>
      </c>
      <c r="AW29" s="314">
        <v>0</v>
      </c>
      <c r="AX29" s="315">
        <v>4</v>
      </c>
      <c r="AY29" s="315">
        <v>1</v>
      </c>
      <c r="AZ29" s="315">
        <v>8</v>
      </c>
      <c r="BA29" s="315">
        <v>4</v>
      </c>
      <c r="BB29" s="315">
        <v>3</v>
      </c>
      <c r="BC29" s="316">
        <v>20</v>
      </c>
      <c r="BD29" s="317">
        <v>22</v>
      </c>
      <c r="BE29" s="311">
        <v>0</v>
      </c>
      <c r="BF29" s="315">
        <v>0</v>
      </c>
      <c r="BG29" s="312">
        <v>0</v>
      </c>
      <c r="BH29" s="314">
        <v>0</v>
      </c>
      <c r="BI29" s="315">
        <v>1</v>
      </c>
      <c r="BJ29" s="315">
        <v>1</v>
      </c>
      <c r="BK29" s="315">
        <v>2</v>
      </c>
      <c r="BL29" s="315">
        <v>1</v>
      </c>
      <c r="BM29" s="315">
        <v>0</v>
      </c>
      <c r="BN29" s="312">
        <v>5</v>
      </c>
      <c r="BO29" s="317">
        <v>5</v>
      </c>
      <c r="BP29" s="311">
        <v>1</v>
      </c>
      <c r="BQ29" s="315">
        <v>1</v>
      </c>
      <c r="BR29" s="312">
        <v>2</v>
      </c>
      <c r="BS29" s="314">
        <v>0</v>
      </c>
      <c r="BT29" s="315">
        <v>1</v>
      </c>
      <c r="BU29" s="315">
        <v>1</v>
      </c>
      <c r="BV29" s="315">
        <v>1</v>
      </c>
      <c r="BW29" s="315">
        <v>0</v>
      </c>
      <c r="BX29" s="315">
        <v>0</v>
      </c>
      <c r="BY29" s="312">
        <v>3</v>
      </c>
      <c r="BZ29" s="317">
        <v>5</v>
      </c>
      <c r="CA29" s="311">
        <v>0</v>
      </c>
      <c r="CB29" s="315">
        <v>0</v>
      </c>
      <c r="CC29" s="312">
        <v>0</v>
      </c>
      <c r="CD29" s="314">
        <v>0</v>
      </c>
      <c r="CE29" s="315">
        <v>0</v>
      </c>
      <c r="CF29" s="315">
        <v>0</v>
      </c>
      <c r="CG29" s="315">
        <v>1</v>
      </c>
      <c r="CH29" s="315">
        <v>1</v>
      </c>
      <c r="CI29" s="315">
        <v>0</v>
      </c>
      <c r="CJ29" s="312">
        <v>2</v>
      </c>
      <c r="CK29" s="317">
        <v>2</v>
      </c>
      <c r="CL29" s="311">
        <v>0</v>
      </c>
      <c r="CM29" s="315">
        <v>0</v>
      </c>
      <c r="CN29" s="312">
        <v>0</v>
      </c>
      <c r="CO29" s="314">
        <v>0</v>
      </c>
      <c r="CP29" s="315">
        <v>0</v>
      </c>
      <c r="CQ29" s="315">
        <v>0</v>
      </c>
      <c r="CR29" s="315">
        <v>0</v>
      </c>
      <c r="CS29" s="315">
        <v>0</v>
      </c>
      <c r="CT29" s="315">
        <v>0</v>
      </c>
      <c r="CU29" s="312">
        <v>0</v>
      </c>
      <c r="CV29" s="317">
        <v>0</v>
      </c>
      <c r="CW29" s="311">
        <v>0</v>
      </c>
      <c r="CX29" s="315">
        <v>0</v>
      </c>
      <c r="CY29" s="312">
        <v>0</v>
      </c>
      <c r="CZ29" s="314">
        <v>0</v>
      </c>
      <c r="DA29" s="315">
        <v>0</v>
      </c>
      <c r="DB29" s="315">
        <v>0</v>
      </c>
      <c r="DC29" s="315">
        <v>0</v>
      </c>
      <c r="DD29" s="315">
        <v>0</v>
      </c>
      <c r="DE29" s="315">
        <v>0</v>
      </c>
      <c r="DF29" s="312">
        <v>0</v>
      </c>
      <c r="DG29" s="317">
        <v>0</v>
      </c>
      <c r="DH29" s="311">
        <v>0</v>
      </c>
      <c r="DI29" s="315">
        <v>0</v>
      </c>
      <c r="DJ29" s="312">
        <v>0</v>
      </c>
      <c r="DK29" s="314">
        <v>0</v>
      </c>
      <c r="DL29" s="315">
        <v>0</v>
      </c>
      <c r="DM29" s="315">
        <v>0</v>
      </c>
      <c r="DN29" s="315">
        <v>0</v>
      </c>
      <c r="DO29" s="315">
        <v>0</v>
      </c>
      <c r="DP29" s="315">
        <v>0</v>
      </c>
      <c r="DQ29" s="312">
        <v>0</v>
      </c>
      <c r="DR29" s="317">
        <v>0</v>
      </c>
      <c r="DS29" s="311">
        <v>3</v>
      </c>
      <c r="DT29" s="315">
        <v>10</v>
      </c>
      <c r="DU29" s="312">
        <v>13</v>
      </c>
      <c r="DV29" s="314">
        <v>0</v>
      </c>
      <c r="DW29" s="315">
        <v>1</v>
      </c>
      <c r="DX29" s="315">
        <v>4</v>
      </c>
      <c r="DY29" s="315">
        <v>5</v>
      </c>
      <c r="DZ29" s="315">
        <v>1</v>
      </c>
      <c r="EA29" s="315">
        <v>2</v>
      </c>
      <c r="EB29" s="312">
        <v>13</v>
      </c>
      <c r="EC29" s="317">
        <v>26</v>
      </c>
      <c r="ED29" s="311">
        <v>1</v>
      </c>
      <c r="EE29" s="315">
        <v>2</v>
      </c>
      <c r="EF29" s="312">
        <v>3</v>
      </c>
      <c r="EG29" s="314">
        <v>0</v>
      </c>
      <c r="EH29" s="315">
        <v>5</v>
      </c>
      <c r="EI29" s="315">
        <v>1</v>
      </c>
      <c r="EJ29" s="315">
        <v>5</v>
      </c>
      <c r="EK29" s="315">
        <v>4</v>
      </c>
      <c r="EL29" s="315">
        <v>1</v>
      </c>
      <c r="EM29" s="312">
        <v>16</v>
      </c>
      <c r="EN29" s="317">
        <v>19</v>
      </c>
      <c r="EO29" s="311">
        <v>6</v>
      </c>
      <c r="EP29" s="315">
        <v>12</v>
      </c>
      <c r="EQ29" s="312">
        <v>18</v>
      </c>
      <c r="ER29" s="314">
        <v>0</v>
      </c>
      <c r="ES29" s="315">
        <v>6</v>
      </c>
      <c r="ET29" s="315">
        <v>4</v>
      </c>
      <c r="EU29" s="315">
        <v>7</v>
      </c>
      <c r="EV29" s="315">
        <v>1</v>
      </c>
      <c r="EW29" s="315">
        <v>2</v>
      </c>
      <c r="EX29" s="312">
        <v>20</v>
      </c>
      <c r="EY29" s="317">
        <v>38</v>
      </c>
    </row>
    <row r="30" spans="1:155" ht="19.5" customHeight="1" x14ac:dyDescent="0.2">
      <c r="A30" s="296" t="s">
        <v>28</v>
      </c>
      <c r="B30" s="311">
        <v>0</v>
      </c>
      <c r="C30" s="315">
        <v>0</v>
      </c>
      <c r="D30" s="437">
        <v>0</v>
      </c>
      <c r="E30" s="314">
        <v>0</v>
      </c>
      <c r="F30" s="315">
        <v>1</v>
      </c>
      <c r="G30" s="315">
        <v>2</v>
      </c>
      <c r="H30" s="315">
        <v>0</v>
      </c>
      <c r="I30" s="315">
        <v>1</v>
      </c>
      <c r="J30" s="315">
        <v>0</v>
      </c>
      <c r="K30" s="316">
        <v>4</v>
      </c>
      <c r="L30" s="317">
        <v>4</v>
      </c>
      <c r="M30" s="311">
        <v>0</v>
      </c>
      <c r="N30" s="315">
        <v>0</v>
      </c>
      <c r="O30" s="312">
        <v>0</v>
      </c>
      <c r="P30" s="314">
        <v>0</v>
      </c>
      <c r="Q30" s="315">
        <v>0</v>
      </c>
      <c r="R30" s="315">
        <v>0</v>
      </c>
      <c r="S30" s="315">
        <v>0</v>
      </c>
      <c r="T30" s="315">
        <v>0</v>
      </c>
      <c r="U30" s="315">
        <v>0</v>
      </c>
      <c r="V30" s="312">
        <v>0</v>
      </c>
      <c r="W30" s="317">
        <v>0</v>
      </c>
      <c r="X30" s="311">
        <v>0</v>
      </c>
      <c r="Y30" s="315">
        <v>0</v>
      </c>
      <c r="Z30" s="312">
        <v>0</v>
      </c>
      <c r="AA30" s="314">
        <v>0</v>
      </c>
      <c r="AB30" s="315">
        <v>0</v>
      </c>
      <c r="AC30" s="315">
        <v>1</v>
      </c>
      <c r="AD30" s="315">
        <v>1</v>
      </c>
      <c r="AE30" s="315">
        <v>0</v>
      </c>
      <c r="AF30" s="315">
        <v>0</v>
      </c>
      <c r="AG30" s="312">
        <v>2</v>
      </c>
      <c r="AH30" s="317">
        <v>2</v>
      </c>
      <c r="AI30" s="311">
        <v>0</v>
      </c>
      <c r="AJ30" s="315">
        <v>0</v>
      </c>
      <c r="AK30" s="312">
        <v>0</v>
      </c>
      <c r="AL30" s="314">
        <v>0</v>
      </c>
      <c r="AM30" s="315">
        <v>1</v>
      </c>
      <c r="AN30" s="315">
        <v>0</v>
      </c>
      <c r="AO30" s="315">
        <v>0</v>
      </c>
      <c r="AP30" s="315">
        <v>0</v>
      </c>
      <c r="AQ30" s="315">
        <v>0</v>
      </c>
      <c r="AR30" s="312">
        <v>1</v>
      </c>
      <c r="AS30" s="317">
        <v>1</v>
      </c>
      <c r="AT30" s="311">
        <v>0</v>
      </c>
      <c r="AU30" s="315">
        <v>0</v>
      </c>
      <c r="AV30" s="312">
        <v>0</v>
      </c>
      <c r="AW30" s="314">
        <v>0</v>
      </c>
      <c r="AX30" s="315">
        <v>1</v>
      </c>
      <c r="AY30" s="315">
        <v>3</v>
      </c>
      <c r="AZ30" s="315">
        <v>1</v>
      </c>
      <c r="BA30" s="315">
        <v>1</v>
      </c>
      <c r="BB30" s="315">
        <v>1</v>
      </c>
      <c r="BC30" s="316">
        <v>7</v>
      </c>
      <c r="BD30" s="317">
        <v>7</v>
      </c>
      <c r="BE30" s="311">
        <v>0</v>
      </c>
      <c r="BF30" s="315">
        <v>0</v>
      </c>
      <c r="BG30" s="312">
        <v>0</v>
      </c>
      <c r="BH30" s="314">
        <v>0</v>
      </c>
      <c r="BI30" s="315">
        <v>1</v>
      </c>
      <c r="BJ30" s="315">
        <v>2</v>
      </c>
      <c r="BK30" s="315">
        <v>0</v>
      </c>
      <c r="BL30" s="315">
        <v>0</v>
      </c>
      <c r="BM30" s="315">
        <v>0</v>
      </c>
      <c r="BN30" s="312">
        <v>3</v>
      </c>
      <c r="BO30" s="317">
        <v>3</v>
      </c>
      <c r="BP30" s="311">
        <v>0</v>
      </c>
      <c r="BQ30" s="315">
        <v>1</v>
      </c>
      <c r="BR30" s="312">
        <v>1</v>
      </c>
      <c r="BS30" s="314">
        <v>0</v>
      </c>
      <c r="BT30" s="315">
        <v>0</v>
      </c>
      <c r="BU30" s="315">
        <v>1</v>
      </c>
      <c r="BV30" s="315">
        <v>1</v>
      </c>
      <c r="BW30" s="315">
        <v>0</v>
      </c>
      <c r="BX30" s="315">
        <v>1</v>
      </c>
      <c r="BY30" s="312">
        <v>3</v>
      </c>
      <c r="BZ30" s="317">
        <v>4</v>
      </c>
      <c r="CA30" s="311">
        <v>0</v>
      </c>
      <c r="CB30" s="315">
        <v>0</v>
      </c>
      <c r="CC30" s="312">
        <v>0</v>
      </c>
      <c r="CD30" s="314">
        <v>0</v>
      </c>
      <c r="CE30" s="315">
        <v>0</v>
      </c>
      <c r="CF30" s="315">
        <v>0</v>
      </c>
      <c r="CG30" s="315">
        <v>0</v>
      </c>
      <c r="CH30" s="315">
        <v>0</v>
      </c>
      <c r="CI30" s="315">
        <v>0</v>
      </c>
      <c r="CJ30" s="312">
        <v>0</v>
      </c>
      <c r="CK30" s="317">
        <v>0</v>
      </c>
      <c r="CL30" s="311">
        <v>0</v>
      </c>
      <c r="CM30" s="315">
        <v>0</v>
      </c>
      <c r="CN30" s="312">
        <v>0</v>
      </c>
      <c r="CO30" s="314">
        <v>0</v>
      </c>
      <c r="CP30" s="315">
        <v>0</v>
      </c>
      <c r="CQ30" s="315">
        <v>1</v>
      </c>
      <c r="CR30" s="315">
        <v>0</v>
      </c>
      <c r="CS30" s="315">
        <v>0</v>
      </c>
      <c r="CT30" s="315">
        <v>0</v>
      </c>
      <c r="CU30" s="312">
        <v>1</v>
      </c>
      <c r="CV30" s="317">
        <v>1</v>
      </c>
      <c r="CW30" s="311">
        <v>0</v>
      </c>
      <c r="CX30" s="315">
        <v>0</v>
      </c>
      <c r="CY30" s="312">
        <v>0</v>
      </c>
      <c r="CZ30" s="314">
        <v>0</v>
      </c>
      <c r="DA30" s="315">
        <v>0</v>
      </c>
      <c r="DB30" s="315">
        <v>0</v>
      </c>
      <c r="DC30" s="315">
        <v>0</v>
      </c>
      <c r="DD30" s="315">
        <v>0</v>
      </c>
      <c r="DE30" s="315">
        <v>0</v>
      </c>
      <c r="DF30" s="312">
        <v>0</v>
      </c>
      <c r="DG30" s="317">
        <v>0</v>
      </c>
      <c r="DH30" s="311">
        <v>0</v>
      </c>
      <c r="DI30" s="315">
        <v>0</v>
      </c>
      <c r="DJ30" s="312">
        <v>0</v>
      </c>
      <c r="DK30" s="314">
        <v>0</v>
      </c>
      <c r="DL30" s="315">
        <v>0</v>
      </c>
      <c r="DM30" s="315">
        <v>0</v>
      </c>
      <c r="DN30" s="315">
        <v>0</v>
      </c>
      <c r="DO30" s="315">
        <v>0</v>
      </c>
      <c r="DP30" s="315">
        <v>0</v>
      </c>
      <c r="DQ30" s="312">
        <v>0</v>
      </c>
      <c r="DR30" s="317">
        <v>0</v>
      </c>
      <c r="DS30" s="311">
        <v>1</v>
      </c>
      <c r="DT30" s="315">
        <v>2</v>
      </c>
      <c r="DU30" s="312">
        <v>3</v>
      </c>
      <c r="DV30" s="314">
        <v>0</v>
      </c>
      <c r="DW30" s="315">
        <v>1</v>
      </c>
      <c r="DX30" s="315">
        <v>4</v>
      </c>
      <c r="DY30" s="315">
        <v>1</v>
      </c>
      <c r="DZ30" s="315">
        <v>1</v>
      </c>
      <c r="EA30" s="315">
        <v>1</v>
      </c>
      <c r="EB30" s="312">
        <v>8</v>
      </c>
      <c r="EC30" s="317">
        <v>11</v>
      </c>
      <c r="ED30" s="311">
        <v>0</v>
      </c>
      <c r="EE30" s="315">
        <v>0</v>
      </c>
      <c r="EF30" s="312">
        <v>0</v>
      </c>
      <c r="EG30" s="314">
        <v>0</v>
      </c>
      <c r="EH30" s="315">
        <v>1</v>
      </c>
      <c r="EI30" s="315">
        <v>0</v>
      </c>
      <c r="EJ30" s="315">
        <v>1</v>
      </c>
      <c r="EK30" s="315">
        <v>0</v>
      </c>
      <c r="EL30" s="315">
        <v>1</v>
      </c>
      <c r="EM30" s="312">
        <v>3</v>
      </c>
      <c r="EN30" s="317">
        <v>3</v>
      </c>
      <c r="EO30" s="311">
        <v>1</v>
      </c>
      <c r="EP30" s="315">
        <v>2</v>
      </c>
      <c r="EQ30" s="312">
        <v>3</v>
      </c>
      <c r="ER30" s="314">
        <v>0</v>
      </c>
      <c r="ES30" s="315">
        <v>5</v>
      </c>
      <c r="ET30" s="315">
        <v>6</v>
      </c>
      <c r="EU30" s="315">
        <v>1</v>
      </c>
      <c r="EV30" s="315">
        <v>1</v>
      </c>
      <c r="EW30" s="315">
        <v>1</v>
      </c>
      <c r="EX30" s="312">
        <v>14</v>
      </c>
      <c r="EY30" s="317">
        <v>17</v>
      </c>
    </row>
    <row r="31" spans="1:155" ht="19.5" customHeight="1" x14ac:dyDescent="0.2">
      <c r="A31" s="296" t="s">
        <v>29</v>
      </c>
      <c r="B31" s="311">
        <v>0</v>
      </c>
      <c r="C31" s="315">
        <v>0</v>
      </c>
      <c r="D31" s="437">
        <v>0</v>
      </c>
      <c r="E31" s="314">
        <v>0</v>
      </c>
      <c r="F31" s="315">
        <v>1</v>
      </c>
      <c r="G31" s="315">
        <v>2</v>
      </c>
      <c r="H31" s="315">
        <v>1</v>
      </c>
      <c r="I31" s="315">
        <v>0</v>
      </c>
      <c r="J31" s="315">
        <v>0</v>
      </c>
      <c r="K31" s="316">
        <v>4</v>
      </c>
      <c r="L31" s="317">
        <v>4</v>
      </c>
      <c r="M31" s="311">
        <v>0</v>
      </c>
      <c r="N31" s="315">
        <v>0</v>
      </c>
      <c r="O31" s="312">
        <v>0</v>
      </c>
      <c r="P31" s="314">
        <v>0</v>
      </c>
      <c r="Q31" s="315">
        <v>0</v>
      </c>
      <c r="R31" s="315">
        <v>0</v>
      </c>
      <c r="S31" s="315">
        <v>1</v>
      </c>
      <c r="T31" s="315">
        <v>0</v>
      </c>
      <c r="U31" s="315">
        <v>0</v>
      </c>
      <c r="V31" s="312">
        <v>1</v>
      </c>
      <c r="W31" s="317">
        <v>1</v>
      </c>
      <c r="X31" s="311">
        <v>1</v>
      </c>
      <c r="Y31" s="315">
        <v>0</v>
      </c>
      <c r="Z31" s="312">
        <v>1</v>
      </c>
      <c r="AA31" s="314">
        <v>0</v>
      </c>
      <c r="AB31" s="315">
        <v>1</v>
      </c>
      <c r="AC31" s="315">
        <v>1</v>
      </c>
      <c r="AD31" s="315">
        <v>4</v>
      </c>
      <c r="AE31" s="315">
        <v>0</v>
      </c>
      <c r="AF31" s="315">
        <v>0</v>
      </c>
      <c r="AG31" s="312">
        <v>6</v>
      </c>
      <c r="AH31" s="317">
        <v>7</v>
      </c>
      <c r="AI31" s="311">
        <v>0</v>
      </c>
      <c r="AJ31" s="315">
        <v>0</v>
      </c>
      <c r="AK31" s="312">
        <v>0</v>
      </c>
      <c r="AL31" s="314">
        <v>0</v>
      </c>
      <c r="AM31" s="315">
        <v>0</v>
      </c>
      <c r="AN31" s="315">
        <v>1</v>
      </c>
      <c r="AO31" s="315">
        <v>0</v>
      </c>
      <c r="AP31" s="315">
        <v>0</v>
      </c>
      <c r="AQ31" s="315">
        <v>0</v>
      </c>
      <c r="AR31" s="312">
        <v>1</v>
      </c>
      <c r="AS31" s="317">
        <v>1</v>
      </c>
      <c r="AT31" s="311">
        <v>0</v>
      </c>
      <c r="AU31" s="315">
        <v>0</v>
      </c>
      <c r="AV31" s="312">
        <v>0</v>
      </c>
      <c r="AW31" s="314">
        <v>0</v>
      </c>
      <c r="AX31" s="315">
        <v>1</v>
      </c>
      <c r="AY31" s="315">
        <v>1</v>
      </c>
      <c r="AZ31" s="315">
        <v>2</v>
      </c>
      <c r="BA31" s="315">
        <v>1</v>
      </c>
      <c r="BB31" s="315">
        <v>0</v>
      </c>
      <c r="BC31" s="316">
        <v>5</v>
      </c>
      <c r="BD31" s="317">
        <v>5</v>
      </c>
      <c r="BE31" s="311">
        <v>0</v>
      </c>
      <c r="BF31" s="315">
        <v>0</v>
      </c>
      <c r="BG31" s="312">
        <v>0</v>
      </c>
      <c r="BH31" s="314">
        <v>0</v>
      </c>
      <c r="BI31" s="315">
        <v>0</v>
      </c>
      <c r="BJ31" s="315">
        <v>0</v>
      </c>
      <c r="BK31" s="315">
        <v>1</v>
      </c>
      <c r="BL31" s="315">
        <v>0</v>
      </c>
      <c r="BM31" s="315">
        <v>0</v>
      </c>
      <c r="BN31" s="312">
        <v>1</v>
      </c>
      <c r="BO31" s="317">
        <v>1</v>
      </c>
      <c r="BP31" s="311">
        <v>0</v>
      </c>
      <c r="BQ31" s="315">
        <v>0</v>
      </c>
      <c r="BR31" s="312">
        <v>0</v>
      </c>
      <c r="BS31" s="314">
        <v>0</v>
      </c>
      <c r="BT31" s="315">
        <v>0</v>
      </c>
      <c r="BU31" s="315">
        <v>1</v>
      </c>
      <c r="BV31" s="315">
        <v>2</v>
      </c>
      <c r="BW31" s="315">
        <v>0</v>
      </c>
      <c r="BX31" s="315">
        <v>0</v>
      </c>
      <c r="BY31" s="312">
        <v>3</v>
      </c>
      <c r="BZ31" s="317">
        <v>3</v>
      </c>
      <c r="CA31" s="311">
        <v>0</v>
      </c>
      <c r="CB31" s="315">
        <v>0</v>
      </c>
      <c r="CC31" s="312">
        <v>0</v>
      </c>
      <c r="CD31" s="314">
        <v>0</v>
      </c>
      <c r="CE31" s="315">
        <v>0</v>
      </c>
      <c r="CF31" s="315">
        <v>0</v>
      </c>
      <c r="CG31" s="315">
        <v>1</v>
      </c>
      <c r="CH31" s="315">
        <v>0</v>
      </c>
      <c r="CI31" s="315">
        <v>0</v>
      </c>
      <c r="CJ31" s="312">
        <v>1</v>
      </c>
      <c r="CK31" s="317">
        <v>1</v>
      </c>
      <c r="CL31" s="311">
        <v>0</v>
      </c>
      <c r="CM31" s="315">
        <v>0</v>
      </c>
      <c r="CN31" s="312">
        <v>0</v>
      </c>
      <c r="CO31" s="314">
        <v>0</v>
      </c>
      <c r="CP31" s="315">
        <v>0</v>
      </c>
      <c r="CQ31" s="315">
        <v>0</v>
      </c>
      <c r="CR31" s="315">
        <v>0</v>
      </c>
      <c r="CS31" s="315">
        <v>0</v>
      </c>
      <c r="CT31" s="315">
        <v>0</v>
      </c>
      <c r="CU31" s="312">
        <v>0</v>
      </c>
      <c r="CV31" s="317">
        <v>0</v>
      </c>
      <c r="CW31" s="311">
        <v>0</v>
      </c>
      <c r="CX31" s="315">
        <v>0</v>
      </c>
      <c r="CY31" s="312">
        <v>0</v>
      </c>
      <c r="CZ31" s="314">
        <v>0</v>
      </c>
      <c r="DA31" s="315">
        <v>0</v>
      </c>
      <c r="DB31" s="315">
        <v>0</v>
      </c>
      <c r="DC31" s="315">
        <v>0</v>
      </c>
      <c r="DD31" s="315">
        <v>0</v>
      </c>
      <c r="DE31" s="315">
        <v>0</v>
      </c>
      <c r="DF31" s="312">
        <v>0</v>
      </c>
      <c r="DG31" s="317">
        <v>0</v>
      </c>
      <c r="DH31" s="311">
        <v>0</v>
      </c>
      <c r="DI31" s="315">
        <v>0</v>
      </c>
      <c r="DJ31" s="312">
        <v>0</v>
      </c>
      <c r="DK31" s="314">
        <v>0</v>
      </c>
      <c r="DL31" s="315">
        <v>0</v>
      </c>
      <c r="DM31" s="315">
        <v>0</v>
      </c>
      <c r="DN31" s="315">
        <v>0</v>
      </c>
      <c r="DO31" s="315">
        <v>0</v>
      </c>
      <c r="DP31" s="315">
        <v>0</v>
      </c>
      <c r="DQ31" s="312">
        <v>0</v>
      </c>
      <c r="DR31" s="317">
        <v>0</v>
      </c>
      <c r="DS31" s="311">
        <v>1</v>
      </c>
      <c r="DT31" s="315">
        <v>2</v>
      </c>
      <c r="DU31" s="312">
        <v>3</v>
      </c>
      <c r="DV31" s="314">
        <v>0</v>
      </c>
      <c r="DW31" s="315">
        <v>3</v>
      </c>
      <c r="DX31" s="315">
        <v>2</v>
      </c>
      <c r="DY31" s="315">
        <v>4</v>
      </c>
      <c r="DZ31" s="315">
        <v>0</v>
      </c>
      <c r="EA31" s="315">
        <v>0</v>
      </c>
      <c r="EB31" s="312">
        <v>9</v>
      </c>
      <c r="EC31" s="317">
        <v>12</v>
      </c>
      <c r="ED31" s="311">
        <v>0</v>
      </c>
      <c r="EE31" s="315">
        <v>0</v>
      </c>
      <c r="EF31" s="312">
        <v>0</v>
      </c>
      <c r="EG31" s="314">
        <v>0</v>
      </c>
      <c r="EH31" s="315">
        <v>1</v>
      </c>
      <c r="EI31" s="315">
        <v>1</v>
      </c>
      <c r="EJ31" s="315">
        <v>1</v>
      </c>
      <c r="EK31" s="315">
        <v>1</v>
      </c>
      <c r="EL31" s="315">
        <v>0</v>
      </c>
      <c r="EM31" s="312">
        <v>4</v>
      </c>
      <c r="EN31" s="317">
        <v>4</v>
      </c>
      <c r="EO31" s="311">
        <v>2</v>
      </c>
      <c r="EP31" s="315">
        <v>2</v>
      </c>
      <c r="EQ31" s="312">
        <v>4</v>
      </c>
      <c r="ER31" s="314">
        <v>0</v>
      </c>
      <c r="ES31" s="315">
        <v>3</v>
      </c>
      <c r="ET31" s="315">
        <v>3</v>
      </c>
      <c r="EU31" s="315">
        <v>5</v>
      </c>
      <c r="EV31" s="315">
        <v>0</v>
      </c>
      <c r="EW31" s="315">
        <v>0</v>
      </c>
      <c r="EX31" s="312">
        <v>11</v>
      </c>
      <c r="EY31" s="317">
        <v>15</v>
      </c>
    </row>
    <row r="32" spans="1:155" ht="19.5" customHeight="1" x14ac:dyDescent="0.2">
      <c r="A32" s="296" t="s">
        <v>30</v>
      </c>
      <c r="B32" s="311">
        <v>0</v>
      </c>
      <c r="C32" s="315">
        <v>0</v>
      </c>
      <c r="D32" s="437">
        <v>0</v>
      </c>
      <c r="E32" s="314">
        <v>0</v>
      </c>
      <c r="F32" s="315">
        <v>0</v>
      </c>
      <c r="G32" s="315">
        <v>0</v>
      </c>
      <c r="H32" s="315">
        <v>1</v>
      </c>
      <c r="I32" s="315">
        <v>1</v>
      </c>
      <c r="J32" s="315">
        <v>0</v>
      </c>
      <c r="K32" s="316">
        <v>2</v>
      </c>
      <c r="L32" s="317">
        <v>2</v>
      </c>
      <c r="M32" s="311">
        <v>0</v>
      </c>
      <c r="N32" s="315">
        <v>0</v>
      </c>
      <c r="O32" s="312">
        <v>0</v>
      </c>
      <c r="P32" s="314">
        <v>0</v>
      </c>
      <c r="Q32" s="315">
        <v>0</v>
      </c>
      <c r="R32" s="315">
        <v>0</v>
      </c>
      <c r="S32" s="315">
        <v>0</v>
      </c>
      <c r="T32" s="315">
        <v>1</v>
      </c>
      <c r="U32" s="315">
        <v>0</v>
      </c>
      <c r="V32" s="312">
        <v>1</v>
      </c>
      <c r="W32" s="317">
        <v>1</v>
      </c>
      <c r="X32" s="311">
        <v>0</v>
      </c>
      <c r="Y32" s="315">
        <v>1</v>
      </c>
      <c r="Z32" s="312">
        <v>1</v>
      </c>
      <c r="AA32" s="314">
        <v>0</v>
      </c>
      <c r="AB32" s="315">
        <v>0</v>
      </c>
      <c r="AC32" s="315">
        <v>1</v>
      </c>
      <c r="AD32" s="315">
        <v>0</v>
      </c>
      <c r="AE32" s="315">
        <v>1</v>
      </c>
      <c r="AF32" s="315">
        <v>0</v>
      </c>
      <c r="AG32" s="312">
        <v>2</v>
      </c>
      <c r="AH32" s="317">
        <v>3</v>
      </c>
      <c r="AI32" s="311">
        <v>0</v>
      </c>
      <c r="AJ32" s="315">
        <v>0</v>
      </c>
      <c r="AK32" s="312">
        <v>0</v>
      </c>
      <c r="AL32" s="314">
        <v>0</v>
      </c>
      <c r="AM32" s="315">
        <v>0</v>
      </c>
      <c r="AN32" s="315">
        <v>0</v>
      </c>
      <c r="AO32" s="315">
        <v>0</v>
      </c>
      <c r="AP32" s="315">
        <v>1</v>
      </c>
      <c r="AQ32" s="315">
        <v>0</v>
      </c>
      <c r="AR32" s="312">
        <v>1</v>
      </c>
      <c r="AS32" s="317">
        <v>1</v>
      </c>
      <c r="AT32" s="311">
        <v>0</v>
      </c>
      <c r="AU32" s="315">
        <v>0</v>
      </c>
      <c r="AV32" s="312">
        <v>0</v>
      </c>
      <c r="AW32" s="314">
        <v>0</v>
      </c>
      <c r="AX32" s="315">
        <v>3</v>
      </c>
      <c r="AY32" s="315">
        <v>1</v>
      </c>
      <c r="AZ32" s="315">
        <v>1</v>
      </c>
      <c r="BA32" s="315">
        <v>2</v>
      </c>
      <c r="BB32" s="315">
        <v>0</v>
      </c>
      <c r="BC32" s="316">
        <v>7</v>
      </c>
      <c r="BD32" s="317">
        <v>7</v>
      </c>
      <c r="BE32" s="311">
        <v>0</v>
      </c>
      <c r="BF32" s="315">
        <v>0</v>
      </c>
      <c r="BG32" s="312">
        <v>0</v>
      </c>
      <c r="BH32" s="314">
        <v>0</v>
      </c>
      <c r="BI32" s="315">
        <v>0</v>
      </c>
      <c r="BJ32" s="315">
        <v>2</v>
      </c>
      <c r="BK32" s="315">
        <v>1</v>
      </c>
      <c r="BL32" s="315">
        <v>1</v>
      </c>
      <c r="BM32" s="315">
        <v>0</v>
      </c>
      <c r="BN32" s="312">
        <v>4</v>
      </c>
      <c r="BO32" s="317">
        <v>4</v>
      </c>
      <c r="BP32" s="311">
        <v>0</v>
      </c>
      <c r="BQ32" s="315">
        <v>0</v>
      </c>
      <c r="BR32" s="312">
        <v>0</v>
      </c>
      <c r="BS32" s="314">
        <v>0</v>
      </c>
      <c r="BT32" s="315">
        <v>0</v>
      </c>
      <c r="BU32" s="315">
        <v>2</v>
      </c>
      <c r="BV32" s="315">
        <v>0</v>
      </c>
      <c r="BW32" s="315">
        <v>0</v>
      </c>
      <c r="BX32" s="315">
        <v>0</v>
      </c>
      <c r="BY32" s="312">
        <v>2</v>
      </c>
      <c r="BZ32" s="317">
        <v>2</v>
      </c>
      <c r="CA32" s="311">
        <v>0</v>
      </c>
      <c r="CB32" s="315">
        <v>0</v>
      </c>
      <c r="CC32" s="312">
        <v>0</v>
      </c>
      <c r="CD32" s="314">
        <v>0</v>
      </c>
      <c r="CE32" s="315">
        <v>0</v>
      </c>
      <c r="CF32" s="315">
        <v>0</v>
      </c>
      <c r="CG32" s="315">
        <v>2</v>
      </c>
      <c r="CH32" s="315">
        <v>0</v>
      </c>
      <c r="CI32" s="315">
        <v>0</v>
      </c>
      <c r="CJ32" s="312">
        <v>2</v>
      </c>
      <c r="CK32" s="317">
        <v>2</v>
      </c>
      <c r="CL32" s="311">
        <v>0</v>
      </c>
      <c r="CM32" s="315">
        <v>0</v>
      </c>
      <c r="CN32" s="312">
        <v>0</v>
      </c>
      <c r="CO32" s="314">
        <v>0</v>
      </c>
      <c r="CP32" s="315">
        <v>0</v>
      </c>
      <c r="CQ32" s="315">
        <v>1</v>
      </c>
      <c r="CR32" s="315">
        <v>0</v>
      </c>
      <c r="CS32" s="315">
        <v>0</v>
      </c>
      <c r="CT32" s="315">
        <v>0</v>
      </c>
      <c r="CU32" s="312">
        <v>1</v>
      </c>
      <c r="CV32" s="317">
        <v>1</v>
      </c>
      <c r="CW32" s="311">
        <v>0</v>
      </c>
      <c r="CX32" s="315">
        <v>0</v>
      </c>
      <c r="CY32" s="312">
        <v>0</v>
      </c>
      <c r="CZ32" s="314">
        <v>0</v>
      </c>
      <c r="DA32" s="315">
        <v>0</v>
      </c>
      <c r="DB32" s="315">
        <v>0</v>
      </c>
      <c r="DC32" s="315">
        <v>0</v>
      </c>
      <c r="DD32" s="315">
        <v>0</v>
      </c>
      <c r="DE32" s="315">
        <v>0</v>
      </c>
      <c r="DF32" s="312">
        <v>0</v>
      </c>
      <c r="DG32" s="317">
        <v>0</v>
      </c>
      <c r="DH32" s="311">
        <v>0</v>
      </c>
      <c r="DI32" s="315">
        <v>0</v>
      </c>
      <c r="DJ32" s="312">
        <v>0</v>
      </c>
      <c r="DK32" s="314">
        <v>0</v>
      </c>
      <c r="DL32" s="315">
        <v>0</v>
      </c>
      <c r="DM32" s="315">
        <v>0</v>
      </c>
      <c r="DN32" s="315">
        <v>0</v>
      </c>
      <c r="DO32" s="315">
        <v>0</v>
      </c>
      <c r="DP32" s="315">
        <v>0</v>
      </c>
      <c r="DQ32" s="312">
        <v>0</v>
      </c>
      <c r="DR32" s="317">
        <v>0</v>
      </c>
      <c r="DS32" s="311">
        <v>1</v>
      </c>
      <c r="DT32" s="315">
        <v>1</v>
      </c>
      <c r="DU32" s="312">
        <v>2</v>
      </c>
      <c r="DV32" s="314">
        <v>0</v>
      </c>
      <c r="DW32" s="315">
        <v>0</v>
      </c>
      <c r="DX32" s="315">
        <v>5</v>
      </c>
      <c r="DY32" s="315">
        <v>3</v>
      </c>
      <c r="DZ32" s="315">
        <v>2</v>
      </c>
      <c r="EA32" s="315">
        <v>0</v>
      </c>
      <c r="EB32" s="312">
        <v>10</v>
      </c>
      <c r="EC32" s="317">
        <v>12</v>
      </c>
      <c r="ED32" s="311">
        <v>0</v>
      </c>
      <c r="EE32" s="315">
        <v>0</v>
      </c>
      <c r="EF32" s="312">
        <v>0</v>
      </c>
      <c r="EG32" s="314">
        <v>0</v>
      </c>
      <c r="EH32" s="315">
        <v>3</v>
      </c>
      <c r="EI32" s="315">
        <v>0</v>
      </c>
      <c r="EJ32" s="315">
        <v>0</v>
      </c>
      <c r="EK32" s="315">
        <v>1</v>
      </c>
      <c r="EL32" s="315">
        <v>0</v>
      </c>
      <c r="EM32" s="312">
        <v>4</v>
      </c>
      <c r="EN32" s="317">
        <v>4</v>
      </c>
      <c r="EO32" s="311">
        <v>1</v>
      </c>
      <c r="EP32" s="315">
        <v>2</v>
      </c>
      <c r="EQ32" s="312">
        <v>3</v>
      </c>
      <c r="ER32" s="314">
        <v>0</v>
      </c>
      <c r="ES32" s="315">
        <v>2</v>
      </c>
      <c r="ET32" s="315">
        <v>6</v>
      </c>
      <c r="EU32" s="315">
        <v>4</v>
      </c>
      <c r="EV32" s="315">
        <v>2</v>
      </c>
      <c r="EW32" s="315">
        <v>0</v>
      </c>
      <c r="EX32" s="312">
        <v>14</v>
      </c>
      <c r="EY32" s="317">
        <v>17</v>
      </c>
    </row>
    <row r="33" spans="1:155" ht="19.5" customHeight="1" x14ac:dyDescent="0.2">
      <c r="A33" s="296" t="s">
        <v>31</v>
      </c>
      <c r="B33" s="311">
        <v>0</v>
      </c>
      <c r="C33" s="315">
        <v>0</v>
      </c>
      <c r="D33" s="437">
        <v>0</v>
      </c>
      <c r="E33" s="314">
        <v>0</v>
      </c>
      <c r="F33" s="315">
        <v>2</v>
      </c>
      <c r="G33" s="315">
        <v>0</v>
      </c>
      <c r="H33" s="315">
        <v>0</v>
      </c>
      <c r="I33" s="315">
        <v>0</v>
      </c>
      <c r="J33" s="315">
        <v>0</v>
      </c>
      <c r="K33" s="316">
        <v>2</v>
      </c>
      <c r="L33" s="317">
        <v>2</v>
      </c>
      <c r="M33" s="311">
        <v>0</v>
      </c>
      <c r="N33" s="315">
        <v>0</v>
      </c>
      <c r="O33" s="312">
        <v>0</v>
      </c>
      <c r="P33" s="314">
        <v>0</v>
      </c>
      <c r="Q33" s="315">
        <v>1</v>
      </c>
      <c r="R33" s="315">
        <v>0</v>
      </c>
      <c r="S33" s="315">
        <v>0</v>
      </c>
      <c r="T33" s="315">
        <v>0</v>
      </c>
      <c r="U33" s="315">
        <v>1</v>
      </c>
      <c r="V33" s="312">
        <v>2</v>
      </c>
      <c r="W33" s="317">
        <v>2</v>
      </c>
      <c r="X33" s="311">
        <v>1</v>
      </c>
      <c r="Y33" s="315">
        <v>0</v>
      </c>
      <c r="Z33" s="312">
        <v>1</v>
      </c>
      <c r="AA33" s="314">
        <v>0</v>
      </c>
      <c r="AB33" s="315">
        <v>2</v>
      </c>
      <c r="AC33" s="315">
        <v>1</v>
      </c>
      <c r="AD33" s="315">
        <v>0</v>
      </c>
      <c r="AE33" s="315">
        <v>0</v>
      </c>
      <c r="AF33" s="315">
        <v>1</v>
      </c>
      <c r="AG33" s="312">
        <v>4</v>
      </c>
      <c r="AH33" s="317">
        <v>5</v>
      </c>
      <c r="AI33" s="311">
        <v>0</v>
      </c>
      <c r="AJ33" s="315">
        <v>0</v>
      </c>
      <c r="AK33" s="312">
        <v>0</v>
      </c>
      <c r="AL33" s="314">
        <v>0</v>
      </c>
      <c r="AM33" s="315">
        <v>0</v>
      </c>
      <c r="AN33" s="315">
        <v>0</v>
      </c>
      <c r="AO33" s="315">
        <v>1</v>
      </c>
      <c r="AP33" s="315">
        <v>0</v>
      </c>
      <c r="AQ33" s="315">
        <v>0</v>
      </c>
      <c r="AR33" s="312">
        <v>1</v>
      </c>
      <c r="AS33" s="317">
        <v>1</v>
      </c>
      <c r="AT33" s="311">
        <v>0</v>
      </c>
      <c r="AU33" s="315">
        <v>0</v>
      </c>
      <c r="AV33" s="312">
        <v>0</v>
      </c>
      <c r="AW33" s="314">
        <v>0</v>
      </c>
      <c r="AX33" s="315">
        <v>1</v>
      </c>
      <c r="AY33" s="315">
        <v>1</v>
      </c>
      <c r="AZ33" s="315">
        <v>0</v>
      </c>
      <c r="BA33" s="315">
        <v>0</v>
      </c>
      <c r="BB33" s="315">
        <v>2</v>
      </c>
      <c r="BC33" s="316">
        <v>4</v>
      </c>
      <c r="BD33" s="317">
        <v>4</v>
      </c>
      <c r="BE33" s="311">
        <v>0</v>
      </c>
      <c r="BF33" s="315">
        <v>0</v>
      </c>
      <c r="BG33" s="312">
        <v>0</v>
      </c>
      <c r="BH33" s="314">
        <v>0</v>
      </c>
      <c r="BI33" s="315">
        <v>0</v>
      </c>
      <c r="BJ33" s="315">
        <v>1</v>
      </c>
      <c r="BK33" s="315">
        <v>2</v>
      </c>
      <c r="BL33" s="315">
        <v>1</v>
      </c>
      <c r="BM33" s="315">
        <v>0</v>
      </c>
      <c r="BN33" s="312">
        <v>4</v>
      </c>
      <c r="BO33" s="317">
        <v>4</v>
      </c>
      <c r="BP33" s="311">
        <v>0</v>
      </c>
      <c r="BQ33" s="315">
        <v>0</v>
      </c>
      <c r="BR33" s="312">
        <v>0</v>
      </c>
      <c r="BS33" s="314">
        <v>0</v>
      </c>
      <c r="BT33" s="315">
        <v>0</v>
      </c>
      <c r="BU33" s="315">
        <v>0</v>
      </c>
      <c r="BV33" s="315">
        <v>0</v>
      </c>
      <c r="BW33" s="315">
        <v>0</v>
      </c>
      <c r="BX33" s="315">
        <v>0</v>
      </c>
      <c r="BY33" s="312">
        <v>0</v>
      </c>
      <c r="BZ33" s="317">
        <v>0</v>
      </c>
      <c r="CA33" s="311">
        <v>0</v>
      </c>
      <c r="CB33" s="315">
        <v>0</v>
      </c>
      <c r="CC33" s="312">
        <v>0</v>
      </c>
      <c r="CD33" s="314">
        <v>0</v>
      </c>
      <c r="CE33" s="315">
        <v>0</v>
      </c>
      <c r="CF33" s="315">
        <v>0</v>
      </c>
      <c r="CG33" s="315">
        <v>0</v>
      </c>
      <c r="CH33" s="315">
        <v>1</v>
      </c>
      <c r="CI33" s="315">
        <v>0</v>
      </c>
      <c r="CJ33" s="312">
        <v>1</v>
      </c>
      <c r="CK33" s="317">
        <v>1</v>
      </c>
      <c r="CL33" s="311">
        <v>0</v>
      </c>
      <c r="CM33" s="315">
        <v>0</v>
      </c>
      <c r="CN33" s="312">
        <v>0</v>
      </c>
      <c r="CO33" s="314">
        <v>0</v>
      </c>
      <c r="CP33" s="315">
        <v>0</v>
      </c>
      <c r="CQ33" s="315">
        <v>0</v>
      </c>
      <c r="CR33" s="315">
        <v>0</v>
      </c>
      <c r="CS33" s="315">
        <v>0</v>
      </c>
      <c r="CT33" s="315">
        <v>0</v>
      </c>
      <c r="CU33" s="312">
        <v>0</v>
      </c>
      <c r="CV33" s="317">
        <v>0</v>
      </c>
      <c r="CW33" s="311">
        <v>0</v>
      </c>
      <c r="CX33" s="315">
        <v>0</v>
      </c>
      <c r="CY33" s="312">
        <v>0</v>
      </c>
      <c r="CZ33" s="314">
        <v>0</v>
      </c>
      <c r="DA33" s="315">
        <v>0</v>
      </c>
      <c r="DB33" s="315">
        <v>0</v>
      </c>
      <c r="DC33" s="315">
        <v>0</v>
      </c>
      <c r="DD33" s="315">
        <v>0</v>
      </c>
      <c r="DE33" s="315">
        <v>0</v>
      </c>
      <c r="DF33" s="312">
        <v>0</v>
      </c>
      <c r="DG33" s="317">
        <v>0</v>
      </c>
      <c r="DH33" s="311">
        <v>0</v>
      </c>
      <c r="DI33" s="315">
        <v>0</v>
      </c>
      <c r="DJ33" s="312">
        <v>0</v>
      </c>
      <c r="DK33" s="314">
        <v>0</v>
      </c>
      <c r="DL33" s="315">
        <v>0</v>
      </c>
      <c r="DM33" s="315">
        <v>0</v>
      </c>
      <c r="DN33" s="315">
        <v>0</v>
      </c>
      <c r="DO33" s="315">
        <v>0</v>
      </c>
      <c r="DP33" s="315">
        <v>0</v>
      </c>
      <c r="DQ33" s="312">
        <v>0</v>
      </c>
      <c r="DR33" s="317">
        <v>0</v>
      </c>
      <c r="DS33" s="311">
        <v>0</v>
      </c>
      <c r="DT33" s="315">
        <v>0</v>
      </c>
      <c r="DU33" s="312">
        <v>0</v>
      </c>
      <c r="DV33" s="314">
        <v>0</v>
      </c>
      <c r="DW33" s="315">
        <v>4</v>
      </c>
      <c r="DX33" s="315">
        <v>2</v>
      </c>
      <c r="DY33" s="315">
        <v>1</v>
      </c>
      <c r="DZ33" s="315">
        <v>3</v>
      </c>
      <c r="EA33" s="315">
        <v>1</v>
      </c>
      <c r="EB33" s="312">
        <v>11</v>
      </c>
      <c r="EC33" s="317">
        <v>11</v>
      </c>
      <c r="ED33" s="311">
        <v>0</v>
      </c>
      <c r="EE33" s="315">
        <v>0</v>
      </c>
      <c r="EF33" s="312">
        <v>0</v>
      </c>
      <c r="EG33" s="314">
        <v>0</v>
      </c>
      <c r="EH33" s="315">
        <v>1</v>
      </c>
      <c r="EI33" s="315">
        <v>0</v>
      </c>
      <c r="EJ33" s="315">
        <v>0</v>
      </c>
      <c r="EK33" s="315">
        <v>0</v>
      </c>
      <c r="EL33" s="315">
        <v>1</v>
      </c>
      <c r="EM33" s="312">
        <v>2</v>
      </c>
      <c r="EN33" s="317">
        <v>2</v>
      </c>
      <c r="EO33" s="311">
        <v>1</v>
      </c>
      <c r="EP33" s="315">
        <v>0</v>
      </c>
      <c r="EQ33" s="312">
        <v>1</v>
      </c>
      <c r="ER33" s="314">
        <v>0</v>
      </c>
      <c r="ES33" s="315">
        <v>6</v>
      </c>
      <c r="ET33" s="315">
        <v>3</v>
      </c>
      <c r="EU33" s="315">
        <v>2</v>
      </c>
      <c r="EV33" s="315">
        <v>3</v>
      </c>
      <c r="EW33" s="315">
        <v>1</v>
      </c>
      <c r="EX33" s="312">
        <v>15</v>
      </c>
      <c r="EY33" s="317">
        <v>16</v>
      </c>
    </row>
    <row r="34" spans="1:155" ht="19.5" customHeight="1" x14ac:dyDescent="0.2">
      <c r="A34" s="296" t="s">
        <v>32</v>
      </c>
      <c r="B34" s="311">
        <v>0</v>
      </c>
      <c r="C34" s="315">
        <v>0</v>
      </c>
      <c r="D34" s="437">
        <v>0</v>
      </c>
      <c r="E34" s="314">
        <v>0</v>
      </c>
      <c r="F34" s="315">
        <v>1</v>
      </c>
      <c r="G34" s="315">
        <v>1</v>
      </c>
      <c r="H34" s="315">
        <v>0</v>
      </c>
      <c r="I34" s="315">
        <v>1</v>
      </c>
      <c r="J34" s="315">
        <v>0</v>
      </c>
      <c r="K34" s="316">
        <v>3</v>
      </c>
      <c r="L34" s="317">
        <v>3</v>
      </c>
      <c r="M34" s="311">
        <v>0</v>
      </c>
      <c r="N34" s="315">
        <v>0</v>
      </c>
      <c r="O34" s="312">
        <v>0</v>
      </c>
      <c r="P34" s="314">
        <v>0</v>
      </c>
      <c r="Q34" s="315">
        <v>0</v>
      </c>
      <c r="R34" s="315">
        <v>0</v>
      </c>
      <c r="S34" s="315">
        <v>0</v>
      </c>
      <c r="T34" s="315">
        <v>0</v>
      </c>
      <c r="U34" s="315">
        <v>0</v>
      </c>
      <c r="V34" s="312">
        <v>0</v>
      </c>
      <c r="W34" s="317">
        <v>0</v>
      </c>
      <c r="X34" s="311">
        <v>0</v>
      </c>
      <c r="Y34" s="315">
        <v>0</v>
      </c>
      <c r="Z34" s="312">
        <v>0</v>
      </c>
      <c r="AA34" s="314">
        <v>0</v>
      </c>
      <c r="AB34" s="315">
        <v>0</v>
      </c>
      <c r="AC34" s="315">
        <v>2</v>
      </c>
      <c r="AD34" s="315">
        <v>0</v>
      </c>
      <c r="AE34" s="315">
        <v>1</v>
      </c>
      <c r="AF34" s="315">
        <v>0</v>
      </c>
      <c r="AG34" s="312">
        <v>3</v>
      </c>
      <c r="AH34" s="317">
        <v>3</v>
      </c>
      <c r="AI34" s="311">
        <v>0</v>
      </c>
      <c r="AJ34" s="315">
        <v>0</v>
      </c>
      <c r="AK34" s="312">
        <v>0</v>
      </c>
      <c r="AL34" s="314">
        <v>0</v>
      </c>
      <c r="AM34" s="315">
        <v>0</v>
      </c>
      <c r="AN34" s="315">
        <v>0</v>
      </c>
      <c r="AO34" s="315">
        <v>1</v>
      </c>
      <c r="AP34" s="315">
        <v>0</v>
      </c>
      <c r="AQ34" s="315">
        <v>0</v>
      </c>
      <c r="AR34" s="312">
        <v>1</v>
      </c>
      <c r="AS34" s="317">
        <v>1</v>
      </c>
      <c r="AT34" s="311">
        <v>0</v>
      </c>
      <c r="AU34" s="315">
        <v>0</v>
      </c>
      <c r="AV34" s="312">
        <v>0</v>
      </c>
      <c r="AW34" s="314">
        <v>0</v>
      </c>
      <c r="AX34" s="315">
        <v>1</v>
      </c>
      <c r="AY34" s="315">
        <v>1</v>
      </c>
      <c r="AZ34" s="315">
        <v>1</v>
      </c>
      <c r="BA34" s="315">
        <v>2</v>
      </c>
      <c r="BB34" s="315">
        <v>2</v>
      </c>
      <c r="BC34" s="316">
        <v>7</v>
      </c>
      <c r="BD34" s="317">
        <v>7</v>
      </c>
      <c r="BE34" s="311">
        <v>0</v>
      </c>
      <c r="BF34" s="315">
        <v>0</v>
      </c>
      <c r="BG34" s="312">
        <v>0</v>
      </c>
      <c r="BH34" s="314">
        <v>0</v>
      </c>
      <c r="BI34" s="315">
        <v>2</v>
      </c>
      <c r="BJ34" s="315">
        <v>1</v>
      </c>
      <c r="BK34" s="315">
        <v>0</v>
      </c>
      <c r="BL34" s="315">
        <v>0</v>
      </c>
      <c r="BM34" s="315">
        <v>0</v>
      </c>
      <c r="BN34" s="312">
        <v>3</v>
      </c>
      <c r="BO34" s="317">
        <v>3</v>
      </c>
      <c r="BP34" s="311">
        <v>0</v>
      </c>
      <c r="BQ34" s="315">
        <v>0</v>
      </c>
      <c r="BR34" s="312">
        <v>0</v>
      </c>
      <c r="BS34" s="314">
        <v>0</v>
      </c>
      <c r="BT34" s="315">
        <v>0</v>
      </c>
      <c r="BU34" s="315">
        <v>2</v>
      </c>
      <c r="BV34" s="315">
        <v>2</v>
      </c>
      <c r="BW34" s="315">
        <v>0</v>
      </c>
      <c r="BX34" s="315">
        <v>0</v>
      </c>
      <c r="BY34" s="312">
        <v>4</v>
      </c>
      <c r="BZ34" s="317">
        <v>4</v>
      </c>
      <c r="CA34" s="311">
        <v>0</v>
      </c>
      <c r="CB34" s="315">
        <v>0</v>
      </c>
      <c r="CC34" s="312">
        <v>0</v>
      </c>
      <c r="CD34" s="314">
        <v>0</v>
      </c>
      <c r="CE34" s="315">
        <v>1</v>
      </c>
      <c r="CF34" s="315">
        <v>0</v>
      </c>
      <c r="CG34" s="315">
        <v>0</v>
      </c>
      <c r="CH34" s="315">
        <v>0</v>
      </c>
      <c r="CI34" s="315">
        <v>0</v>
      </c>
      <c r="CJ34" s="312">
        <v>1</v>
      </c>
      <c r="CK34" s="317">
        <v>1</v>
      </c>
      <c r="CL34" s="311">
        <v>0</v>
      </c>
      <c r="CM34" s="315">
        <v>0</v>
      </c>
      <c r="CN34" s="312">
        <v>0</v>
      </c>
      <c r="CO34" s="314">
        <v>0</v>
      </c>
      <c r="CP34" s="315">
        <v>0</v>
      </c>
      <c r="CQ34" s="315">
        <v>0</v>
      </c>
      <c r="CR34" s="315">
        <v>1</v>
      </c>
      <c r="CS34" s="315">
        <v>0</v>
      </c>
      <c r="CT34" s="315">
        <v>0</v>
      </c>
      <c r="CU34" s="312">
        <v>1</v>
      </c>
      <c r="CV34" s="317">
        <v>1</v>
      </c>
      <c r="CW34" s="311">
        <v>0</v>
      </c>
      <c r="CX34" s="315">
        <v>0</v>
      </c>
      <c r="CY34" s="312">
        <v>0</v>
      </c>
      <c r="CZ34" s="314">
        <v>0</v>
      </c>
      <c r="DA34" s="315">
        <v>0</v>
      </c>
      <c r="DB34" s="315">
        <v>0</v>
      </c>
      <c r="DC34" s="315">
        <v>0</v>
      </c>
      <c r="DD34" s="315">
        <v>0</v>
      </c>
      <c r="DE34" s="315">
        <v>0</v>
      </c>
      <c r="DF34" s="312">
        <v>0</v>
      </c>
      <c r="DG34" s="317">
        <v>0</v>
      </c>
      <c r="DH34" s="311">
        <v>0</v>
      </c>
      <c r="DI34" s="315">
        <v>0</v>
      </c>
      <c r="DJ34" s="312">
        <v>0</v>
      </c>
      <c r="DK34" s="314">
        <v>0</v>
      </c>
      <c r="DL34" s="315">
        <v>0</v>
      </c>
      <c r="DM34" s="315">
        <v>0</v>
      </c>
      <c r="DN34" s="315">
        <v>0</v>
      </c>
      <c r="DO34" s="315">
        <v>0</v>
      </c>
      <c r="DP34" s="315">
        <v>0</v>
      </c>
      <c r="DQ34" s="312">
        <v>0</v>
      </c>
      <c r="DR34" s="317">
        <v>0</v>
      </c>
      <c r="DS34" s="311">
        <v>0</v>
      </c>
      <c r="DT34" s="315">
        <v>2</v>
      </c>
      <c r="DU34" s="312">
        <v>2</v>
      </c>
      <c r="DV34" s="314">
        <v>0</v>
      </c>
      <c r="DW34" s="315">
        <v>3</v>
      </c>
      <c r="DX34" s="315">
        <v>3</v>
      </c>
      <c r="DY34" s="315">
        <v>2</v>
      </c>
      <c r="DZ34" s="315">
        <v>1</v>
      </c>
      <c r="EA34" s="315">
        <v>0</v>
      </c>
      <c r="EB34" s="312">
        <v>9</v>
      </c>
      <c r="EC34" s="317">
        <v>11</v>
      </c>
      <c r="ED34" s="311">
        <v>0</v>
      </c>
      <c r="EE34" s="315">
        <v>0</v>
      </c>
      <c r="EF34" s="312">
        <v>0</v>
      </c>
      <c r="EG34" s="314">
        <v>0</v>
      </c>
      <c r="EH34" s="315">
        <v>1</v>
      </c>
      <c r="EI34" s="315">
        <v>1</v>
      </c>
      <c r="EJ34" s="315">
        <v>0</v>
      </c>
      <c r="EK34" s="315">
        <v>1</v>
      </c>
      <c r="EL34" s="315">
        <v>1</v>
      </c>
      <c r="EM34" s="312">
        <v>4</v>
      </c>
      <c r="EN34" s="317">
        <v>4</v>
      </c>
      <c r="EO34" s="311">
        <v>0</v>
      </c>
      <c r="EP34" s="315">
        <v>2</v>
      </c>
      <c r="EQ34" s="312">
        <v>2</v>
      </c>
      <c r="ER34" s="314">
        <v>0</v>
      </c>
      <c r="ES34" s="315">
        <v>6</v>
      </c>
      <c r="ET34" s="315">
        <v>7</v>
      </c>
      <c r="EU34" s="315">
        <v>2</v>
      </c>
      <c r="EV34" s="315">
        <v>1</v>
      </c>
      <c r="EW34" s="315">
        <v>0</v>
      </c>
      <c r="EX34" s="312">
        <v>16</v>
      </c>
      <c r="EY34" s="317">
        <v>18</v>
      </c>
    </row>
    <row r="35" spans="1:155" ht="19.5" customHeight="1" x14ac:dyDescent="0.2">
      <c r="A35" s="296" t="s">
        <v>33</v>
      </c>
      <c r="B35" s="311">
        <v>0</v>
      </c>
      <c r="C35" s="315">
        <v>0</v>
      </c>
      <c r="D35" s="437">
        <v>0</v>
      </c>
      <c r="E35" s="314">
        <v>0</v>
      </c>
      <c r="F35" s="315">
        <v>1</v>
      </c>
      <c r="G35" s="315">
        <v>0</v>
      </c>
      <c r="H35" s="315">
        <v>2</v>
      </c>
      <c r="I35" s="315">
        <v>0</v>
      </c>
      <c r="J35" s="315">
        <v>0</v>
      </c>
      <c r="K35" s="316">
        <v>3</v>
      </c>
      <c r="L35" s="317">
        <v>3</v>
      </c>
      <c r="M35" s="311">
        <v>0</v>
      </c>
      <c r="N35" s="315">
        <v>0</v>
      </c>
      <c r="O35" s="312">
        <v>0</v>
      </c>
      <c r="P35" s="314">
        <v>0</v>
      </c>
      <c r="Q35" s="315">
        <v>0</v>
      </c>
      <c r="R35" s="315">
        <v>0</v>
      </c>
      <c r="S35" s="315">
        <v>0</v>
      </c>
      <c r="T35" s="315">
        <v>0</v>
      </c>
      <c r="U35" s="315">
        <v>0</v>
      </c>
      <c r="V35" s="312">
        <v>0</v>
      </c>
      <c r="W35" s="317">
        <v>0</v>
      </c>
      <c r="X35" s="311">
        <v>1</v>
      </c>
      <c r="Y35" s="315">
        <v>0</v>
      </c>
      <c r="Z35" s="312">
        <v>1</v>
      </c>
      <c r="AA35" s="314">
        <v>0</v>
      </c>
      <c r="AB35" s="315">
        <v>1</v>
      </c>
      <c r="AC35" s="315">
        <v>0</v>
      </c>
      <c r="AD35" s="315">
        <v>2</v>
      </c>
      <c r="AE35" s="315">
        <v>0</v>
      </c>
      <c r="AF35" s="315">
        <v>2</v>
      </c>
      <c r="AG35" s="312">
        <v>5</v>
      </c>
      <c r="AH35" s="317">
        <v>6</v>
      </c>
      <c r="AI35" s="311">
        <v>0</v>
      </c>
      <c r="AJ35" s="315">
        <v>1</v>
      </c>
      <c r="AK35" s="312">
        <v>1</v>
      </c>
      <c r="AL35" s="314">
        <v>0</v>
      </c>
      <c r="AM35" s="315">
        <v>1</v>
      </c>
      <c r="AN35" s="315">
        <v>0</v>
      </c>
      <c r="AO35" s="315">
        <v>1</v>
      </c>
      <c r="AP35" s="315">
        <v>1</v>
      </c>
      <c r="AQ35" s="315">
        <v>1</v>
      </c>
      <c r="AR35" s="312">
        <v>4</v>
      </c>
      <c r="AS35" s="317">
        <v>5</v>
      </c>
      <c r="AT35" s="311">
        <v>0</v>
      </c>
      <c r="AU35" s="315">
        <v>0</v>
      </c>
      <c r="AV35" s="312">
        <v>0</v>
      </c>
      <c r="AW35" s="314">
        <v>0</v>
      </c>
      <c r="AX35" s="315">
        <v>2</v>
      </c>
      <c r="AY35" s="315">
        <v>2</v>
      </c>
      <c r="AZ35" s="315">
        <v>2</v>
      </c>
      <c r="BA35" s="315">
        <v>0</v>
      </c>
      <c r="BB35" s="315">
        <v>1</v>
      </c>
      <c r="BC35" s="316">
        <v>7</v>
      </c>
      <c r="BD35" s="317">
        <v>7</v>
      </c>
      <c r="BE35" s="311">
        <v>0</v>
      </c>
      <c r="BF35" s="315">
        <v>0</v>
      </c>
      <c r="BG35" s="312">
        <v>0</v>
      </c>
      <c r="BH35" s="314">
        <v>0</v>
      </c>
      <c r="BI35" s="315">
        <v>3</v>
      </c>
      <c r="BJ35" s="315">
        <v>0</v>
      </c>
      <c r="BK35" s="315">
        <v>0</v>
      </c>
      <c r="BL35" s="315">
        <v>0</v>
      </c>
      <c r="BM35" s="315">
        <v>0</v>
      </c>
      <c r="BN35" s="312">
        <v>3</v>
      </c>
      <c r="BO35" s="317">
        <v>3</v>
      </c>
      <c r="BP35" s="311">
        <v>0</v>
      </c>
      <c r="BQ35" s="315">
        <v>0</v>
      </c>
      <c r="BR35" s="312">
        <v>0</v>
      </c>
      <c r="BS35" s="314">
        <v>0</v>
      </c>
      <c r="BT35" s="315">
        <v>1</v>
      </c>
      <c r="BU35" s="315">
        <v>0</v>
      </c>
      <c r="BV35" s="315">
        <v>0</v>
      </c>
      <c r="BW35" s="315">
        <v>1</v>
      </c>
      <c r="BX35" s="315">
        <v>0</v>
      </c>
      <c r="BY35" s="312">
        <v>2</v>
      </c>
      <c r="BZ35" s="317">
        <v>2</v>
      </c>
      <c r="CA35" s="311">
        <v>0</v>
      </c>
      <c r="CB35" s="315">
        <v>0</v>
      </c>
      <c r="CC35" s="312">
        <v>0</v>
      </c>
      <c r="CD35" s="314">
        <v>0</v>
      </c>
      <c r="CE35" s="315">
        <v>0</v>
      </c>
      <c r="CF35" s="315">
        <v>0</v>
      </c>
      <c r="CG35" s="315">
        <v>0</v>
      </c>
      <c r="CH35" s="315">
        <v>0</v>
      </c>
      <c r="CI35" s="315">
        <v>0</v>
      </c>
      <c r="CJ35" s="312">
        <v>0</v>
      </c>
      <c r="CK35" s="317">
        <v>0</v>
      </c>
      <c r="CL35" s="311">
        <v>0</v>
      </c>
      <c r="CM35" s="315">
        <v>0</v>
      </c>
      <c r="CN35" s="312">
        <v>0</v>
      </c>
      <c r="CO35" s="314">
        <v>0</v>
      </c>
      <c r="CP35" s="315">
        <v>0</v>
      </c>
      <c r="CQ35" s="315">
        <v>0</v>
      </c>
      <c r="CR35" s="315">
        <v>0</v>
      </c>
      <c r="CS35" s="315">
        <v>0</v>
      </c>
      <c r="CT35" s="315">
        <v>0</v>
      </c>
      <c r="CU35" s="312">
        <v>0</v>
      </c>
      <c r="CV35" s="317">
        <v>0</v>
      </c>
      <c r="CW35" s="311">
        <v>0</v>
      </c>
      <c r="CX35" s="315">
        <v>0</v>
      </c>
      <c r="CY35" s="312">
        <v>0</v>
      </c>
      <c r="CZ35" s="314">
        <v>0</v>
      </c>
      <c r="DA35" s="315">
        <v>0</v>
      </c>
      <c r="DB35" s="315">
        <v>0</v>
      </c>
      <c r="DC35" s="315">
        <v>0</v>
      </c>
      <c r="DD35" s="315">
        <v>0</v>
      </c>
      <c r="DE35" s="315">
        <v>0</v>
      </c>
      <c r="DF35" s="312">
        <v>0</v>
      </c>
      <c r="DG35" s="317">
        <v>0</v>
      </c>
      <c r="DH35" s="311">
        <v>0</v>
      </c>
      <c r="DI35" s="315">
        <v>0</v>
      </c>
      <c r="DJ35" s="312">
        <v>0</v>
      </c>
      <c r="DK35" s="314">
        <v>0</v>
      </c>
      <c r="DL35" s="315">
        <v>0</v>
      </c>
      <c r="DM35" s="315">
        <v>0</v>
      </c>
      <c r="DN35" s="315">
        <v>0</v>
      </c>
      <c r="DO35" s="315">
        <v>0</v>
      </c>
      <c r="DP35" s="315">
        <v>0</v>
      </c>
      <c r="DQ35" s="312">
        <v>0</v>
      </c>
      <c r="DR35" s="317">
        <v>0</v>
      </c>
      <c r="DS35" s="311">
        <v>0</v>
      </c>
      <c r="DT35" s="315">
        <v>1</v>
      </c>
      <c r="DU35" s="312">
        <v>1</v>
      </c>
      <c r="DV35" s="314">
        <v>0</v>
      </c>
      <c r="DW35" s="315">
        <v>1</v>
      </c>
      <c r="DX35" s="315">
        <v>1</v>
      </c>
      <c r="DY35" s="315">
        <v>3</v>
      </c>
      <c r="DZ35" s="315">
        <v>1</v>
      </c>
      <c r="EA35" s="315">
        <v>3</v>
      </c>
      <c r="EB35" s="312">
        <v>9</v>
      </c>
      <c r="EC35" s="317">
        <v>10</v>
      </c>
      <c r="ED35" s="311">
        <v>1</v>
      </c>
      <c r="EE35" s="315">
        <v>0</v>
      </c>
      <c r="EF35" s="312">
        <v>1</v>
      </c>
      <c r="EG35" s="314">
        <v>0</v>
      </c>
      <c r="EH35" s="315">
        <v>1</v>
      </c>
      <c r="EI35" s="315">
        <v>1</v>
      </c>
      <c r="EJ35" s="315">
        <v>2</v>
      </c>
      <c r="EK35" s="315">
        <v>1</v>
      </c>
      <c r="EL35" s="315">
        <v>0</v>
      </c>
      <c r="EM35" s="312">
        <v>5</v>
      </c>
      <c r="EN35" s="317">
        <v>6</v>
      </c>
      <c r="EO35" s="311">
        <v>1</v>
      </c>
      <c r="EP35" s="315">
        <v>3</v>
      </c>
      <c r="EQ35" s="312">
        <v>4</v>
      </c>
      <c r="ER35" s="314">
        <v>0</v>
      </c>
      <c r="ES35" s="315">
        <v>6</v>
      </c>
      <c r="ET35" s="315">
        <v>1</v>
      </c>
      <c r="EU35" s="315">
        <v>3</v>
      </c>
      <c r="EV35" s="315">
        <v>2</v>
      </c>
      <c r="EW35" s="315">
        <v>3</v>
      </c>
      <c r="EX35" s="312">
        <v>15</v>
      </c>
      <c r="EY35" s="317">
        <v>19</v>
      </c>
    </row>
    <row r="36" spans="1:155" ht="19.5" customHeight="1" x14ac:dyDescent="0.2">
      <c r="A36" s="296" t="s">
        <v>34</v>
      </c>
      <c r="B36" s="311">
        <v>0</v>
      </c>
      <c r="C36" s="315">
        <v>0</v>
      </c>
      <c r="D36" s="437">
        <v>0</v>
      </c>
      <c r="E36" s="314">
        <v>0</v>
      </c>
      <c r="F36" s="315">
        <v>0</v>
      </c>
      <c r="G36" s="315">
        <v>0</v>
      </c>
      <c r="H36" s="315">
        <v>1</v>
      </c>
      <c r="I36" s="315">
        <v>1</v>
      </c>
      <c r="J36" s="315">
        <v>0</v>
      </c>
      <c r="K36" s="316">
        <v>2</v>
      </c>
      <c r="L36" s="317">
        <v>2</v>
      </c>
      <c r="M36" s="311">
        <v>0</v>
      </c>
      <c r="N36" s="315">
        <v>0</v>
      </c>
      <c r="O36" s="312">
        <v>0</v>
      </c>
      <c r="P36" s="314">
        <v>0</v>
      </c>
      <c r="Q36" s="315">
        <v>0</v>
      </c>
      <c r="R36" s="315">
        <v>0</v>
      </c>
      <c r="S36" s="315">
        <v>0</v>
      </c>
      <c r="T36" s="315">
        <v>0</v>
      </c>
      <c r="U36" s="315">
        <v>0</v>
      </c>
      <c r="V36" s="312">
        <v>0</v>
      </c>
      <c r="W36" s="317">
        <v>0</v>
      </c>
      <c r="X36" s="311">
        <v>0</v>
      </c>
      <c r="Y36" s="315">
        <v>0</v>
      </c>
      <c r="Z36" s="312">
        <v>0</v>
      </c>
      <c r="AA36" s="314">
        <v>0</v>
      </c>
      <c r="AB36" s="315">
        <v>0</v>
      </c>
      <c r="AC36" s="315">
        <v>0</v>
      </c>
      <c r="AD36" s="315">
        <v>0</v>
      </c>
      <c r="AE36" s="315">
        <v>0</v>
      </c>
      <c r="AF36" s="315">
        <v>0</v>
      </c>
      <c r="AG36" s="312">
        <v>0</v>
      </c>
      <c r="AH36" s="317">
        <v>0</v>
      </c>
      <c r="AI36" s="311">
        <v>0</v>
      </c>
      <c r="AJ36" s="315">
        <v>0</v>
      </c>
      <c r="AK36" s="312">
        <v>0</v>
      </c>
      <c r="AL36" s="314">
        <v>0</v>
      </c>
      <c r="AM36" s="315">
        <v>0</v>
      </c>
      <c r="AN36" s="315">
        <v>0</v>
      </c>
      <c r="AO36" s="315">
        <v>0</v>
      </c>
      <c r="AP36" s="315">
        <v>0</v>
      </c>
      <c r="AQ36" s="315">
        <v>0</v>
      </c>
      <c r="AR36" s="312">
        <v>0</v>
      </c>
      <c r="AS36" s="317">
        <v>0</v>
      </c>
      <c r="AT36" s="311">
        <v>0</v>
      </c>
      <c r="AU36" s="315">
        <v>1</v>
      </c>
      <c r="AV36" s="312">
        <v>1</v>
      </c>
      <c r="AW36" s="314">
        <v>0</v>
      </c>
      <c r="AX36" s="315">
        <v>1</v>
      </c>
      <c r="AY36" s="315">
        <v>3</v>
      </c>
      <c r="AZ36" s="315">
        <v>0</v>
      </c>
      <c r="BA36" s="315">
        <v>2</v>
      </c>
      <c r="BB36" s="315">
        <v>0</v>
      </c>
      <c r="BC36" s="316">
        <v>6</v>
      </c>
      <c r="BD36" s="317">
        <v>7</v>
      </c>
      <c r="BE36" s="311">
        <v>0</v>
      </c>
      <c r="BF36" s="315">
        <v>0</v>
      </c>
      <c r="BG36" s="312">
        <v>0</v>
      </c>
      <c r="BH36" s="314">
        <v>0</v>
      </c>
      <c r="BI36" s="315">
        <v>0</v>
      </c>
      <c r="BJ36" s="315">
        <v>1</v>
      </c>
      <c r="BK36" s="315">
        <v>1</v>
      </c>
      <c r="BL36" s="315">
        <v>1</v>
      </c>
      <c r="BM36" s="315">
        <v>0</v>
      </c>
      <c r="BN36" s="312">
        <v>3</v>
      </c>
      <c r="BO36" s="317">
        <v>3</v>
      </c>
      <c r="BP36" s="311">
        <v>0</v>
      </c>
      <c r="BQ36" s="315">
        <v>0</v>
      </c>
      <c r="BR36" s="312">
        <v>0</v>
      </c>
      <c r="BS36" s="314">
        <v>0</v>
      </c>
      <c r="BT36" s="315">
        <v>0</v>
      </c>
      <c r="BU36" s="315">
        <v>0</v>
      </c>
      <c r="BV36" s="315">
        <v>0</v>
      </c>
      <c r="BW36" s="315">
        <v>0</v>
      </c>
      <c r="BX36" s="315">
        <v>0</v>
      </c>
      <c r="BY36" s="312">
        <v>0</v>
      </c>
      <c r="BZ36" s="317">
        <v>0</v>
      </c>
      <c r="CA36" s="311">
        <v>0</v>
      </c>
      <c r="CB36" s="315">
        <v>0</v>
      </c>
      <c r="CC36" s="312">
        <v>0</v>
      </c>
      <c r="CD36" s="314">
        <v>0</v>
      </c>
      <c r="CE36" s="315">
        <v>0</v>
      </c>
      <c r="CF36" s="315">
        <v>0</v>
      </c>
      <c r="CG36" s="315">
        <v>0</v>
      </c>
      <c r="CH36" s="315">
        <v>1</v>
      </c>
      <c r="CI36" s="315">
        <v>0</v>
      </c>
      <c r="CJ36" s="312">
        <v>1</v>
      </c>
      <c r="CK36" s="317">
        <v>1</v>
      </c>
      <c r="CL36" s="311">
        <v>0</v>
      </c>
      <c r="CM36" s="315">
        <v>0</v>
      </c>
      <c r="CN36" s="312">
        <v>0</v>
      </c>
      <c r="CO36" s="314">
        <v>0</v>
      </c>
      <c r="CP36" s="315">
        <v>0</v>
      </c>
      <c r="CQ36" s="315">
        <v>0</v>
      </c>
      <c r="CR36" s="315">
        <v>0</v>
      </c>
      <c r="CS36" s="315">
        <v>0</v>
      </c>
      <c r="CT36" s="315">
        <v>0</v>
      </c>
      <c r="CU36" s="312">
        <v>0</v>
      </c>
      <c r="CV36" s="317">
        <v>0</v>
      </c>
      <c r="CW36" s="311">
        <v>0</v>
      </c>
      <c r="CX36" s="315">
        <v>0</v>
      </c>
      <c r="CY36" s="312">
        <v>0</v>
      </c>
      <c r="CZ36" s="314">
        <v>0</v>
      </c>
      <c r="DA36" s="315">
        <v>0</v>
      </c>
      <c r="DB36" s="315">
        <v>0</v>
      </c>
      <c r="DC36" s="315">
        <v>0</v>
      </c>
      <c r="DD36" s="315">
        <v>0</v>
      </c>
      <c r="DE36" s="315">
        <v>0</v>
      </c>
      <c r="DF36" s="312">
        <v>0</v>
      </c>
      <c r="DG36" s="317">
        <v>0</v>
      </c>
      <c r="DH36" s="311">
        <v>0</v>
      </c>
      <c r="DI36" s="315">
        <v>0</v>
      </c>
      <c r="DJ36" s="312">
        <v>0</v>
      </c>
      <c r="DK36" s="314">
        <v>0</v>
      </c>
      <c r="DL36" s="315">
        <v>0</v>
      </c>
      <c r="DM36" s="315">
        <v>0</v>
      </c>
      <c r="DN36" s="315">
        <v>0</v>
      </c>
      <c r="DO36" s="315">
        <v>0</v>
      </c>
      <c r="DP36" s="315">
        <v>0</v>
      </c>
      <c r="DQ36" s="312">
        <v>0</v>
      </c>
      <c r="DR36" s="317">
        <v>0</v>
      </c>
      <c r="DS36" s="311">
        <v>0</v>
      </c>
      <c r="DT36" s="315">
        <v>2</v>
      </c>
      <c r="DU36" s="312">
        <v>2</v>
      </c>
      <c r="DV36" s="314">
        <v>0</v>
      </c>
      <c r="DW36" s="315">
        <v>1</v>
      </c>
      <c r="DX36" s="315">
        <v>1</v>
      </c>
      <c r="DY36" s="315">
        <v>2</v>
      </c>
      <c r="DZ36" s="315">
        <v>3</v>
      </c>
      <c r="EA36" s="315">
        <v>0</v>
      </c>
      <c r="EB36" s="312">
        <v>7</v>
      </c>
      <c r="EC36" s="317">
        <v>9</v>
      </c>
      <c r="ED36" s="311">
        <v>0</v>
      </c>
      <c r="EE36" s="315">
        <v>0</v>
      </c>
      <c r="EF36" s="312">
        <v>0</v>
      </c>
      <c r="EG36" s="314">
        <v>0</v>
      </c>
      <c r="EH36" s="315">
        <v>0</v>
      </c>
      <c r="EI36" s="315">
        <v>1</v>
      </c>
      <c r="EJ36" s="315">
        <v>0</v>
      </c>
      <c r="EK36" s="315">
        <v>0</v>
      </c>
      <c r="EL36" s="315">
        <v>0</v>
      </c>
      <c r="EM36" s="312">
        <v>1</v>
      </c>
      <c r="EN36" s="317">
        <v>1</v>
      </c>
      <c r="EO36" s="311">
        <v>0</v>
      </c>
      <c r="EP36" s="315">
        <v>2</v>
      </c>
      <c r="EQ36" s="312">
        <v>2</v>
      </c>
      <c r="ER36" s="314">
        <v>0</v>
      </c>
      <c r="ES36" s="315">
        <v>0</v>
      </c>
      <c r="ET36" s="315">
        <v>2</v>
      </c>
      <c r="EU36" s="315">
        <v>3</v>
      </c>
      <c r="EV36" s="315">
        <v>2</v>
      </c>
      <c r="EW36" s="315">
        <v>0</v>
      </c>
      <c r="EX36" s="312">
        <v>7</v>
      </c>
      <c r="EY36" s="317">
        <v>9</v>
      </c>
    </row>
    <row r="37" spans="1:155" ht="19.5" customHeight="1" x14ac:dyDescent="0.2">
      <c r="A37" s="296" t="s">
        <v>35</v>
      </c>
      <c r="B37" s="311">
        <v>0</v>
      </c>
      <c r="C37" s="315">
        <v>0</v>
      </c>
      <c r="D37" s="437">
        <v>0</v>
      </c>
      <c r="E37" s="314">
        <v>0</v>
      </c>
      <c r="F37" s="315">
        <v>6</v>
      </c>
      <c r="G37" s="315">
        <v>3</v>
      </c>
      <c r="H37" s="315">
        <v>3</v>
      </c>
      <c r="I37" s="315">
        <v>1</v>
      </c>
      <c r="J37" s="315">
        <v>0</v>
      </c>
      <c r="K37" s="316">
        <v>13</v>
      </c>
      <c r="L37" s="317">
        <v>13</v>
      </c>
      <c r="M37" s="311">
        <v>0</v>
      </c>
      <c r="N37" s="315">
        <v>0</v>
      </c>
      <c r="O37" s="312">
        <v>0</v>
      </c>
      <c r="P37" s="314">
        <v>0</v>
      </c>
      <c r="Q37" s="315">
        <v>0</v>
      </c>
      <c r="R37" s="315">
        <v>0</v>
      </c>
      <c r="S37" s="315">
        <v>0</v>
      </c>
      <c r="T37" s="315">
        <v>0</v>
      </c>
      <c r="U37" s="315">
        <v>0</v>
      </c>
      <c r="V37" s="312">
        <v>0</v>
      </c>
      <c r="W37" s="317">
        <v>0</v>
      </c>
      <c r="X37" s="311">
        <v>0</v>
      </c>
      <c r="Y37" s="315">
        <v>0</v>
      </c>
      <c r="Z37" s="312">
        <v>0</v>
      </c>
      <c r="AA37" s="314">
        <v>0</v>
      </c>
      <c r="AB37" s="315">
        <v>0</v>
      </c>
      <c r="AC37" s="315">
        <v>1</v>
      </c>
      <c r="AD37" s="315">
        <v>3</v>
      </c>
      <c r="AE37" s="315">
        <v>1</v>
      </c>
      <c r="AF37" s="315">
        <v>1</v>
      </c>
      <c r="AG37" s="312">
        <v>6</v>
      </c>
      <c r="AH37" s="317">
        <v>6</v>
      </c>
      <c r="AI37" s="311">
        <v>0</v>
      </c>
      <c r="AJ37" s="315">
        <v>0</v>
      </c>
      <c r="AK37" s="312">
        <v>0</v>
      </c>
      <c r="AL37" s="314">
        <v>0</v>
      </c>
      <c r="AM37" s="315">
        <v>0</v>
      </c>
      <c r="AN37" s="315">
        <v>0</v>
      </c>
      <c r="AO37" s="315">
        <v>0</v>
      </c>
      <c r="AP37" s="315">
        <v>0</v>
      </c>
      <c r="AQ37" s="315">
        <v>0</v>
      </c>
      <c r="AR37" s="312">
        <v>0</v>
      </c>
      <c r="AS37" s="317">
        <v>0</v>
      </c>
      <c r="AT37" s="311">
        <v>3</v>
      </c>
      <c r="AU37" s="315">
        <v>2</v>
      </c>
      <c r="AV37" s="312">
        <v>5</v>
      </c>
      <c r="AW37" s="314">
        <v>0</v>
      </c>
      <c r="AX37" s="315">
        <v>3</v>
      </c>
      <c r="AY37" s="315">
        <v>2</v>
      </c>
      <c r="AZ37" s="315">
        <v>3</v>
      </c>
      <c r="BA37" s="315">
        <v>5</v>
      </c>
      <c r="BB37" s="315">
        <v>1</v>
      </c>
      <c r="BC37" s="316">
        <v>14</v>
      </c>
      <c r="BD37" s="317">
        <v>19</v>
      </c>
      <c r="BE37" s="311">
        <v>0</v>
      </c>
      <c r="BF37" s="315">
        <v>0</v>
      </c>
      <c r="BG37" s="312">
        <v>0</v>
      </c>
      <c r="BH37" s="314">
        <v>0</v>
      </c>
      <c r="BI37" s="315">
        <v>3</v>
      </c>
      <c r="BJ37" s="315">
        <v>4</v>
      </c>
      <c r="BK37" s="315">
        <v>1</v>
      </c>
      <c r="BL37" s="315">
        <v>0</v>
      </c>
      <c r="BM37" s="315">
        <v>0</v>
      </c>
      <c r="BN37" s="312">
        <v>8</v>
      </c>
      <c r="BO37" s="317">
        <v>8</v>
      </c>
      <c r="BP37" s="311">
        <v>0</v>
      </c>
      <c r="BQ37" s="315">
        <v>0</v>
      </c>
      <c r="BR37" s="312">
        <v>0</v>
      </c>
      <c r="BS37" s="314">
        <v>0</v>
      </c>
      <c r="BT37" s="315">
        <v>1</v>
      </c>
      <c r="BU37" s="315">
        <v>1</v>
      </c>
      <c r="BV37" s="315">
        <v>0</v>
      </c>
      <c r="BW37" s="315">
        <v>1</v>
      </c>
      <c r="BX37" s="315">
        <v>0</v>
      </c>
      <c r="BY37" s="312">
        <v>3</v>
      </c>
      <c r="BZ37" s="317">
        <v>3</v>
      </c>
      <c r="CA37" s="311">
        <v>0</v>
      </c>
      <c r="CB37" s="315">
        <v>0</v>
      </c>
      <c r="CC37" s="312">
        <v>0</v>
      </c>
      <c r="CD37" s="314">
        <v>0</v>
      </c>
      <c r="CE37" s="315">
        <v>0</v>
      </c>
      <c r="CF37" s="315">
        <v>0</v>
      </c>
      <c r="CG37" s="315">
        <v>0</v>
      </c>
      <c r="CH37" s="315">
        <v>0</v>
      </c>
      <c r="CI37" s="315">
        <v>0</v>
      </c>
      <c r="CJ37" s="312">
        <v>0</v>
      </c>
      <c r="CK37" s="317">
        <v>0</v>
      </c>
      <c r="CL37" s="311">
        <v>0</v>
      </c>
      <c r="CM37" s="315">
        <v>0</v>
      </c>
      <c r="CN37" s="312">
        <v>0</v>
      </c>
      <c r="CO37" s="314">
        <v>0</v>
      </c>
      <c r="CP37" s="315">
        <v>0</v>
      </c>
      <c r="CQ37" s="315">
        <v>0</v>
      </c>
      <c r="CR37" s="315">
        <v>0</v>
      </c>
      <c r="CS37" s="315">
        <v>0</v>
      </c>
      <c r="CT37" s="315">
        <v>0</v>
      </c>
      <c r="CU37" s="312">
        <v>0</v>
      </c>
      <c r="CV37" s="317">
        <v>0</v>
      </c>
      <c r="CW37" s="311">
        <v>0</v>
      </c>
      <c r="CX37" s="315">
        <v>0</v>
      </c>
      <c r="CY37" s="312">
        <v>0</v>
      </c>
      <c r="CZ37" s="314">
        <v>0</v>
      </c>
      <c r="DA37" s="315">
        <v>0</v>
      </c>
      <c r="DB37" s="315">
        <v>0</v>
      </c>
      <c r="DC37" s="315">
        <v>0</v>
      </c>
      <c r="DD37" s="315">
        <v>0</v>
      </c>
      <c r="DE37" s="315">
        <v>0</v>
      </c>
      <c r="DF37" s="312">
        <v>0</v>
      </c>
      <c r="DG37" s="317">
        <v>0</v>
      </c>
      <c r="DH37" s="311">
        <v>0</v>
      </c>
      <c r="DI37" s="315">
        <v>0</v>
      </c>
      <c r="DJ37" s="312">
        <v>0</v>
      </c>
      <c r="DK37" s="314">
        <v>0</v>
      </c>
      <c r="DL37" s="315">
        <v>0</v>
      </c>
      <c r="DM37" s="315">
        <v>0</v>
      </c>
      <c r="DN37" s="315">
        <v>0</v>
      </c>
      <c r="DO37" s="315">
        <v>0</v>
      </c>
      <c r="DP37" s="315">
        <v>0</v>
      </c>
      <c r="DQ37" s="312">
        <v>0</v>
      </c>
      <c r="DR37" s="317">
        <v>0</v>
      </c>
      <c r="DS37" s="311">
        <v>0</v>
      </c>
      <c r="DT37" s="315">
        <v>0</v>
      </c>
      <c r="DU37" s="312">
        <v>0</v>
      </c>
      <c r="DV37" s="314">
        <v>0</v>
      </c>
      <c r="DW37" s="315">
        <v>4</v>
      </c>
      <c r="DX37" s="315">
        <v>7</v>
      </c>
      <c r="DY37" s="315">
        <v>4</v>
      </c>
      <c r="DZ37" s="315">
        <v>2</v>
      </c>
      <c r="EA37" s="315">
        <v>1</v>
      </c>
      <c r="EB37" s="312">
        <v>18</v>
      </c>
      <c r="EC37" s="317">
        <v>18</v>
      </c>
      <c r="ED37" s="311">
        <v>3</v>
      </c>
      <c r="EE37" s="315">
        <v>2</v>
      </c>
      <c r="EF37" s="312">
        <v>5</v>
      </c>
      <c r="EG37" s="314">
        <v>0</v>
      </c>
      <c r="EH37" s="315">
        <v>2</v>
      </c>
      <c r="EI37" s="315">
        <v>1</v>
      </c>
      <c r="EJ37" s="315">
        <v>2</v>
      </c>
      <c r="EK37" s="315">
        <v>3</v>
      </c>
      <c r="EL37" s="315">
        <v>0</v>
      </c>
      <c r="EM37" s="312">
        <v>8</v>
      </c>
      <c r="EN37" s="317">
        <v>13</v>
      </c>
      <c r="EO37" s="311">
        <v>0</v>
      </c>
      <c r="EP37" s="315">
        <v>0</v>
      </c>
      <c r="EQ37" s="312">
        <v>0</v>
      </c>
      <c r="ER37" s="314">
        <v>0</v>
      </c>
      <c r="ES37" s="315">
        <v>11</v>
      </c>
      <c r="ET37" s="315">
        <v>8</v>
      </c>
      <c r="EU37" s="315">
        <v>4</v>
      </c>
      <c r="EV37" s="315">
        <v>2</v>
      </c>
      <c r="EW37" s="315">
        <v>1</v>
      </c>
      <c r="EX37" s="312">
        <v>26</v>
      </c>
      <c r="EY37" s="317">
        <v>26</v>
      </c>
    </row>
    <row r="38" spans="1:155" ht="19.5" customHeight="1" x14ac:dyDescent="0.2">
      <c r="A38" s="296" t="s">
        <v>36</v>
      </c>
      <c r="B38" s="311">
        <v>0</v>
      </c>
      <c r="C38" s="315">
        <v>0</v>
      </c>
      <c r="D38" s="437">
        <v>0</v>
      </c>
      <c r="E38" s="314">
        <v>0</v>
      </c>
      <c r="F38" s="315">
        <v>3</v>
      </c>
      <c r="G38" s="315">
        <v>1</v>
      </c>
      <c r="H38" s="315">
        <v>0</v>
      </c>
      <c r="I38" s="315">
        <v>1</v>
      </c>
      <c r="J38" s="315">
        <v>0</v>
      </c>
      <c r="K38" s="316">
        <v>5</v>
      </c>
      <c r="L38" s="317">
        <v>5</v>
      </c>
      <c r="M38" s="311">
        <v>0</v>
      </c>
      <c r="N38" s="315">
        <v>0</v>
      </c>
      <c r="O38" s="312">
        <v>0</v>
      </c>
      <c r="P38" s="314">
        <v>0</v>
      </c>
      <c r="Q38" s="315">
        <v>0</v>
      </c>
      <c r="R38" s="315">
        <v>0</v>
      </c>
      <c r="S38" s="315">
        <v>0</v>
      </c>
      <c r="T38" s="315">
        <v>0</v>
      </c>
      <c r="U38" s="315">
        <v>0</v>
      </c>
      <c r="V38" s="312">
        <v>0</v>
      </c>
      <c r="W38" s="317">
        <v>0</v>
      </c>
      <c r="X38" s="311">
        <v>0</v>
      </c>
      <c r="Y38" s="315">
        <v>2</v>
      </c>
      <c r="Z38" s="312">
        <v>2</v>
      </c>
      <c r="AA38" s="314">
        <v>0</v>
      </c>
      <c r="AB38" s="315">
        <v>5</v>
      </c>
      <c r="AC38" s="315">
        <v>2</v>
      </c>
      <c r="AD38" s="315">
        <v>0</v>
      </c>
      <c r="AE38" s="315">
        <v>0</v>
      </c>
      <c r="AF38" s="315">
        <v>1</v>
      </c>
      <c r="AG38" s="312">
        <v>8</v>
      </c>
      <c r="AH38" s="317">
        <v>10</v>
      </c>
      <c r="AI38" s="311">
        <v>0</v>
      </c>
      <c r="AJ38" s="315">
        <v>0</v>
      </c>
      <c r="AK38" s="312">
        <v>0</v>
      </c>
      <c r="AL38" s="314">
        <v>0</v>
      </c>
      <c r="AM38" s="315">
        <v>1</v>
      </c>
      <c r="AN38" s="315">
        <v>0</v>
      </c>
      <c r="AO38" s="315">
        <v>0</v>
      </c>
      <c r="AP38" s="315">
        <v>0</v>
      </c>
      <c r="AQ38" s="315">
        <v>1</v>
      </c>
      <c r="AR38" s="312">
        <v>2</v>
      </c>
      <c r="AS38" s="317">
        <v>2</v>
      </c>
      <c r="AT38" s="311">
        <v>0</v>
      </c>
      <c r="AU38" s="315">
        <v>1</v>
      </c>
      <c r="AV38" s="312">
        <v>1</v>
      </c>
      <c r="AW38" s="314">
        <v>0</v>
      </c>
      <c r="AX38" s="315">
        <v>1</v>
      </c>
      <c r="AY38" s="315">
        <v>2</v>
      </c>
      <c r="AZ38" s="315">
        <v>3</v>
      </c>
      <c r="BA38" s="315">
        <v>5</v>
      </c>
      <c r="BB38" s="315">
        <v>0</v>
      </c>
      <c r="BC38" s="316">
        <v>11</v>
      </c>
      <c r="BD38" s="317">
        <v>12</v>
      </c>
      <c r="BE38" s="311">
        <v>0</v>
      </c>
      <c r="BF38" s="315">
        <v>0</v>
      </c>
      <c r="BG38" s="312">
        <v>0</v>
      </c>
      <c r="BH38" s="314">
        <v>0</v>
      </c>
      <c r="BI38" s="315">
        <v>3</v>
      </c>
      <c r="BJ38" s="315">
        <v>3</v>
      </c>
      <c r="BK38" s="315">
        <v>1</v>
      </c>
      <c r="BL38" s="315">
        <v>0</v>
      </c>
      <c r="BM38" s="315">
        <v>1</v>
      </c>
      <c r="BN38" s="312">
        <v>8</v>
      </c>
      <c r="BO38" s="317">
        <v>8</v>
      </c>
      <c r="BP38" s="311">
        <v>0</v>
      </c>
      <c r="BQ38" s="315">
        <v>1</v>
      </c>
      <c r="BR38" s="312">
        <v>1</v>
      </c>
      <c r="BS38" s="314">
        <v>0</v>
      </c>
      <c r="BT38" s="315">
        <v>1</v>
      </c>
      <c r="BU38" s="315">
        <v>0</v>
      </c>
      <c r="BV38" s="315">
        <v>0</v>
      </c>
      <c r="BW38" s="315">
        <v>0</v>
      </c>
      <c r="BX38" s="315">
        <v>0</v>
      </c>
      <c r="BY38" s="312">
        <v>1</v>
      </c>
      <c r="BZ38" s="317">
        <v>2</v>
      </c>
      <c r="CA38" s="311">
        <v>0</v>
      </c>
      <c r="CB38" s="315">
        <v>0</v>
      </c>
      <c r="CC38" s="312">
        <v>0</v>
      </c>
      <c r="CD38" s="314">
        <v>0</v>
      </c>
      <c r="CE38" s="315">
        <v>0</v>
      </c>
      <c r="CF38" s="315">
        <v>1</v>
      </c>
      <c r="CG38" s="315">
        <v>2</v>
      </c>
      <c r="CH38" s="315">
        <v>1</v>
      </c>
      <c r="CI38" s="315">
        <v>1</v>
      </c>
      <c r="CJ38" s="312">
        <v>5</v>
      </c>
      <c r="CK38" s="317">
        <v>5</v>
      </c>
      <c r="CL38" s="311">
        <v>0</v>
      </c>
      <c r="CM38" s="315">
        <v>0</v>
      </c>
      <c r="CN38" s="312">
        <v>0</v>
      </c>
      <c r="CO38" s="314">
        <v>0</v>
      </c>
      <c r="CP38" s="315">
        <v>0</v>
      </c>
      <c r="CQ38" s="315">
        <v>0</v>
      </c>
      <c r="CR38" s="315">
        <v>0</v>
      </c>
      <c r="CS38" s="315">
        <v>0</v>
      </c>
      <c r="CT38" s="315">
        <v>0</v>
      </c>
      <c r="CU38" s="312">
        <v>0</v>
      </c>
      <c r="CV38" s="317">
        <v>0</v>
      </c>
      <c r="CW38" s="311">
        <v>0</v>
      </c>
      <c r="CX38" s="315">
        <v>0</v>
      </c>
      <c r="CY38" s="312">
        <v>0</v>
      </c>
      <c r="CZ38" s="314">
        <v>0</v>
      </c>
      <c r="DA38" s="315">
        <v>0</v>
      </c>
      <c r="DB38" s="315">
        <v>0</v>
      </c>
      <c r="DC38" s="315">
        <v>0</v>
      </c>
      <c r="DD38" s="315">
        <v>0</v>
      </c>
      <c r="DE38" s="315">
        <v>0</v>
      </c>
      <c r="DF38" s="312">
        <v>0</v>
      </c>
      <c r="DG38" s="317">
        <v>0</v>
      </c>
      <c r="DH38" s="311">
        <v>0</v>
      </c>
      <c r="DI38" s="315">
        <v>0</v>
      </c>
      <c r="DJ38" s="312">
        <v>0</v>
      </c>
      <c r="DK38" s="314">
        <v>0</v>
      </c>
      <c r="DL38" s="315">
        <v>0</v>
      </c>
      <c r="DM38" s="315">
        <v>0</v>
      </c>
      <c r="DN38" s="315">
        <v>0</v>
      </c>
      <c r="DO38" s="315">
        <v>0</v>
      </c>
      <c r="DP38" s="315">
        <v>0</v>
      </c>
      <c r="DQ38" s="312">
        <v>0</v>
      </c>
      <c r="DR38" s="317">
        <v>0</v>
      </c>
      <c r="DS38" s="311">
        <v>0</v>
      </c>
      <c r="DT38" s="315">
        <v>2</v>
      </c>
      <c r="DU38" s="312">
        <v>2</v>
      </c>
      <c r="DV38" s="314">
        <v>0</v>
      </c>
      <c r="DW38" s="315">
        <v>4</v>
      </c>
      <c r="DX38" s="315">
        <v>7</v>
      </c>
      <c r="DY38" s="315">
        <v>1</v>
      </c>
      <c r="DZ38" s="315">
        <v>3</v>
      </c>
      <c r="EA38" s="315">
        <v>2</v>
      </c>
      <c r="EB38" s="312">
        <v>17</v>
      </c>
      <c r="EC38" s="317">
        <v>19</v>
      </c>
      <c r="ED38" s="311">
        <v>0</v>
      </c>
      <c r="EE38" s="315">
        <v>0</v>
      </c>
      <c r="EF38" s="312">
        <v>0</v>
      </c>
      <c r="EG38" s="314">
        <v>0</v>
      </c>
      <c r="EH38" s="315">
        <v>0</v>
      </c>
      <c r="EI38" s="315">
        <v>2</v>
      </c>
      <c r="EJ38" s="315">
        <v>1</v>
      </c>
      <c r="EK38" s="315">
        <v>3</v>
      </c>
      <c r="EL38" s="315">
        <v>0</v>
      </c>
      <c r="EM38" s="312">
        <v>6</v>
      </c>
      <c r="EN38" s="317">
        <v>6</v>
      </c>
      <c r="EO38" s="311">
        <v>0</v>
      </c>
      <c r="EP38" s="315">
        <v>4</v>
      </c>
      <c r="EQ38" s="312">
        <v>4</v>
      </c>
      <c r="ER38" s="314">
        <v>0</v>
      </c>
      <c r="ES38" s="315">
        <v>8</v>
      </c>
      <c r="ET38" s="315">
        <v>8</v>
      </c>
      <c r="EU38" s="315">
        <v>1</v>
      </c>
      <c r="EV38" s="315">
        <v>3</v>
      </c>
      <c r="EW38" s="315">
        <v>2</v>
      </c>
      <c r="EX38" s="312">
        <v>22</v>
      </c>
      <c r="EY38" s="317">
        <v>26</v>
      </c>
    </row>
    <row r="39" spans="1:155" ht="19.5" customHeight="1" thickBot="1" x14ac:dyDescent="0.25">
      <c r="A39" s="297" t="s">
        <v>37</v>
      </c>
      <c r="B39" s="318">
        <v>0</v>
      </c>
      <c r="C39" s="322">
        <v>0</v>
      </c>
      <c r="D39" s="438">
        <v>0</v>
      </c>
      <c r="E39" s="321">
        <v>0</v>
      </c>
      <c r="F39" s="322">
        <v>0</v>
      </c>
      <c r="G39" s="322">
        <v>0</v>
      </c>
      <c r="H39" s="322">
        <v>0</v>
      </c>
      <c r="I39" s="322">
        <v>0</v>
      </c>
      <c r="J39" s="322">
        <v>1</v>
      </c>
      <c r="K39" s="323">
        <v>1</v>
      </c>
      <c r="L39" s="324">
        <v>1</v>
      </c>
      <c r="M39" s="318">
        <v>0</v>
      </c>
      <c r="N39" s="322">
        <v>0</v>
      </c>
      <c r="O39" s="319">
        <v>0</v>
      </c>
      <c r="P39" s="321">
        <v>0</v>
      </c>
      <c r="Q39" s="322">
        <v>0</v>
      </c>
      <c r="R39" s="322">
        <v>0</v>
      </c>
      <c r="S39" s="322">
        <v>0</v>
      </c>
      <c r="T39" s="322">
        <v>0</v>
      </c>
      <c r="U39" s="322">
        <v>0</v>
      </c>
      <c r="V39" s="319">
        <v>0</v>
      </c>
      <c r="W39" s="324">
        <v>0</v>
      </c>
      <c r="X39" s="318">
        <v>0</v>
      </c>
      <c r="Y39" s="322">
        <v>0</v>
      </c>
      <c r="Z39" s="319">
        <v>0</v>
      </c>
      <c r="AA39" s="321">
        <v>0</v>
      </c>
      <c r="AB39" s="322">
        <v>0</v>
      </c>
      <c r="AC39" s="322">
        <v>0</v>
      </c>
      <c r="AD39" s="322">
        <v>0</v>
      </c>
      <c r="AE39" s="322">
        <v>0</v>
      </c>
      <c r="AF39" s="322">
        <v>1</v>
      </c>
      <c r="AG39" s="319">
        <v>1</v>
      </c>
      <c r="AH39" s="324">
        <v>1</v>
      </c>
      <c r="AI39" s="318">
        <v>0</v>
      </c>
      <c r="AJ39" s="322">
        <v>0</v>
      </c>
      <c r="AK39" s="319">
        <v>0</v>
      </c>
      <c r="AL39" s="321">
        <v>0</v>
      </c>
      <c r="AM39" s="322">
        <v>0</v>
      </c>
      <c r="AN39" s="322">
        <v>0</v>
      </c>
      <c r="AO39" s="322">
        <v>0</v>
      </c>
      <c r="AP39" s="322">
        <v>0</v>
      </c>
      <c r="AQ39" s="322">
        <v>0</v>
      </c>
      <c r="AR39" s="319">
        <v>0</v>
      </c>
      <c r="AS39" s="324">
        <v>0</v>
      </c>
      <c r="AT39" s="318">
        <v>0</v>
      </c>
      <c r="AU39" s="322">
        <v>0</v>
      </c>
      <c r="AV39" s="319">
        <v>0</v>
      </c>
      <c r="AW39" s="321">
        <v>0</v>
      </c>
      <c r="AX39" s="322">
        <v>0</v>
      </c>
      <c r="AY39" s="322">
        <v>0</v>
      </c>
      <c r="AZ39" s="322">
        <v>0</v>
      </c>
      <c r="BA39" s="322">
        <v>1</v>
      </c>
      <c r="BB39" s="322">
        <v>1</v>
      </c>
      <c r="BC39" s="323">
        <v>2</v>
      </c>
      <c r="BD39" s="324">
        <v>2</v>
      </c>
      <c r="BE39" s="318">
        <v>0</v>
      </c>
      <c r="BF39" s="322">
        <v>0</v>
      </c>
      <c r="BG39" s="319">
        <v>0</v>
      </c>
      <c r="BH39" s="321">
        <v>0</v>
      </c>
      <c r="BI39" s="322">
        <v>0</v>
      </c>
      <c r="BJ39" s="322">
        <v>0</v>
      </c>
      <c r="BK39" s="322">
        <v>0</v>
      </c>
      <c r="BL39" s="322">
        <v>1</v>
      </c>
      <c r="BM39" s="322">
        <v>0</v>
      </c>
      <c r="BN39" s="319">
        <v>1</v>
      </c>
      <c r="BO39" s="324">
        <v>1</v>
      </c>
      <c r="BP39" s="318">
        <v>0</v>
      </c>
      <c r="BQ39" s="322">
        <v>0</v>
      </c>
      <c r="BR39" s="319">
        <v>0</v>
      </c>
      <c r="BS39" s="321">
        <v>0</v>
      </c>
      <c r="BT39" s="322">
        <v>0</v>
      </c>
      <c r="BU39" s="322">
        <v>0</v>
      </c>
      <c r="BV39" s="322">
        <v>0</v>
      </c>
      <c r="BW39" s="322">
        <v>0</v>
      </c>
      <c r="BX39" s="322">
        <v>0</v>
      </c>
      <c r="BY39" s="319">
        <v>0</v>
      </c>
      <c r="BZ39" s="324">
        <v>0</v>
      </c>
      <c r="CA39" s="318">
        <v>0</v>
      </c>
      <c r="CB39" s="322">
        <v>0</v>
      </c>
      <c r="CC39" s="319">
        <v>0</v>
      </c>
      <c r="CD39" s="321">
        <v>0</v>
      </c>
      <c r="CE39" s="322">
        <v>0</v>
      </c>
      <c r="CF39" s="322">
        <v>0</v>
      </c>
      <c r="CG39" s="322">
        <v>0</v>
      </c>
      <c r="CH39" s="322">
        <v>0</v>
      </c>
      <c r="CI39" s="322">
        <v>0</v>
      </c>
      <c r="CJ39" s="319">
        <v>0</v>
      </c>
      <c r="CK39" s="324">
        <v>0</v>
      </c>
      <c r="CL39" s="318">
        <v>0</v>
      </c>
      <c r="CM39" s="322">
        <v>0</v>
      </c>
      <c r="CN39" s="319">
        <v>0</v>
      </c>
      <c r="CO39" s="321">
        <v>0</v>
      </c>
      <c r="CP39" s="322">
        <v>0</v>
      </c>
      <c r="CQ39" s="322">
        <v>0</v>
      </c>
      <c r="CR39" s="322">
        <v>0</v>
      </c>
      <c r="CS39" s="322">
        <v>1</v>
      </c>
      <c r="CT39" s="322">
        <v>0</v>
      </c>
      <c r="CU39" s="319">
        <v>1</v>
      </c>
      <c r="CV39" s="324">
        <v>1</v>
      </c>
      <c r="CW39" s="318">
        <v>0</v>
      </c>
      <c r="CX39" s="322">
        <v>0</v>
      </c>
      <c r="CY39" s="319">
        <v>0</v>
      </c>
      <c r="CZ39" s="321">
        <v>0</v>
      </c>
      <c r="DA39" s="322">
        <v>0</v>
      </c>
      <c r="DB39" s="322">
        <v>0</v>
      </c>
      <c r="DC39" s="322">
        <v>0</v>
      </c>
      <c r="DD39" s="322">
        <v>0</v>
      </c>
      <c r="DE39" s="322">
        <v>0</v>
      </c>
      <c r="DF39" s="319">
        <v>0</v>
      </c>
      <c r="DG39" s="324">
        <v>0</v>
      </c>
      <c r="DH39" s="318">
        <v>0</v>
      </c>
      <c r="DI39" s="322">
        <v>0</v>
      </c>
      <c r="DJ39" s="319">
        <v>0</v>
      </c>
      <c r="DK39" s="321">
        <v>0</v>
      </c>
      <c r="DL39" s="322">
        <v>0</v>
      </c>
      <c r="DM39" s="322">
        <v>0</v>
      </c>
      <c r="DN39" s="322">
        <v>0</v>
      </c>
      <c r="DO39" s="322">
        <v>0</v>
      </c>
      <c r="DP39" s="322">
        <v>0</v>
      </c>
      <c r="DQ39" s="319">
        <v>0</v>
      </c>
      <c r="DR39" s="324">
        <v>0</v>
      </c>
      <c r="DS39" s="318">
        <v>0</v>
      </c>
      <c r="DT39" s="322">
        <v>0</v>
      </c>
      <c r="DU39" s="319">
        <v>0</v>
      </c>
      <c r="DV39" s="321">
        <v>0</v>
      </c>
      <c r="DW39" s="322">
        <v>0</v>
      </c>
      <c r="DX39" s="322">
        <v>0</v>
      </c>
      <c r="DY39" s="322">
        <v>0</v>
      </c>
      <c r="DZ39" s="322">
        <v>1</v>
      </c>
      <c r="EA39" s="322">
        <v>1</v>
      </c>
      <c r="EB39" s="319">
        <v>2</v>
      </c>
      <c r="EC39" s="324">
        <v>2</v>
      </c>
      <c r="ED39" s="318">
        <v>0</v>
      </c>
      <c r="EE39" s="322">
        <v>0</v>
      </c>
      <c r="EF39" s="319">
        <v>0</v>
      </c>
      <c r="EG39" s="321">
        <v>0</v>
      </c>
      <c r="EH39" s="322">
        <v>0</v>
      </c>
      <c r="EI39" s="322">
        <v>0</v>
      </c>
      <c r="EJ39" s="322">
        <v>0</v>
      </c>
      <c r="EK39" s="322">
        <v>1</v>
      </c>
      <c r="EL39" s="322">
        <v>0</v>
      </c>
      <c r="EM39" s="319">
        <v>1</v>
      </c>
      <c r="EN39" s="324">
        <v>1</v>
      </c>
      <c r="EO39" s="318">
        <v>0</v>
      </c>
      <c r="EP39" s="322">
        <v>0</v>
      </c>
      <c r="EQ39" s="319">
        <v>0</v>
      </c>
      <c r="ER39" s="321">
        <v>0</v>
      </c>
      <c r="ES39" s="322">
        <v>0</v>
      </c>
      <c r="ET39" s="322">
        <v>0</v>
      </c>
      <c r="EU39" s="322">
        <v>0</v>
      </c>
      <c r="EV39" s="322">
        <v>1</v>
      </c>
      <c r="EW39" s="322">
        <v>1</v>
      </c>
      <c r="EX39" s="319">
        <v>2</v>
      </c>
      <c r="EY39" s="324">
        <v>2</v>
      </c>
    </row>
  </sheetData>
  <mergeCells count="59">
    <mergeCell ref="EO4:EQ4"/>
    <mergeCell ref="ER4:EX4"/>
    <mergeCell ref="EY4:EY5"/>
    <mergeCell ref="DS4:DU4"/>
    <mergeCell ref="DV4:EB4"/>
    <mergeCell ref="EC4:EC5"/>
    <mergeCell ref="ED4:EF4"/>
    <mergeCell ref="EG4:EM4"/>
    <mergeCell ref="EN4:EN5"/>
    <mergeCell ref="DR4:DR5"/>
    <mergeCell ref="CA4:CC4"/>
    <mergeCell ref="CD4:CJ4"/>
    <mergeCell ref="CK4:CK5"/>
    <mergeCell ref="CL4:CN4"/>
    <mergeCell ref="CO4:CU4"/>
    <mergeCell ref="CV4:CV5"/>
    <mergeCell ref="CW4:CY4"/>
    <mergeCell ref="CZ4:DF4"/>
    <mergeCell ref="DG4:DG5"/>
    <mergeCell ref="DH4:DJ4"/>
    <mergeCell ref="DK4:DQ4"/>
    <mergeCell ref="BZ4:BZ5"/>
    <mergeCell ref="AI4:AK4"/>
    <mergeCell ref="AL4:AR4"/>
    <mergeCell ref="AS4:AS5"/>
    <mergeCell ref="AT4:AV4"/>
    <mergeCell ref="AW4:BC4"/>
    <mergeCell ref="BD4:BD5"/>
    <mergeCell ref="BE4:BG4"/>
    <mergeCell ref="BH4:BN4"/>
    <mergeCell ref="BO4:BO5"/>
    <mergeCell ref="BP4:BR4"/>
    <mergeCell ref="BS4:BY4"/>
    <mergeCell ref="CW3:DG3"/>
    <mergeCell ref="DH3:DR3"/>
    <mergeCell ref="DS3:EC3"/>
    <mergeCell ref="ED3:EN3"/>
    <mergeCell ref="EO3:EY3"/>
    <mergeCell ref="B4:D4"/>
    <mergeCell ref="E4:K4"/>
    <mergeCell ref="L4:L5"/>
    <mergeCell ref="M4:O4"/>
    <mergeCell ref="P4:V4"/>
    <mergeCell ref="CL3:CV3"/>
    <mergeCell ref="H1:I1"/>
    <mergeCell ref="K1:L1"/>
    <mergeCell ref="A3:A5"/>
    <mergeCell ref="B3:L3"/>
    <mergeCell ref="M3:W3"/>
    <mergeCell ref="X3:AH3"/>
    <mergeCell ref="W4:W5"/>
    <mergeCell ref="X4:Z4"/>
    <mergeCell ref="AA4:AG4"/>
    <mergeCell ref="AH4:AH5"/>
    <mergeCell ref="AI3:AS3"/>
    <mergeCell ref="AT3:BD3"/>
    <mergeCell ref="BE3:BO3"/>
    <mergeCell ref="BP3:BZ3"/>
    <mergeCell ref="CA3:CK3"/>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3" max="1048575" man="1"/>
    <brk id="45" max="1048575" man="1"/>
    <brk id="67" max="1048575" man="1"/>
    <brk id="89" max="1048575" man="1"/>
    <brk id="122" max="1048575" man="1"/>
    <brk id="14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G40"/>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4" width="9" style="290"/>
    <col min="5" max="5" width="7.77734375" style="290" customWidth="1"/>
    <col min="6" max="6" width="9" style="290"/>
    <col min="7" max="7" width="10.6640625" style="290" customWidth="1"/>
    <col min="8" max="15" width="9" style="290"/>
    <col min="16" max="16" width="7.77734375" style="290" customWidth="1"/>
    <col min="17" max="26" width="9" style="290"/>
    <col min="27" max="27" width="6.88671875" style="290" customWidth="1"/>
    <col min="28" max="37" width="9" style="290"/>
    <col min="38" max="38" width="7.21875" style="290" customWidth="1"/>
    <col min="39" max="48" width="9" style="290"/>
    <col min="49" max="49" width="7.44140625" style="290" customWidth="1"/>
    <col min="50" max="59" width="9" style="290"/>
    <col min="60" max="60" width="7.6640625" style="290" customWidth="1"/>
    <col min="61" max="70" width="9" style="290"/>
    <col min="71" max="71" width="7.88671875" style="290" customWidth="1"/>
    <col min="72" max="81" width="9" style="290"/>
    <col min="82" max="82" width="7" style="290" customWidth="1"/>
    <col min="83" max="92" width="9" style="290"/>
    <col min="93" max="93" width="7.6640625" style="290" customWidth="1"/>
    <col min="94" max="16384" width="9" style="290"/>
  </cols>
  <sheetData>
    <row r="1" spans="1:111" ht="19.5" customHeight="1" x14ac:dyDescent="0.2">
      <c r="A1" s="325" t="s">
        <v>123</v>
      </c>
      <c r="I1" s="545">
        <f>第１表!F2</f>
        <v>4</v>
      </c>
      <c r="J1" s="545"/>
      <c r="K1" s="282">
        <f>第１表!G2</f>
        <v>4</v>
      </c>
      <c r="L1" s="549">
        <f>IF(K1&lt;3,K1+12-2,K1-2)</f>
        <v>2</v>
      </c>
      <c r="M1" s="549"/>
    </row>
    <row r="2" spans="1:111" ht="17.25" customHeight="1" thickBot="1" x14ac:dyDescent="0.25">
      <c r="A2" s="325" t="s">
        <v>139</v>
      </c>
    </row>
    <row r="3" spans="1:111" ht="13.8" thickBot="1" x14ac:dyDescent="0.25">
      <c r="A3" s="569"/>
      <c r="B3" s="572" t="s">
        <v>112</v>
      </c>
      <c r="C3" s="572"/>
      <c r="D3" s="572"/>
      <c r="E3" s="572"/>
      <c r="F3" s="572"/>
      <c r="G3" s="572"/>
      <c r="H3" s="572"/>
      <c r="I3" s="572"/>
      <c r="J3" s="572"/>
      <c r="K3" s="572"/>
      <c r="L3" s="573"/>
      <c r="M3" s="567" t="s">
        <v>111</v>
      </c>
      <c r="N3" s="567"/>
      <c r="O3" s="567"/>
      <c r="P3" s="567"/>
      <c r="Q3" s="567"/>
      <c r="R3" s="567"/>
      <c r="S3" s="567"/>
      <c r="T3" s="567"/>
      <c r="U3" s="567"/>
      <c r="V3" s="567"/>
      <c r="W3" s="568"/>
      <c r="X3" s="566" t="s">
        <v>110</v>
      </c>
      <c r="Y3" s="567"/>
      <c r="Z3" s="567"/>
      <c r="AA3" s="567"/>
      <c r="AB3" s="567"/>
      <c r="AC3" s="567"/>
      <c r="AD3" s="567"/>
      <c r="AE3" s="567"/>
      <c r="AF3" s="567"/>
      <c r="AG3" s="567"/>
      <c r="AH3" s="568"/>
      <c r="AI3" s="566" t="s">
        <v>109</v>
      </c>
      <c r="AJ3" s="567"/>
      <c r="AK3" s="567"/>
      <c r="AL3" s="567"/>
      <c r="AM3" s="567"/>
      <c r="AN3" s="567"/>
      <c r="AO3" s="567"/>
      <c r="AP3" s="567"/>
      <c r="AQ3" s="567"/>
      <c r="AR3" s="567"/>
      <c r="AS3" s="568"/>
      <c r="AT3" s="566" t="s">
        <v>108</v>
      </c>
      <c r="AU3" s="567"/>
      <c r="AV3" s="567"/>
      <c r="AW3" s="567"/>
      <c r="AX3" s="567"/>
      <c r="AY3" s="567"/>
      <c r="AZ3" s="567"/>
      <c r="BA3" s="567"/>
      <c r="BB3" s="567"/>
      <c r="BC3" s="567"/>
      <c r="BD3" s="568"/>
      <c r="BE3" s="566" t="s">
        <v>107</v>
      </c>
      <c r="BF3" s="567"/>
      <c r="BG3" s="567"/>
      <c r="BH3" s="567"/>
      <c r="BI3" s="567"/>
      <c r="BJ3" s="567"/>
      <c r="BK3" s="567"/>
      <c r="BL3" s="567"/>
      <c r="BM3" s="567"/>
      <c r="BN3" s="567"/>
      <c r="BO3" s="568"/>
      <c r="BP3" s="566" t="s">
        <v>106</v>
      </c>
      <c r="BQ3" s="567"/>
      <c r="BR3" s="567"/>
      <c r="BS3" s="567"/>
      <c r="BT3" s="567"/>
      <c r="BU3" s="567"/>
      <c r="BV3" s="567"/>
      <c r="BW3" s="567"/>
      <c r="BX3" s="567"/>
      <c r="BY3" s="567"/>
      <c r="BZ3" s="568"/>
      <c r="CA3" s="566" t="s">
        <v>128</v>
      </c>
      <c r="CB3" s="567"/>
      <c r="CC3" s="567"/>
      <c r="CD3" s="567"/>
      <c r="CE3" s="567"/>
      <c r="CF3" s="567"/>
      <c r="CG3" s="567"/>
      <c r="CH3" s="567"/>
      <c r="CI3" s="567"/>
      <c r="CJ3" s="567"/>
      <c r="CK3" s="568"/>
      <c r="CL3" s="566" t="s">
        <v>105</v>
      </c>
      <c r="CM3" s="567"/>
      <c r="CN3" s="567"/>
      <c r="CO3" s="567"/>
      <c r="CP3" s="567"/>
      <c r="CQ3" s="567"/>
      <c r="CR3" s="567"/>
      <c r="CS3" s="567"/>
      <c r="CT3" s="567"/>
      <c r="CU3" s="567"/>
      <c r="CV3" s="568"/>
      <c r="CW3" s="566" t="s">
        <v>160</v>
      </c>
      <c r="CX3" s="567"/>
      <c r="CY3" s="567"/>
      <c r="CZ3" s="567"/>
      <c r="DA3" s="567"/>
      <c r="DB3" s="567"/>
      <c r="DC3" s="567"/>
      <c r="DD3" s="567"/>
      <c r="DE3" s="567"/>
      <c r="DF3" s="567"/>
      <c r="DG3" s="568"/>
    </row>
    <row r="4" spans="1:111" x14ac:dyDescent="0.2">
      <c r="A4" s="570"/>
      <c r="B4" s="574" t="s">
        <v>61</v>
      </c>
      <c r="C4" s="557"/>
      <c r="D4" s="558"/>
      <c r="E4" s="556" t="s">
        <v>62</v>
      </c>
      <c r="F4" s="557"/>
      <c r="G4" s="557"/>
      <c r="H4" s="557"/>
      <c r="I4" s="557"/>
      <c r="J4" s="557"/>
      <c r="K4" s="565"/>
      <c r="L4" s="559" t="s">
        <v>52</v>
      </c>
      <c r="M4" s="574" t="s">
        <v>61</v>
      </c>
      <c r="N4" s="557"/>
      <c r="O4" s="558"/>
      <c r="P4" s="556" t="s">
        <v>62</v>
      </c>
      <c r="Q4" s="557"/>
      <c r="R4" s="557"/>
      <c r="S4" s="557"/>
      <c r="T4" s="557"/>
      <c r="U4" s="557"/>
      <c r="V4" s="558"/>
      <c r="W4" s="559" t="s">
        <v>52</v>
      </c>
      <c r="X4" s="561" t="s">
        <v>61</v>
      </c>
      <c r="Y4" s="557"/>
      <c r="Z4" s="565"/>
      <c r="AA4" s="556" t="s">
        <v>62</v>
      </c>
      <c r="AB4" s="557"/>
      <c r="AC4" s="557"/>
      <c r="AD4" s="557"/>
      <c r="AE4" s="557"/>
      <c r="AF4" s="557"/>
      <c r="AG4" s="558"/>
      <c r="AH4" s="559" t="s">
        <v>52</v>
      </c>
      <c r="AI4" s="561" t="s">
        <v>61</v>
      </c>
      <c r="AJ4" s="557"/>
      <c r="AK4" s="558"/>
      <c r="AL4" s="556" t="s">
        <v>62</v>
      </c>
      <c r="AM4" s="557"/>
      <c r="AN4" s="557"/>
      <c r="AO4" s="557"/>
      <c r="AP4" s="557"/>
      <c r="AQ4" s="557"/>
      <c r="AR4" s="558"/>
      <c r="AS4" s="559" t="s">
        <v>52</v>
      </c>
      <c r="AT4" s="561" t="s">
        <v>61</v>
      </c>
      <c r="AU4" s="557"/>
      <c r="AV4" s="565"/>
      <c r="AW4" s="556" t="s">
        <v>62</v>
      </c>
      <c r="AX4" s="557"/>
      <c r="AY4" s="557"/>
      <c r="AZ4" s="557"/>
      <c r="BA4" s="557"/>
      <c r="BB4" s="557"/>
      <c r="BC4" s="565"/>
      <c r="BD4" s="559" t="s">
        <v>52</v>
      </c>
      <c r="BE4" s="561" t="s">
        <v>61</v>
      </c>
      <c r="BF4" s="557"/>
      <c r="BG4" s="558"/>
      <c r="BH4" s="556" t="s">
        <v>62</v>
      </c>
      <c r="BI4" s="557"/>
      <c r="BJ4" s="557"/>
      <c r="BK4" s="557"/>
      <c r="BL4" s="557"/>
      <c r="BM4" s="557"/>
      <c r="BN4" s="558"/>
      <c r="BO4" s="559" t="s">
        <v>52</v>
      </c>
      <c r="BP4" s="561" t="s">
        <v>61</v>
      </c>
      <c r="BQ4" s="557"/>
      <c r="BR4" s="558"/>
      <c r="BS4" s="556" t="s">
        <v>62</v>
      </c>
      <c r="BT4" s="557"/>
      <c r="BU4" s="557"/>
      <c r="BV4" s="557"/>
      <c r="BW4" s="557"/>
      <c r="BX4" s="557"/>
      <c r="BY4" s="558"/>
      <c r="BZ4" s="559" t="s">
        <v>52</v>
      </c>
      <c r="CA4" s="561" t="s">
        <v>61</v>
      </c>
      <c r="CB4" s="557"/>
      <c r="CC4" s="558"/>
      <c r="CD4" s="556" t="s">
        <v>62</v>
      </c>
      <c r="CE4" s="557"/>
      <c r="CF4" s="557"/>
      <c r="CG4" s="557"/>
      <c r="CH4" s="557"/>
      <c r="CI4" s="557"/>
      <c r="CJ4" s="558"/>
      <c r="CK4" s="559" t="s">
        <v>52</v>
      </c>
      <c r="CL4" s="561" t="s">
        <v>61</v>
      </c>
      <c r="CM4" s="557"/>
      <c r="CN4" s="558"/>
      <c r="CO4" s="556" t="s">
        <v>62</v>
      </c>
      <c r="CP4" s="557"/>
      <c r="CQ4" s="557"/>
      <c r="CR4" s="557"/>
      <c r="CS4" s="557"/>
      <c r="CT4" s="557"/>
      <c r="CU4" s="558"/>
      <c r="CV4" s="559" t="s">
        <v>52</v>
      </c>
      <c r="CW4" s="561" t="s">
        <v>61</v>
      </c>
      <c r="CX4" s="557"/>
      <c r="CY4" s="558"/>
      <c r="CZ4" s="556" t="s">
        <v>62</v>
      </c>
      <c r="DA4" s="557"/>
      <c r="DB4" s="557"/>
      <c r="DC4" s="557"/>
      <c r="DD4" s="557"/>
      <c r="DE4" s="557"/>
      <c r="DF4" s="558"/>
      <c r="DG4" s="559" t="s">
        <v>52</v>
      </c>
    </row>
    <row r="5" spans="1:111" ht="28.5" customHeight="1" thickBot="1" x14ac:dyDescent="0.25">
      <c r="A5" s="571"/>
      <c r="B5" s="299" t="s">
        <v>43</v>
      </c>
      <c r="C5" s="294" t="s">
        <v>44</v>
      </c>
      <c r="D5" s="435" t="s">
        <v>45</v>
      </c>
      <c r="E5" s="302" t="s">
        <v>83</v>
      </c>
      <c r="F5" s="294" t="s">
        <v>47</v>
      </c>
      <c r="G5" s="294" t="s">
        <v>48</v>
      </c>
      <c r="H5" s="294" t="s">
        <v>49</v>
      </c>
      <c r="I5" s="294" t="s">
        <v>50</v>
      </c>
      <c r="J5" s="294" t="s">
        <v>51</v>
      </c>
      <c r="K5" s="303" t="s">
        <v>45</v>
      </c>
      <c r="L5" s="560"/>
      <c r="M5" s="299" t="s">
        <v>43</v>
      </c>
      <c r="N5" s="294" t="s">
        <v>44</v>
      </c>
      <c r="O5" s="300" t="s">
        <v>45</v>
      </c>
      <c r="P5" s="302" t="s">
        <v>83</v>
      </c>
      <c r="Q5" s="294" t="s">
        <v>47</v>
      </c>
      <c r="R5" s="294" t="s">
        <v>48</v>
      </c>
      <c r="S5" s="294" t="s">
        <v>49</v>
      </c>
      <c r="T5" s="294" t="s">
        <v>50</v>
      </c>
      <c r="U5" s="294" t="s">
        <v>51</v>
      </c>
      <c r="V5" s="300" t="s">
        <v>45</v>
      </c>
      <c r="W5" s="560"/>
      <c r="X5" s="346" t="s">
        <v>43</v>
      </c>
      <c r="Y5" s="294" t="s">
        <v>44</v>
      </c>
      <c r="Z5" s="303" t="s">
        <v>45</v>
      </c>
      <c r="AA5" s="302" t="s">
        <v>83</v>
      </c>
      <c r="AB5" s="294" t="s">
        <v>47</v>
      </c>
      <c r="AC5" s="294" t="s">
        <v>48</v>
      </c>
      <c r="AD5" s="294" t="s">
        <v>49</v>
      </c>
      <c r="AE5" s="294" t="s">
        <v>50</v>
      </c>
      <c r="AF5" s="294" t="s">
        <v>51</v>
      </c>
      <c r="AG5" s="300" t="s">
        <v>45</v>
      </c>
      <c r="AH5" s="560"/>
      <c r="AI5" s="298" t="s">
        <v>43</v>
      </c>
      <c r="AJ5" s="294" t="s">
        <v>44</v>
      </c>
      <c r="AK5" s="300" t="s">
        <v>45</v>
      </c>
      <c r="AL5" s="302" t="s">
        <v>83</v>
      </c>
      <c r="AM5" s="294" t="s">
        <v>47</v>
      </c>
      <c r="AN5" s="294" t="s">
        <v>48</v>
      </c>
      <c r="AO5" s="294" t="s">
        <v>49</v>
      </c>
      <c r="AP5" s="294" t="s">
        <v>50</v>
      </c>
      <c r="AQ5" s="294" t="s">
        <v>51</v>
      </c>
      <c r="AR5" s="300" t="s">
        <v>45</v>
      </c>
      <c r="AS5" s="560"/>
      <c r="AT5" s="346" t="s">
        <v>43</v>
      </c>
      <c r="AU5" s="294" t="s">
        <v>44</v>
      </c>
      <c r="AV5" s="303" t="s">
        <v>45</v>
      </c>
      <c r="AW5" s="302" t="s">
        <v>83</v>
      </c>
      <c r="AX5" s="294" t="s">
        <v>47</v>
      </c>
      <c r="AY5" s="294" t="s">
        <v>48</v>
      </c>
      <c r="AZ5" s="294" t="s">
        <v>49</v>
      </c>
      <c r="BA5" s="294" t="s">
        <v>50</v>
      </c>
      <c r="BB5" s="294" t="s">
        <v>51</v>
      </c>
      <c r="BC5" s="303" t="s">
        <v>45</v>
      </c>
      <c r="BD5" s="560"/>
      <c r="BE5" s="346" t="s">
        <v>43</v>
      </c>
      <c r="BF5" s="294" t="s">
        <v>44</v>
      </c>
      <c r="BG5" s="300" t="s">
        <v>45</v>
      </c>
      <c r="BH5" s="302" t="s">
        <v>83</v>
      </c>
      <c r="BI5" s="294" t="s">
        <v>47</v>
      </c>
      <c r="BJ5" s="294" t="s">
        <v>48</v>
      </c>
      <c r="BK5" s="294" t="s">
        <v>49</v>
      </c>
      <c r="BL5" s="294" t="s">
        <v>50</v>
      </c>
      <c r="BM5" s="294" t="s">
        <v>51</v>
      </c>
      <c r="BN5" s="300" t="s">
        <v>45</v>
      </c>
      <c r="BO5" s="560"/>
      <c r="BP5" s="346" t="s">
        <v>43</v>
      </c>
      <c r="BQ5" s="294" t="s">
        <v>44</v>
      </c>
      <c r="BR5" s="300" t="s">
        <v>45</v>
      </c>
      <c r="BS5" s="302" t="s">
        <v>83</v>
      </c>
      <c r="BT5" s="294" t="s">
        <v>47</v>
      </c>
      <c r="BU5" s="294" t="s">
        <v>48</v>
      </c>
      <c r="BV5" s="294" t="s">
        <v>49</v>
      </c>
      <c r="BW5" s="294" t="s">
        <v>50</v>
      </c>
      <c r="BX5" s="294" t="s">
        <v>51</v>
      </c>
      <c r="BY5" s="300" t="s">
        <v>45</v>
      </c>
      <c r="BZ5" s="560"/>
      <c r="CA5" s="346" t="s">
        <v>43</v>
      </c>
      <c r="CB5" s="294" t="s">
        <v>44</v>
      </c>
      <c r="CC5" s="300" t="s">
        <v>45</v>
      </c>
      <c r="CD5" s="302" t="s">
        <v>83</v>
      </c>
      <c r="CE5" s="294" t="s">
        <v>47</v>
      </c>
      <c r="CF5" s="294" t="s">
        <v>48</v>
      </c>
      <c r="CG5" s="294" t="s">
        <v>49</v>
      </c>
      <c r="CH5" s="294" t="s">
        <v>50</v>
      </c>
      <c r="CI5" s="294" t="s">
        <v>51</v>
      </c>
      <c r="CJ5" s="300" t="s">
        <v>45</v>
      </c>
      <c r="CK5" s="560"/>
      <c r="CL5" s="346" t="s">
        <v>43</v>
      </c>
      <c r="CM5" s="294" t="s">
        <v>44</v>
      </c>
      <c r="CN5" s="300" t="s">
        <v>45</v>
      </c>
      <c r="CO5" s="302" t="s">
        <v>83</v>
      </c>
      <c r="CP5" s="294" t="s">
        <v>47</v>
      </c>
      <c r="CQ5" s="294" t="s">
        <v>48</v>
      </c>
      <c r="CR5" s="294" t="s">
        <v>49</v>
      </c>
      <c r="CS5" s="294" t="s">
        <v>50</v>
      </c>
      <c r="CT5" s="294" t="s">
        <v>51</v>
      </c>
      <c r="CU5" s="300" t="s">
        <v>45</v>
      </c>
      <c r="CV5" s="560"/>
      <c r="CW5" s="409" t="s">
        <v>43</v>
      </c>
      <c r="CX5" s="294" t="s">
        <v>44</v>
      </c>
      <c r="CY5" s="300" t="s">
        <v>45</v>
      </c>
      <c r="CZ5" s="302" t="s">
        <v>83</v>
      </c>
      <c r="DA5" s="294" t="s">
        <v>47</v>
      </c>
      <c r="DB5" s="294" t="s">
        <v>48</v>
      </c>
      <c r="DC5" s="294" t="s">
        <v>49</v>
      </c>
      <c r="DD5" s="294" t="s">
        <v>50</v>
      </c>
      <c r="DE5" s="294" t="s">
        <v>51</v>
      </c>
      <c r="DF5" s="300" t="s">
        <v>45</v>
      </c>
      <c r="DG5" s="560"/>
    </row>
    <row r="6" spans="1:111" ht="18.75" customHeight="1" x14ac:dyDescent="0.2">
      <c r="A6" s="295" t="s">
        <v>4</v>
      </c>
      <c r="B6" s="304">
        <v>0</v>
      </c>
      <c r="C6" s="308">
        <v>0</v>
      </c>
      <c r="D6" s="436">
        <v>0</v>
      </c>
      <c r="E6" s="307">
        <v>0</v>
      </c>
      <c r="F6" s="308">
        <v>193647</v>
      </c>
      <c r="G6" s="308">
        <v>297994</v>
      </c>
      <c r="H6" s="308">
        <v>303273</v>
      </c>
      <c r="I6" s="308">
        <v>358857</v>
      </c>
      <c r="J6" s="308">
        <v>347538</v>
      </c>
      <c r="K6" s="309">
        <v>1501309</v>
      </c>
      <c r="L6" s="310">
        <v>1501309</v>
      </c>
      <c r="M6" s="304">
        <v>6</v>
      </c>
      <c r="N6" s="308">
        <v>115</v>
      </c>
      <c r="O6" s="305">
        <v>121</v>
      </c>
      <c r="P6" s="307">
        <v>0</v>
      </c>
      <c r="Q6" s="308">
        <v>462</v>
      </c>
      <c r="R6" s="308">
        <v>1959</v>
      </c>
      <c r="S6" s="308">
        <v>3485</v>
      </c>
      <c r="T6" s="308">
        <v>8218</v>
      </c>
      <c r="U6" s="308">
        <v>16633</v>
      </c>
      <c r="V6" s="305">
        <v>30757</v>
      </c>
      <c r="W6" s="310">
        <v>30878</v>
      </c>
      <c r="X6" s="304">
        <v>10962</v>
      </c>
      <c r="Y6" s="308">
        <v>35238</v>
      </c>
      <c r="Z6" s="305">
        <v>46200</v>
      </c>
      <c r="AA6" s="307">
        <v>0</v>
      </c>
      <c r="AB6" s="308">
        <v>85172</v>
      </c>
      <c r="AC6" s="308">
        <v>134056</v>
      </c>
      <c r="AD6" s="308">
        <v>83516</v>
      </c>
      <c r="AE6" s="308">
        <v>78167</v>
      </c>
      <c r="AF6" s="308">
        <v>65151</v>
      </c>
      <c r="AG6" s="305">
        <v>446062</v>
      </c>
      <c r="AH6" s="310">
        <v>492262</v>
      </c>
      <c r="AI6" s="304">
        <v>1870</v>
      </c>
      <c r="AJ6" s="308">
        <v>6945</v>
      </c>
      <c r="AK6" s="305">
        <v>8815</v>
      </c>
      <c r="AL6" s="307">
        <v>0</v>
      </c>
      <c r="AM6" s="308">
        <v>10165</v>
      </c>
      <c r="AN6" s="308">
        <v>16386</v>
      </c>
      <c r="AO6" s="308">
        <v>11220</v>
      </c>
      <c r="AP6" s="308">
        <v>10304</v>
      </c>
      <c r="AQ6" s="308">
        <v>6248</v>
      </c>
      <c r="AR6" s="305">
        <v>54323</v>
      </c>
      <c r="AS6" s="310">
        <v>63138</v>
      </c>
      <c r="AT6" s="304">
        <v>0</v>
      </c>
      <c r="AU6" s="308">
        <v>0</v>
      </c>
      <c r="AV6" s="305">
        <v>0</v>
      </c>
      <c r="AW6" s="307">
        <v>0</v>
      </c>
      <c r="AX6" s="308">
        <v>154247</v>
      </c>
      <c r="AY6" s="308">
        <v>156716</v>
      </c>
      <c r="AZ6" s="308">
        <v>98276</v>
      </c>
      <c r="BA6" s="308">
        <v>57215</v>
      </c>
      <c r="BB6" s="308">
        <v>27011</v>
      </c>
      <c r="BC6" s="309">
        <v>493465</v>
      </c>
      <c r="BD6" s="310">
        <v>493465</v>
      </c>
      <c r="BE6" s="304">
        <v>0</v>
      </c>
      <c r="BF6" s="308">
        <v>0</v>
      </c>
      <c r="BG6" s="305">
        <v>0</v>
      </c>
      <c r="BH6" s="307">
        <v>0</v>
      </c>
      <c r="BI6" s="308">
        <v>23003</v>
      </c>
      <c r="BJ6" s="308">
        <v>36764</v>
      </c>
      <c r="BK6" s="308">
        <v>21870</v>
      </c>
      <c r="BL6" s="308">
        <v>14433</v>
      </c>
      <c r="BM6" s="308">
        <v>4996</v>
      </c>
      <c r="BN6" s="305">
        <v>101066</v>
      </c>
      <c r="BO6" s="310">
        <v>101066</v>
      </c>
      <c r="BP6" s="304">
        <v>202</v>
      </c>
      <c r="BQ6" s="308">
        <v>917</v>
      </c>
      <c r="BR6" s="305">
        <v>1119</v>
      </c>
      <c r="BS6" s="307">
        <v>0</v>
      </c>
      <c r="BT6" s="308">
        <v>13707</v>
      </c>
      <c r="BU6" s="308">
        <v>26763</v>
      </c>
      <c r="BV6" s="308">
        <v>47138</v>
      </c>
      <c r="BW6" s="308">
        <v>36668</v>
      </c>
      <c r="BX6" s="308">
        <v>18028</v>
      </c>
      <c r="BY6" s="305">
        <v>142304</v>
      </c>
      <c r="BZ6" s="310">
        <v>143423</v>
      </c>
      <c r="CA6" s="304">
        <v>0</v>
      </c>
      <c r="CB6" s="308">
        <v>94</v>
      </c>
      <c r="CC6" s="305">
        <v>94</v>
      </c>
      <c r="CD6" s="307">
        <v>0</v>
      </c>
      <c r="CE6" s="308">
        <v>840</v>
      </c>
      <c r="CF6" s="308">
        <v>2528</v>
      </c>
      <c r="CG6" s="308">
        <v>3272</v>
      </c>
      <c r="CH6" s="308">
        <v>3204</v>
      </c>
      <c r="CI6" s="308">
        <v>2226</v>
      </c>
      <c r="CJ6" s="305">
        <v>12070</v>
      </c>
      <c r="CK6" s="310">
        <v>12164</v>
      </c>
      <c r="CL6" s="304">
        <v>0</v>
      </c>
      <c r="CM6" s="308">
        <v>0</v>
      </c>
      <c r="CN6" s="305">
        <v>0</v>
      </c>
      <c r="CO6" s="307">
        <v>0</v>
      </c>
      <c r="CP6" s="308">
        <v>0</v>
      </c>
      <c r="CQ6" s="308">
        <v>0</v>
      </c>
      <c r="CR6" s="308">
        <v>0</v>
      </c>
      <c r="CS6" s="308">
        <v>0</v>
      </c>
      <c r="CT6" s="308">
        <v>0</v>
      </c>
      <c r="CU6" s="305">
        <v>0</v>
      </c>
      <c r="CV6" s="310">
        <v>0</v>
      </c>
      <c r="CW6" s="304">
        <v>0</v>
      </c>
      <c r="CX6" s="308">
        <v>0</v>
      </c>
      <c r="CY6" s="305">
        <v>0</v>
      </c>
      <c r="CZ6" s="307">
        <v>0</v>
      </c>
      <c r="DA6" s="308">
        <v>0</v>
      </c>
      <c r="DB6" s="308">
        <v>0</v>
      </c>
      <c r="DC6" s="308">
        <v>0</v>
      </c>
      <c r="DD6" s="308">
        <v>0</v>
      </c>
      <c r="DE6" s="308">
        <v>0</v>
      </c>
      <c r="DF6" s="305">
        <v>0</v>
      </c>
      <c r="DG6" s="310">
        <v>0</v>
      </c>
    </row>
    <row r="7" spans="1:111" ht="18.75" customHeight="1" x14ac:dyDescent="0.2">
      <c r="A7" s="296" t="s">
        <v>5</v>
      </c>
      <c r="B7" s="311">
        <v>0</v>
      </c>
      <c r="C7" s="315">
        <v>0</v>
      </c>
      <c r="D7" s="437">
        <v>0</v>
      </c>
      <c r="E7" s="314">
        <v>0</v>
      </c>
      <c r="F7" s="315">
        <v>64225</v>
      </c>
      <c r="G7" s="315">
        <v>128740</v>
      </c>
      <c r="H7" s="315">
        <v>114639</v>
      </c>
      <c r="I7" s="315">
        <v>124180</v>
      </c>
      <c r="J7" s="315">
        <v>127077</v>
      </c>
      <c r="K7" s="316">
        <v>558861</v>
      </c>
      <c r="L7" s="317">
        <v>558861</v>
      </c>
      <c r="M7" s="311">
        <v>1</v>
      </c>
      <c r="N7" s="315">
        <v>53</v>
      </c>
      <c r="O7" s="312">
        <v>54</v>
      </c>
      <c r="P7" s="314">
        <v>0</v>
      </c>
      <c r="Q7" s="315">
        <v>112</v>
      </c>
      <c r="R7" s="315">
        <v>679</v>
      </c>
      <c r="S7" s="315">
        <v>1377</v>
      </c>
      <c r="T7" s="315">
        <v>3209</v>
      </c>
      <c r="U7" s="315">
        <v>7204</v>
      </c>
      <c r="V7" s="312">
        <v>12581</v>
      </c>
      <c r="W7" s="317">
        <v>12635</v>
      </c>
      <c r="X7" s="311">
        <v>4786</v>
      </c>
      <c r="Y7" s="315">
        <v>18394</v>
      </c>
      <c r="Z7" s="312">
        <v>23180</v>
      </c>
      <c r="AA7" s="314">
        <v>0</v>
      </c>
      <c r="AB7" s="315">
        <v>30716</v>
      </c>
      <c r="AC7" s="315">
        <v>71566</v>
      </c>
      <c r="AD7" s="315">
        <v>41175</v>
      </c>
      <c r="AE7" s="315">
        <v>36257</v>
      </c>
      <c r="AF7" s="315">
        <v>30125</v>
      </c>
      <c r="AG7" s="312">
        <v>209839</v>
      </c>
      <c r="AH7" s="317">
        <v>233019</v>
      </c>
      <c r="AI7" s="311">
        <v>798</v>
      </c>
      <c r="AJ7" s="315">
        <v>3649</v>
      </c>
      <c r="AK7" s="312">
        <v>4447</v>
      </c>
      <c r="AL7" s="314">
        <v>0</v>
      </c>
      <c r="AM7" s="315">
        <v>2433</v>
      </c>
      <c r="AN7" s="315">
        <v>7082</v>
      </c>
      <c r="AO7" s="315">
        <v>4582</v>
      </c>
      <c r="AP7" s="315">
        <v>4360</v>
      </c>
      <c r="AQ7" s="315">
        <v>2485</v>
      </c>
      <c r="AR7" s="312">
        <v>20942</v>
      </c>
      <c r="AS7" s="317">
        <v>25389</v>
      </c>
      <c r="AT7" s="311">
        <v>0</v>
      </c>
      <c r="AU7" s="315">
        <v>0</v>
      </c>
      <c r="AV7" s="312">
        <v>0</v>
      </c>
      <c r="AW7" s="314">
        <v>0</v>
      </c>
      <c r="AX7" s="315">
        <v>48721</v>
      </c>
      <c r="AY7" s="315">
        <v>64525</v>
      </c>
      <c r="AZ7" s="315">
        <v>34930</v>
      </c>
      <c r="BA7" s="315">
        <v>18735</v>
      </c>
      <c r="BB7" s="315">
        <v>9254</v>
      </c>
      <c r="BC7" s="316">
        <v>176165</v>
      </c>
      <c r="BD7" s="317">
        <v>176165</v>
      </c>
      <c r="BE7" s="311">
        <v>0</v>
      </c>
      <c r="BF7" s="315">
        <v>0</v>
      </c>
      <c r="BG7" s="312">
        <v>0</v>
      </c>
      <c r="BH7" s="314">
        <v>0</v>
      </c>
      <c r="BI7" s="315">
        <v>7105</v>
      </c>
      <c r="BJ7" s="315">
        <v>17613</v>
      </c>
      <c r="BK7" s="315">
        <v>10586</v>
      </c>
      <c r="BL7" s="315">
        <v>6315</v>
      </c>
      <c r="BM7" s="315">
        <v>2362</v>
      </c>
      <c r="BN7" s="312">
        <v>43981</v>
      </c>
      <c r="BO7" s="317">
        <v>43981</v>
      </c>
      <c r="BP7" s="311">
        <v>62</v>
      </c>
      <c r="BQ7" s="315">
        <v>319</v>
      </c>
      <c r="BR7" s="312">
        <v>381</v>
      </c>
      <c r="BS7" s="314">
        <v>0</v>
      </c>
      <c r="BT7" s="315">
        <v>3917</v>
      </c>
      <c r="BU7" s="315">
        <v>10401</v>
      </c>
      <c r="BV7" s="315">
        <v>17663</v>
      </c>
      <c r="BW7" s="315">
        <v>13757</v>
      </c>
      <c r="BX7" s="315">
        <v>6504</v>
      </c>
      <c r="BY7" s="312">
        <v>52242</v>
      </c>
      <c r="BZ7" s="317">
        <v>52623</v>
      </c>
      <c r="CA7" s="311">
        <v>0</v>
      </c>
      <c r="CB7" s="315">
        <v>86</v>
      </c>
      <c r="CC7" s="312">
        <v>86</v>
      </c>
      <c r="CD7" s="314">
        <v>0</v>
      </c>
      <c r="CE7" s="315">
        <v>442</v>
      </c>
      <c r="CF7" s="315">
        <v>1394</v>
      </c>
      <c r="CG7" s="315">
        <v>1986</v>
      </c>
      <c r="CH7" s="315">
        <v>1919</v>
      </c>
      <c r="CI7" s="315">
        <v>1422</v>
      </c>
      <c r="CJ7" s="312">
        <v>7163</v>
      </c>
      <c r="CK7" s="317">
        <v>7249</v>
      </c>
      <c r="CL7" s="311">
        <v>0</v>
      </c>
      <c r="CM7" s="315">
        <v>0</v>
      </c>
      <c r="CN7" s="312">
        <v>0</v>
      </c>
      <c r="CO7" s="314">
        <v>0</v>
      </c>
      <c r="CP7" s="315">
        <v>0</v>
      </c>
      <c r="CQ7" s="315">
        <v>0</v>
      </c>
      <c r="CR7" s="315">
        <v>0</v>
      </c>
      <c r="CS7" s="315">
        <v>0</v>
      </c>
      <c r="CT7" s="315">
        <v>0</v>
      </c>
      <c r="CU7" s="312">
        <v>0</v>
      </c>
      <c r="CV7" s="317">
        <v>0</v>
      </c>
      <c r="CW7" s="311">
        <v>0</v>
      </c>
      <c r="CX7" s="315">
        <v>0</v>
      </c>
      <c r="CY7" s="312">
        <v>0</v>
      </c>
      <c r="CZ7" s="314">
        <v>0</v>
      </c>
      <c r="DA7" s="315">
        <v>0</v>
      </c>
      <c r="DB7" s="315">
        <v>0</v>
      </c>
      <c r="DC7" s="315">
        <v>0</v>
      </c>
      <c r="DD7" s="315">
        <v>0</v>
      </c>
      <c r="DE7" s="315">
        <v>0</v>
      </c>
      <c r="DF7" s="312">
        <v>0</v>
      </c>
      <c r="DG7" s="317">
        <v>0</v>
      </c>
    </row>
    <row r="8" spans="1:111" ht="18.75" customHeight="1" x14ac:dyDescent="0.2">
      <c r="A8" s="296" t="s">
        <v>6</v>
      </c>
      <c r="B8" s="311">
        <v>0</v>
      </c>
      <c r="C8" s="315">
        <v>0</v>
      </c>
      <c r="D8" s="437">
        <v>0</v>
      </c>
      <c r="E8" s="314">
        <v>0</v>
      </c>
      <c r="F8" s="315">
        <v>34439</v>
      </c>
      <c r="G8" s="315">
        <v>43627</v>
      </c>
      <c r="H8" s="315">
        <v>47568</v>
      </c>
      <c r="I8" s="315">
        <v>60346</v>
      </c>
      <c r="J8" s="315">
        <v>58473</v>
      </c>
      <c r="K8" s="316">
        <v>244453</v>
      </c>
      <c r="L8" s="317">
        <v>244453</v>
      </c>
      <c r="M8" s="311">
        <v>0</v>
      </c>
      <c r="N8" s="315">
        <v>18</v>
      </c>
      <c r="O8" s="312">
        <v>18</v>
      </c>
      <c r="P8" s="314">
        <v>0</v>
      </c>
      <c r="Q8" s="315">
        <v>61</v>
      </c>
      <c r="R8" s="315">
        <v>221</v>
      </c>
      <c r="S8" s="315">
        <v>449</v>
      </c>
      <c r="T8" s="315">
        <v>1232</v>
      </c>
      <c r="U8" s="315">
        <v>2396</v>
      </c>
      <c r="V8" s="312">
        <v>4359</v>
      </c>
      <c r="W8" s="317">
        <v>4377</v>
      </c>
      <c r="X8" s="311">
        <v>1825</v>
      </c>
      <c r="Y8" s="315">
        <v>5380</v>
      </c>
      <c r="Z8" s="312">
        <v>7205</v>
      </c>
      <c r="AA8" s="314">
        <v>0</v>
      </c>
      <c r="AB8" s="315">
        <v>18495</v>
      </c>
      <c r="AC8" s="315">
        <v>18984</v>
      </c>
      <c r="AD8" s="315">
        <v>12662</v>
      </c>
      <c r="AE8" s="315">
        <v>13327</v>
      </c>
      <c r="AF8" s="315">
        <v>10306</v>
      </c>
      <c r="AG8" s="312">
        <v>73774</v>
      </c>
      <c r="AH8" s="317">
        <v>80979</v>
      </c>
      <c r="AI8" s="311">
        <v>177</v>
      </c>
      <c r="AJ8" s="315">
        <v>512</v>
      </c>
      <c r="AK8" s="312">
        <v>689</v>
      </c>
      <c r="AL8" s="314">
        <v>0</v>
      </c>
      <c r="AM8" s="315">
        <v>1627</v>
      </c>
      <c r="AN8" s="315">
        <v>1816</v>
      </c>
      <c r="AO8" s="315">
        <v>1223</v>
      </c>
      <c r="AP8" s="315">
        <v>1165</v>
      </c>
      <c r="AQ8" s="315">
        <v>709</v>
      </c>
      <c r="AR8" s="312">
        <v>6540</v>
      </c>
      <c r="AS8" s="317">
        <v>7229</v>
      </c>
      <c r="AT8" s="311">
        <v>0</v>
      </c>
      <c r="AU8" s="315">
        <v>0</v>
      </c>
      <c r="AV8" s="312">
        <v>0</v>
      </c>
      <c r="AW8" s="314">
        <v>0</v>
      </c>
      <c r="AX8" s="315">
        <v>26582</v>
      </c>
      <c r="AY8" s="315">
        <v>20471</v>
      </c>
      <c r="AZ8" s="315">
        <v>13282</v>
      </c>
      <c r="BA8" s="315">
        <v>8747</v>
      </c>
      <c r="BB8" s="315">
        <v>4003</v>
      </c>
      <c r="BC8" s="316">
        <v>73085</v>
      </c>
      <c r="BD8" s="317">
        <v>73085</v>
      </c>
      <c r="BE8" s="311">
        <v>0</v>
      </c>
      <c r="BF8" s="315">
        <v>0</v>
      </c>
      <c r="BG8" s="312">
        <v>0</v>
      </c>
      <c r="BH8" s="314">
        <v>0</v>
      </c>
      <c r="BI8" s="315">
        <v>2916</v>
      </c>
      <c r="BJ8" s="315">
        <v>3738</v>
      </c>
      <c r="BK8" s="315">
        <v>2544</v>
      </c>
      <c r="BL8" s="315">
        <v>1864</v>
      </c>
      <c r="BM8" s="315">
        <v>630</v>
      </c>
      <c r="BN8" s="312">
        <v>11692</v>
      </c>
      <c r="BO8" s="317">
        <v>11692</v>
      </c>
      <c r="BP8" s="311">
        <v>17</v>
      </c>
      <c r="BQ8" s="315">
        <v>132</v>
      </c>
      <c r="BR8" s="312">
        <v>149</v>
      </c>
      <c r="BS8" s="314">
        <v>0</v>
      </c>
      <c r="BT8" s="315">
        <v>1982</v>
      </c>
      <c r="BU8" s="315">
        <v>2938</v>
      </c>
      <c r="BV8" s="315">
        <v>4538</v>
      </c>
      <c r="BW8" s="315">
        <v>4174</v>
      </c>
      <c r="BX8" s="315">
        <v>2010</v>
      </c>
      <c r="BY8" s="312">
        <v>15642</v>
      </c>
      <c r="BZ8" s="317">
        <v>15791</v>
      </c>
      <c r="CA8" s="311">
        <v>0</v>
      </c>
      <c r="CB8" s="315">
        <v>0</v>
      </c>
      <c r="CC8" s="312">
        <v>0</v>
      </c>
      <c r="CD8" s="314">
        <v>0</v>
      </c>
      <c r="CE8" s="315">
        <v>72</v>
      </c>
      <c r="CF8" s="315">
        <v>281</v>
      </c>
      <c r="CG8" s="315">
        <v>375</v>
      </c>
      <c r="CH8" s="315">
        <v>513</v>
      </c>
      <c r="CI8" s="315">
        <v>230</v>
      </c>
      <c r="CJ8" s="312">
        <v>1471</v>
      </c>
      <c r="CK8" s="317">
        <v>1471</v>
      </c>
      <c r="CL8" s="311">
        <v>0</v>
      </c>
      <c r="CM8" s="315">
        <v>0</v>
      </c>
      <c r="CN8" s="312">
        <v>0</v>
      </c>
      <c r="CO8" s="314">
        <v>0</v>
      </c>
      <c r="CP8" s="315">
        <v>0</v>
      </c>
      <c r="CQ8" s="315">
        <v>0</v>
      </c>
      <c r="CR8" s="315">
        <v>0</v>
      </c>
      <c r="CS8" s="315">
        <v>0</v>
      </c>
      <c r="CT8" s="315">
        <v>0</v>
      </c>
      <c r="CU8" s="312">
        <v>0</v>
      </c>
      <c r="CV8" s="317">
        <v>0</v>
      </c>
      <c r="CW8" s="311">
        <v>0</v>
      </c>
      <c r="CX8" s="315">
        <v>0</v>
      </c>
      <c r="CY8" s="312">
        <v>0</v>
      </c>
      <c r="CZ8" s="314">
        <v>0</v>
      </c>
      <c r="DA8" s="315">
        <v>0</v>
      </c>
      <c r="DB8" s="315">
        <v>0</v>
      </c>
      <c r="DC8" s="315">
        <v>0</v>
      </c>
      <c r="DD8" s="315">
        <v>0</v>
      </c>
      <c r="DE8" s="315">
        <v>0</v>
      </c>
      <c r="DF8" s="312">
        <v>0</v>
      </c>
      <c r="DG8" s="317">
        <v>0</v>
      </c>
    </row>
    <row r="9" spans="1:111" ht="18.75" customHeight="1" x14ac:dyDescent="0.2">
      <c r="A9" s="296" t="s">
        <v>14</v>
      </c>
      <c r="B9" s="311">
        <v>0</v>
      </c>
      <c r="C9" s="315">
        <v>0</v>
      </c>
      <c r="D9" s="437">
        <v>0</v>
      </c>
      <c r="E9" s="314">
        <v>0</v>
      </c>
      <c r="F9" s="315">
        <v>12915</v>
      </c>
      <c r="G9" s="315">
        <v>21808</v>
      </c>
      <c r="H9" s="315">
        <v>22200</v>
      </c>
      <c r="I9" s="315">
        <v>24479</v>
      </c>
      <c r="J9" s="315">
        <v>20881</v>
      </c>
      <c r="K9" s="316">
        <v>102283</v>
      </c>
      <c r="L9" s="317">
        <v>102283</v>
      </c>
      <c r="M9" s="311">
        <v>0</v>
      </c>
      <c r="N9" s="315">
        <v>8</v>
      </c>
      <c r="O9" s="312">
        <v>8</v>
      </c>
      <c r="P9" s="314">
        <v>0</v>
      </c>
      <c r="Q9" s="315">
        <v>34</v>
      </c>
      <c r="R9" s="315">
        <v>83</v>
      </c>
      <c r="S9" s="315">
        <v>220</v>
      </c>
      <c r="T9" s="315">
        <v>572</v>
      </c>
      <c r="U9" s="315">
        <v>1085</v>
      </c>
      <c r="V9" s="312">
        <v>1994</v>
      </c>
      <c r="W9" s="317">
        <v>2002</v>
      </c>
      <c r="X9" s="311">
        <v>635</v>
      </c>
      <c r="Y9" s="315">
        <v>2651</v>
      </c>
      <c r="Z9" s="312">
        <v>3286</v>
      </c>
      <c r="AA9" s="314">
        <v>0</v>
      </c>
      <c r="AB9" s="315">
        <v>4233</v>
      </c>
      <c r="AC9" s="315">
        <v>8607</v>
      </c>
      <c r="AD9" s="315">
        <v>5904</v>
      </c>
      <c r="AE9" s="315">
        <v>6131</v>
      </c>
      <c r="AF9" s="315">
        <v>4502</v>
      </c>
      <c r="AG9" s="312">
        <v>29377</v>
      </c>
      <c r="AH9" s="317">
        <v>32663</v>
      </c>
      <c r="AI9" s="311">
        <v>50</v>
      </c>
      <c r="AJ9" s="315">
        <v>394</v>
      </c>
      <c r="AK9" s="312">
        <v>444</v>
      </c>
      <c r="AL9" s="314">
        <v>0</v>
      </c>
      <c r="AM9" s="315">
        <v>174</v>
      </c>
      <c r="AN9" s="315">
        <v>646</v>
      </c>
      <c r="AO9" s="315">
        <v>686</v>
      </c>
      <c r="AP9" s="315">
        <v>479</v>
      </c>
      <c r="AQ9" s="315">
        <v>215</v>
      </c>
      <c r="AR9" s="312">
        <v>2200</v>
      </c>
      <c r="AS9" s="317">
        <v>2644</v>
      </c>
      <c r="AT9" s="311">
        <v>0</v>
      </c>
      <c r="AU9" s="315">
        <v>0</v>
      </c>
      <c r="AV9" s="312">
        <v>0</v>
      </c>
      <c r="AW9" s="314">
        <v>0</v>
      </c>
      <c r="AX9" s="315">
        <v>10968</v>
      </c>
      <c r="AY9" s="315">
        <v>12337</v>
      </c>
      <c r="AZ9" s="315">
        <v>9862</v>
      </c>
      <c r="BA9" s="315">
        <v>6165</v>
      </c>
      <c r="BB9" s="315">
        <v>2803</v>
      </c>
      <c r="BC9" s="316">
        <v>42135</v>
      </c>
      <c r="BD9" s="317">
        <v>42135</v>
      </c>
      <c r="BE9" s="311">
        <v>0</v>
      </c>
      <c r="BF9" s="315">
        <v>0</v>
      </c>
      <c r="BG9" s="312">
        <v>0</v>
      </c>
      <c r="BH9" s="314">
        <v>0</v>
      </c>
      <c r="BI9" s="315">
        <v>768</v>
      </c>
      <c r="BJ9" s="315">
        <v>2215</v>
      </c>
      <c r="BK9" s="315">
        <v>1345</v>
      </c>
      <c r="BL9" s="315">
        <v>1153</v>
      </c>
      <c r="BM9" s="315">
        <v>284</v>
      </c>
      <c r="BN9" s="312">
        <v>5765</v>
      </c>
      <c r="BO9" s="317">
        <v>5765</v>
      </c>
      <c r="BP9" s="311">
        <v>6</v>
      </c>
      <c r="BQ9" s="315">
        <v>67</v>
      </c>
      <c r="BR9" s="312">
        <v>73</v>
      </c>
      <c r="BS9" s="314">
        <v>0</v>
      </c>
      <c r="BT9" s="315">
        <v>958</v>
      </c>
      <c r="BU9" s="315">
        <v>2003</v>
      </c>
      <c r="BV9" s="315">
        <v>4821</v>
      </c>
      <c r="BW9" s="315">
        <v>3824</v>
      </c>
      <c r="BX9" s="315">
        <v>1825</v>
      </c>
      <c r="BY9" s="312">
        <v>13431</v>
      </c>
      <c r="BZ9" s="317">
        <v>13504</v>
      </c>
      <c r="CA9" s="311">
        <v>0</v>
      </c>
      <c r="CB9" s="315">
        <v>0</v>
      </c>
      <c r="CC9" s="312">
        <v>0</v>
      </c>
      <c r="CD9" s="314">
        <v>0</v>
      </c>
      <c r="CE9" s="315">
        <v>16</v>
      </c>
      <c r="CF9" s="315">
        <v>31</v>
      </c>
      <c r="CG9" s="315">
        <v>34</v>
      </c>
      <c r="CH9" s="315">
        <v>50</v>
      </c>
      <c r="CI9" s="315">
        <v>66</v>
      </c>
      <c r="CJ9" s="312">
        <v>197</v>
      </c>
      <c r="CK9" s="317">
        <v>197</v>
      </c>
      <c r="CL9" s="311">
        <v>0</v>
      </c>
      <c r="CM9" s="315">
        <v>0</v>
      </c>
      <c r="CN9" s="312">
        <v>0</v>
      </c>
      <c r="CO9" s="314">
        <v>0</v>
      </c>
      <c r="CP9" s="315">
        <v>0</v>
      </c>
      <c r="CQ9" s="315">
        <v>0</v>
      </c>
      <c r="CR9" s="315">
        <v>0</v>
      </c>
      <c r="CS9" s="315">
        <v>0</v>
      </c>
      <c r="CT9" s="315">
        <v>0</v>
      </c>
      <c r="CU9" s="312">
        <v>0</v>
      </c>
      <c r="CV9" s="317">
        <v>0</v>
      </c>
      <c r="CW9" s="311">
        <v>0</v>
      </c>
      <c r="CX9" s="315">
        <v>0</v>
      </c>
      <c r="CY9" s="312">
        <v>0</v>
      </c>
      <c r="CZ9" s="314">
        <v>0</v>
      </c>
      <c r="DA9" s="315">
        <v>0</v>
      </c>
      <c r="DB9" s="315">
        <v>0</v>
      </c>
      <c r="DC9" s="315">
        <v>0</v>
      </c>
      <c r="DD9" s="315">
        <v>0</v>
      </c>
      <c r="DE9" s="315">
        <v>0</v>
      </c>
      <c r="DF9" s="312">
        <v>0</v>
      </c>
      <c r="DG9" s="317">
        <v>0</v>
      </c>
    </row>
    <row r="10" spans="1:111" ht="18.75" customHeight="1" x14ac:dyDescent="0.2">
      <c r="A10" s="296" t="s">
        <v>7</v>
      </c>
      <c r="B10" s="311">
        <v>0</v>
      </c>
      <c r="C10" s="315">
        <v>0</v>
      </c>
      <c r="D10" s="437">
        <v>0</v>
      </c>
      <c r="E10" s="314">
        <v>0</v>
      </c>
      <c r="F10" s="315">
        <v>14851</v>
      </c>
      <c r="G10" s="315">
        <v>16318</v>
      </c>
      <c r="H10" s="315">
        <v>17421</v>
      </c>
      <c r="I10" s="315">
        <v>23756</v>
      </c>
      <c r="J10" s="315">
        <v>20502</v>
      </c>
      <c r="K10" s="316">
        <v>92848</v>
      </c>
      <c r="L10" s="317">
        <v>92848</v>
      </c>
      <c r="M10" s="311">
        <v>0</v>
      </c>
      <c r="N10" s="315">
        <v>0</v>
      </c>
      <c r="O10" s="312">
        <v>0</v>
      </c>
      <c r="P10" s="314">
        <v>0</v>
      </c>
      <c r="Q10" s="315">
        <v>57</v>
      </c>
      <c r="R10" s="315">
        <v>168</v>
      </c>
      <c r="S10" s="315">
        <v>249</v>
      </c>
      <c r="T10" s="315">
        <v>510</v>
      </c>
      <c r="U10" s="315">
        <v>912</v>
      </c>
      <c r="V10" s="312">
        <v>1896</v>
      </c>
      <c r="W10" s="317">
        <v>1896</v>
      </c>
      <c r="X10" s="311">
        <v>53</v>
      </c>
      <c r="Y10" s="315">
        <v>147</v>
      </c>
      <c r="Z10" s="312">
        <v>200</v>
      </c>
      <c r="AA10" s="314">
        <v>0</v>
      </c>
      <c r="AB10" s="315">
        <v>2910</v>
      </c>
      <c r="AC10" s="315">
        <v>3554</v>
      </c>
      <c r="AD10" s="315">
        <v>2508</v>
      </c>
      <c r="AE10" s="315">
        <v>2462</v>
      </c>
      <c r="AF10" s="315">
        <v>2221</v>
      </c>
      <c r="AG10" s="312">
        <v>13655</v>
      </c>
      <c r="AH10" s="317">
        <v>13855</v>
      </c>
      <c r="AI10" s="311">
        <v>32</v>
      </c>
      <c r="AJ10" s="315">
        <v>58</v>
      </c>
      <c r="AK10" s="312">
        <v>90</v>
      </c>
      <c r="AL10" s="314">
        <v>0</v>
      </c>
      <c r="AM10" s="315">
        <v>466</v>
      </c>
      <c r="AN10" s="315">
        <v>642</v>
      </c>
      <c r="AO10" s="315">
        <v>250</v>
      </c>
      <c r="AP10" s="315">
        <v>492</v>
      </c>
      <c r="AQ10" s="315">
        <v>275</v>
      </c>
      <c r="AR10" s="312">
        <v>2125</v>
      </c>
      <c r="AS10" s="317">
        <v>2215</v>
      </c>
      <c r="AT10" s="311">
        <v>0</v>
      </c>
      <c r="AU10" s="315">
        <v>0</v>
      </c>
      <c r="AV10" s="312">
        <v>0</v>
      </c>
      <c r="AW10" s="314">
        <v>0</v>
      </c>
      <c r="AX10" s="315">
        <v>11016</v>
      </c>
      <c r="AY10" s="315">
        <v>8077</v>
      </c>
      <c r="AZ10" s="315">
        <v>4881</v>
      </c>
      <c r="BA10" s="315">
        <v>2888</v>
      </c>
      <c r="BB10" s="315">
        <v>1153</v>
      </c>
      <c r="BC10" s="316">
        <v>28015</v>
      </c>
      <c r="BD10" s="317">
        <v>28015</v>
      </c>
      <c r="BE10" s="311">
        <v>0</v>
      </c>
      <c r="BF10" s="315">
        <v>0</v>
      </c>
      <c r="BG10" s="312">
        <v>0</v>
      </c>
      <c r="BH10" s="314">
        <v>0</v>
      </c>
      <c r="BI10" s="315">
        <v>1402</v>
      </c>
      <c r="BJ10" s="315">
        <v>1405</v>
      </c>
      <c r="BK10" s="315">
        <v>795</v>
      </c>
      <c r="BL10" s="315">
        <v>357</v>
      </c>
      <c r="BM10" s="315">
        <v>101</v>
      </c>
      <c r="BN10" s="312">
        <v>4060</v>
      </c>
      <c r="BO10" s="317">
        <v>4060</v>
      </c>
      <c r="BP10" s="311">
        <v>22</v>
      </c>
      <c r="BQ10" s="315">
        <v>7</v>
      </c>
      <c r="BR10" s="312">
        <v>29</v>
      </c>
      <c r="BS10" s="314">
        <v>0</v>
      </c>
      <c r="BT10" s="315">
        <v>1452</v>
      </c>
      <c r="BU10" s="315">
        <v>2054</v>
      </c>
      <c r="BV10" s="315">
        <v>2154</v>
      </c>
      <c r="BW10" s="315">
        <v>1408</v>
      </c>
      <c r="BX10" s="315">
        <v>1095</v>
      </c>
      <c r="BY10" s="312">
        <v>8163</v>
      </c>
      <c r="BZ10" s="317">
        <v>8192</v>
      </c>
      <c r="CA10" s="311">
        <v>0</v>
      </c>
      <c r="CB10" s="315">
        <v>0</v>
      </c>
      <c r="CC10" s="312">
        <v>0</v>
      </c>
      <c r="CD10" s="314">
        <v>0</v>
      </c>
      <c r="CE10" s="315">
        <v>23</v>
      </c>
      <c r="CF10" s="315">
        <v>109</v>
      </c>
      <c r="CG10" s="315">
        <v>109</v>
      </c>
      <c r="CH10" s="315">
        <v>79</v>
      </c>
      <c r="CI10" s="315">
        <v>36</v>
      </c>
      <c r="CJ10" s="312">
        <v>356</v>
      </c>
      <c r="CK10" s="317">
        <v>356</v>
      </c>
      <c r="CL10" s="311">
        <v>0</v>
      </c>
      <c r="CM10" s="315">
        <v>0</v>
      </c>
      <c r="CN10" s="312">
        <v>0</v>
      </c>
      <c r="CO10" s="314">
        <v>0</v>
      </c>
      <c r="CP10" s="315">
        <v>0</v>
      </c>
      <c r="CQ10" s="315">
        <v>0</v>
      </c>
      <c r="CR10" s="315">
        <v>0</v>
      </c>
      <c r="CS10" s="315">
        <v>0</v>
      </c>
      <c r="CT10" s="315">
        <v>0</v>
      </c>
      <c r="CU10" s="312">
        <v>0</v>
      </c>
      <c r="CV10" s="317">
        <v>0</v>
      </c>
      <c r="CW10" s="311">
        <v>0</v>
      </c>
      <c r="CX10" s="315">
        <v>0</v>
      </c>
      <c r="CY10" s="312">
        <v>0</v>
      </c>
      <c r="CZ10" s="314">
        <v>0</v>
      </c>
      <c r="DA10" s="315">
        <v>0</v>
      </c>
      <c r="DB10" s="315">
        <v>0</v>
      </c>
      <c r="DC10" s="315">
        <v>0</v>
      </c>
      <c r="DD10" s="315">
        <v>0</v>
      </c>
      <c r="DE10" s="315">
        <v>0</v>
      </c>
      <c r="DF10" s="312">
        <v>0</v>
      </c>
      <c r="DG10" s="317">
        <v>0</v>
      </c>
    </row>
    <row r="11" spans="1:111" ht="18.75" customHeight="1" x14ac:dyDescent="0.2">
      <c r="A11" s="296" t="s">
        <v>8</v>
      </c>
      <c r="B11" s="311">
        <v>0</v>
      </c>
      <c r="C11" s="315">
        <v>0</v>
      </c>
      <c r="D11" s="437">
        <v>0</v>
      </c>
      <c r="E11" s="314">
        <v>0</v>
      </c>
      <c r="F11" s="315">
        <v>6173</v>
      </c>
      <c r="G11" s="315">
        <v>10315</v>
      </c>
      <c r="H11" s="315">
        <v>12356</v>
      </c>
      <c r="I11" s="315">
        <v>12365</v>
      </c>
      <c r="J11" s="315">
        <v>13121</v>
      </c>
      <c r="K11" s="316">
        <v>54330</v>
      </c>
      <c r="L11" s="317">
        <v>54330</v>
      </c>
      <c r="M11" s="311">
        <v>0</v>
      </c>
      <c r="N11" s="315">
        <v>0</v>
      </c>
      <c r="O11" s="312">
        <v>0</v>
      </c>
      <c r="P11" s="314">
        <v>0</v>
      </c>
      <c r="Q11" s="315">
        <v>17</v>
      </c>
      <c r="R11" s="315">
        <v>67</v>
      </c>
      <c r="S11" s="315">
        <v>122</v>
      </c>
      <c r="T11" s="315">
        <v>236</v>
      </c>
      <c r="U11" s="315">
        <v>482</v>
      </c>
      <c r="V11" s="312">
        <v>924</v>
      </c>
      <c r="W11" s="317">
        <v>924</v>
      </c>
      <c r="X11" s="311">
        <v>240</v>
      </c>
      <c r="Y11" s="315">
        <v>394</v>
      </c>
      <c r="Z11" s="312">
        <v>634</v>
      </c>
      <c r="AA11" s="314">
        <v>0</v>
      </c>
      <c r="AB11" s="315">
        <v>1350</v>
      </c>
      <c r="AC11" s="315">
        <v>2245</v>
      </c>
      <c r="AD11" s="315">
        <v>1579</v>
      </c>
      <c r="AE11" s="315">
        <v>1363</v>
      </c>
      <c r="AF11" s="315">
        <v>1574</v>
      </c>
      <c r="AG11" s="312">
        <v>8111</v>
      </c>
      <c r="AH11" s="317">
        <v>8745</v>
      </c>
      <c r="AI11" s="311">
        <v>42</v>
      </c>
      <c r="AJ11" s="315">
        <v>135</v>
      </c>
      <c r="AK11" s="312">
        <v>177</v>
      </c>
      <c r="AL11" s="314">
        <v>0</v>
      </c>
      <c r="AM11" s="315">
        <v>486</v>
      </c>
      <c r="AN11" s="315">
        <v>884</v>
      </c>
      <c r="AO11" s="315">
        <v>571</v>
      </c>
      <c r="AP11" s="315">
        <v>383</v>
      </c>
      <c r="AQ11" s="315">
        <v>224</v>
      </c>
      <c r="AR11" s="312">
        <v>2548</v>
      </c>
      <c r="AS11" s="317">
        <v>2725</v>
      </c>
      <c r="AT11" s="311">
        <v>0</v>
      </c>
      <c r="AU11" s="315">
        <v>0</v>
      </c>
      <c r="AV11" s="312">
        <v>0</v>
      </c>
      <c r="AW11" s="314">
        <v>0</v>
      </c>
      <c r="AX11" s="315">
        <v>4463</v>
      </c>
      <c r="AY11" s="315">
        <v>4850</v>
      </c>
      <c r="AZ11" s="315">
        <v>3547</v>
      </c>
      <c r="BA11" s="315">
        <v>1848</v>
      </c>
      <c r="BB11" s="315">
        <v>1301</v>
      </c>
      <c r="BC11" s="316">
        <v>16009</v>
      </c>
      <c r="BD11" s="317">
        <v>16009</v>
      </c>
      <c r="BE11" s="311">
        <v>0</v>
      </c>
      <c r="BF11" s="315">
        <v>0</v>
      </c>
      <c r="BG11" s="312">
        <v>0</v>
      </c>
      <c r="BH11" s="314">
        <v>0</v>
      </c>
      <c r="BI11" s="315">
        <v>551</v>
      </c>
      <c r="BJ11" s="315">
        <v>875</v>
      </c>
      <c r="BK11" s="315">
        <v>404</v>
      </c>
      <c r="BL11" s="315">
        <v>321</v>
      </c>
      <c r="BM11" s="315">
        <v>72</v>
      </c>
      <c r="BN11" s="312">
        <v>2223</v>
      </c>
      <c r="BO11" s="317">
        <v>2223</v>
      </c>
      <c r="BP11" s="311">
        <v>0</v>
      </c>
      <c r="BQ11" s="315">
        <v>48</v>
      </c>
      <c r="BR11" s="312">
        <v>48</v>
      </c>
      <c r="BS11" s="314">
        <v>0</v>
      </c>
      <c r="BT11" s="315">
        <v>482</v>
      </c>
      <c r="BU11" s="315">
        <v>1165</v>
      </c>
      <c r="BV11" s="315">
        <v>2329</v>
      </c>
      <c r="BW11" s="315">
        <v>1295</v>
      </c>
      <c r="BX11" s="315">
        <v>807</v>
      </c>
      <c r="BY11" s="312">
        <v>6078</v>
      </c>
      <c r="BZ11" s="317">
        <v>6126</v>
      </c>
      <c r="CA11" s="311">
        <v>0</v>
      </c>
      <c r="CB11" s="315">
        <v>0</v>
      </c>
      <c r="CC11" s="312">
        <v>0</v>
      </c>
      <c r="CD11" s="314">
        <v>0</v>
      </c>
      <c r="CE11" s="315">
        <v>3</v>
      </c>
      <c r="CF11" s="315">
        <v>15</v>
      </c>
      <c r="CG11" s="315">
        <v>69</v>
      </c>
      <c r="CH11" s="315">
        <v>0</v>
      </c>
      <c r="CI11" s="315">
        <v>3</v>
      </c>
      <c r="CJ11" s="312">
        <v>90</v>
      </c>
      <c r="CK11" s="317">
        <v>90</v>
      </c>
      <c r="CL11" s="311">
        <v>0</v>
      </c>
      <c r="CM11" s="315">
        <v>0</v>
      </c>
      <c r="CN11" s="312">
        <v>0</v>
      </c>
      <c r="CO11" s="314">
        <v>0</v>
      </c>
      <c r="CP11" s="315">
        <v>0</v>
      </c>
      <c r="CQ11" s="315">
        <v>0</v>
      </c>
      <c r="CR11" s="315">
        <v>0</v>
      </c>
      <c r="CS11" s="315">
        <v>0</v>
      </c>
      <c r="CT11" s="315">
        <v>0</v>
      </c>
      <c r="CU11" s="312">
        <v>0</v>
      </c>
      <c r="CV11" s="317">
        <v>0</v>
      </c>
      <c r="CW11" s="311">
        <v>0</v>
      </c>
      <c r="CX11" s="315">
        <v>0</v>
      </c>
      <c r="CY11" s="312">
        <v>0</v>
      </c>
      <c r="CZ11" s="314">
        <v>0</v>
      </c>
      <c r="DA11" s="315">
        <v>0</v>
      </c>
      <c r="DB11" s="315">
        <v>0</v>
      </c>
      <c r="DC11" s="315">
        <v>0</v>
      </c>
      <c r="DD11" s="315">
        <v>0</v>
      </c>
      <c r="DE11" s="315">
        <v>0</v>
      </c>
      <c r="DF11" s="312">
        <v>0</v>
      </c>
      <c r="DG11" s="317">
        <v>0</v>
      </c>
    </row>
    <row r="12" spans="1:111" ht="18.75" customHeight="1" x14ac:dyDescent="0.2">
      <c r="A12" s="296" t="s">
        <v>9</v>
      </c>
      <c r="B12" s="311">
        <v>0</v>
      </c>
      <c r="C12" s="315">
        <v>0</v>
      </c>
      <c r="D12" s="437">
        <v>0</v>
      </c>
      <c r="E12" s="314">
        <v>0</v>
      </c>
      <c r="F12" s="315">
        <v>5455</v>
      </c>
      <c r="G12" s="315">
        <v>7512</v>
      </c>
      <c r="H12" s="315">
        <v>9600</v>
      </c>
      <c r="I12" s="315">
        <v>15287</v>
      </c>
      <c r="J12" s="315">
        <v>13314</v>
      </c>
      <c r="K12" s="316">
        <v>51168</v>
      </c>
      <c r="L12" s="317">
        <v>51168</v>
      </c>
      <c r="M12" s="311">
        <v>0</v>
      </c>
      <c r="N12" s="315">
        <v>0</v>
      </c>
      <c r="O12" s="312">
        <v>0</v>
      </c>
      <c r="P12" s="314">
        <v>0</v>
      </c>
      <c r="Q12" s="315">
        <v>36</v>
      </c>
      <c r="R12" s="315">
        <v>39</v>
      </c>
      <c r="S12" s="315">
        <v>84</v>
      </c>
      <c r="T12" s="315">
        <v>235</v>
      </c>
      <c r="U12" s="315">
        <v>504</v>
      </c>
      <c r="V12" s="312">
        <v>898</v>
      </c>
      <c r="W12" s="317">
        <v>898</v>
      </c>
      <c r="X12" s="311">
        <v>151</v>
      </c>
      <c r="Y12" s="315">
        <v>389</v>
      </c>
      <c r="Z12" s="312">
        <v>540</v>
      </c>
      <c r="AA12" s="314">
        <v>0</v>
      </c>
      <c r="AB12" s="315">
        <v>2819</v>
      </c>
      <c r="AC12" s="315">
        <v>2491</v>
      </c>
      <c r="AD12" s="315">
        <v>1906</v>
      </c>
      <c r="AE12" s="315">
        <v>2166</v>
      </c>
      <c r="AF12" s="315">
        <v>1816</v>
      </c>
      <c r="AG12" s="312">
        <v>11198</v>
      </c>
      <c r="AH12" s="317">
        <v>11738</v>
      </c>
      <c r="AI12" s="311">
        <v>47</v>
      </c>
      <c r="AJ12" s="315">
        <v>143</v>
      </c>
      <c r="AK12" s="312">
        <v>190</v>
      </c>
      <c r="AL12" s="314">
        <v>0</v>
      </c>
      <c r="AM12" s="315">
        <v>482</v>
      </c>
      <c r="AN12" s="315">
        <v>529</v>
      </c>
      <c r="AO12" s="315">
        <v>517</v>
      </c>
      <c r="AP12" s="315">
        <v>520</v>
      </c>
      <c r="AQ12" s="315">
        <v>481</v>
      </c>
      <c r="AR12" s="312">
        <v>2529</v>
      </c>
      <c r="AS12" s="317">
        <v>2719</v>
      </c>
      <c r="AT12" s="311">
        <v>0</v>
      </c>
      <c r="AU12" s="315">
        <v>0</v>
      </c>
      <c r="AV12" s="312">
        <v>0</v>
      </c>
      <c r="AW12" s="314">
        <v>0</v>
      </c>
      <c r="AX12" s="315">
        <v>3724</v>
      </c>
      <c r="AY12" s="315">
        <v>2902</v>
      </c>
      <c r="AZ12" s="315">
        <v>2061</v>
      </c>
      <c r="BA12" s="315">
        <v>1290</v>
      </c>
      <c r="BB12" s="315">
        <v>539</v>
      </c>
      <c r="BC12" s="316">
        <v>10516</v>
      </c>
      <c r="BD12" s="317">
        <v>10516</v>
      </c>
      <c r="BE12" s="311">
        <v>0</v>
      </c>
      <c r="BF12" s="315">
        <v>0</v>
      </c>
      <c r="BG12" s="312">
        <v>0</v>
      </c>
      <c r="BH12" s="314">
        <v>0</v>
      </c>
      <c r="BI12" s="315">
        <v>733</v>
      </c>
      <c r="BJ12" s="315">
        <v>739</v>
      </c>
      <c r="BK12" s="315">
        <v>434</v>
      </c>
      <c r="BL12" s="315">
        <v>465</v>
      </c>
      <c r="BM12" s="315">
        <v>99</v>
      </c>
      <c r="BN12" s="312">
        <v>2470</v>
      </c>
      <c r="BO12" s="317">
        <v>2470</v>
      </c>
      <c r="BP12" s="311">
        <v>10</v>
      </c>
      <c r="BQ12" s="315">
        <v>6</v>
      </c>
      <c r="BR12" s="312">
        <v>16</v>
      </c>
      <c r="BS12" s="314">
        <v>0</v>
      </c>
      <c r="BT12" s="315">
        <v>326</v>
      </c>
      <c r="BU12" s="315">
        <v>715</v>
      </c>
      <c r="BV12" s="315">
        <v>1394</v>
      </c>
      <c r="BW12" s="315">
        <v>1308</v>
      </c>
      <c r="BX12" s="315">
        <v>602</v>
      </c>
      <c r="BY12" s="312">
        <v>4345</v>
      </c>
      <c r="BZ12" s="317">
        <v>4361</v>
      </c>
      <c r="CA12" s="311">
        <v>0</v>
      </c>
      <c r="CB12" s="315">
        <v>0</v>
      </c>
      <c r="CC12" s="312">
        <v>0</v>
      </c>
      <c r="CD12" s="314">
        <v>0</v>
      </c>
      <c r="CE12" s="315">
        <v>28</v>
      </c>
      <c r="CF12" s="315">
        <v>127</v>
      </c>
      <c r="CG12" s="315">
        <v>213</v>
      </c>
      <c r="CH12" s="315">
        <v>123</v>
      </c>
      <c r="CI12" s="315">
        <v>50</v>
      </c>
      <c r="CJ12" s="312">
        <v>541</v>
      </c>
      <c r="CK12" s="317">
        <v>541</v>
      </c>
      <c r="CL12" s="311">
        <v>0</v>
      </c>
      <c r="CM12" s="315">
        <v>0</v>
      </c>
      <c r="CN12" s="312">
        <v>0</v>
      </c>
      <c r="CO12" s="314">
        <v>0</v>
      </c>
      <c r="CP12" s="315">
        <v>0</v>
      </c>
      <c r="CQ12" s="315">
        <v>0</v>
      </c>
      <c r="CR12" s="315">
        <v>0</v>
      </c>
      <c r="CS12" s="315">
        <v>0</v>
      </c>
      <c r="CT12" s="315">
        <v>0</v>
      </c>
      <c r="CU12" s="312">
        <v>0</v>
      </c>
      <c r="CV12" s="317">
        <v>0</v>
      </c>
      <c r="CW12" s="311">
        <v>0</v>
      </c>
      <c r="CX12" s="315">
        <v>0</v>
      </c>
      <c r="CY12" s="312">
        <v>0</v>
      </c>
      <c r="CZ12" s="314">
        <v>0</v>
      </c>
      <c r="DA12" s="315">
        <v>0</v>
      </c>
      <c r="DB12" s="315">
        <v>0</v>
      </c>
      <c r="DC12" s="315">
        <v>0</v>
      </c>
      <c r="DD12" s="315">
        <v>0</v>
      </c>
      <c r="DE12" s="315">
        <v>0</v>
      </c>
      <c r="DF12" s="312">
        <v>0</v>
      </c>
      <c r="DG12" s="317">
        <v>0</v>
      </c>
    </row>
    <row r="13" spans="1:111" ht="18.75" customHeight="1" x14ac:dyDescent="0.2">
      <c r="A13" s="296" t="s">
        <v>10</v>
      </c>
      <c r="B13" s="311">
        <v>0</v>
      </c>
      <c r="C13" s="315">
        <v>0</v>
      </c>
      <c r="D13" s="437">
        <v>0</v>
      </c>
      <c r="E13" s="314">
        <v>0</v>
      </c>
      <c r="F13" s="315">
        <v>15836</v>
      </c>
      <c r="G13" s="315">
        <v>12896</v>
      </c>
      <c r="H13" s="315">
        <v>15706</v>
      </c>
      <c r="I13" s="315">
        <v>19595</v>
      </c>
      <c r="J13" s="315">
        <v>19611</v>
      </c>
      <c r="K13" s="316">
        <v>83644</v>
      </c>
      <c r="L13" s="317">
        <v>83644</v>
      </c>
      <c r="M13" s="311">
        <v>0</v>
      </c>
      <c r="N13" s="315">
        <v>0</v>
      </c>
      <c r="O13" s="312">
        <v>0</v>
      </c>
      <c r="P13" s="314">
        <v>0</v>
      </c>
      <c r="Q13" s="315">
        <v>48</v>
      </c>
      <c r="R13" s="315">
        <v>103</v>
      </c>
      <c r="S13" s="315">
        <v>133</v>
      </c>
      <c r="T13" s="315">
        <v>404</v>
      </c>
      <c r="U13" s="315">
        <v>714</v>
      </c>
      <c r="V13" s="312">
        <v>1402</v>
      </c>
      <c r="W13" s="317">
        <v>1402</v>
      </c>
      <c r="X13" s="311">
        <v>804</v>
      </c>
      <c r="Y13" s="315">
        <v>1983</v>
      </c>
      <c r="Z13" s="312">
        <v>2787</v>
      </c>
      <c r="AA13" s="314">
        <v>0</v>
      </c>
      <c r="AB13" s="315">
        <v>6185</v>
      </c>
      <c r="AC13" s="315">
        <v>4393</v>
      </c>
      <c r="AD13" s="315">
        <v>2733</v>
      </c>
      <c r="AE13" s="315">
        <v>2632</v>
      </c>
      <c r="AF13" s="315">
        <v>2652</v>
      </c>
      <c r="AG13" s="312">
        <v>18595</v>
      </c>
      <c r="AH13" s="317">
        <v>21382</v>
      </c>
      <c r="AI13" s="311">
        <v>153</v>
      </c>
      <c r="AJ13" s="315">
        <v>390</v>
      </c>
      <c r="AK13" s="312">
        <v>543</v>
      </c>
      <c r="AL13" s="314">
        <v>0</v>
      </c>
      <c r="AM13" s="315">
        <v>966</v>
      </c>
      <c r="AN13" s="315">
        <v>899</v>
      </c>
      <c r="AO13" s="315">
        <v>592</v>
      </c>
      <c r="AP13" s="315">
        <v>576</v>
      </c>
      <c r="AQ13" s="315">
        <v>426</v>
      </c>
      <c r="AR13" s="312">
        <v>3459</v>
      </c>
      <c r="AS13" s="317">
        <v>4002</v>
      </c>
      <c r="AT13" s="311">
        <v>0</v>
      </c>
      <c r="AU13" s="315">
        <v>0</v>
      </c>
      <c r="AV13" s="312">
        <v>0</v>
      </c>
      <c r="AW13" s="314">
        <v>0</v>
      </c>
      <c r="AX13" s="315">
        <v>10922</v>
      </c>
      <c r="AY13" s="315">
        <v>6601</v>
      </c>
      <c r="AZ13" s="315">
        <v>4186</v>
      </c>
      <c r="BA13" s="315">
        <v>2230</v>
      </c>
      <c r="BB13" s="315">
        <v>1128</v>
      </c>
      <c r="BC13" s="316">
        <v>25067</v>
      </c>
      <c r="BD13" s="317">
        <v>25067</v>
      </c>
      <c r="BE13" s="311">
        <v>0</v>
      </c>
      <c r="BF13" s="315">
        <v>0</v>
      </c>
      <c r="BG13" s="312">
        <v>0</v>
      </c>
      <c r="BH13" s="314">
        <v>0</v>
      </c>
      <c r="BI13" s="315">
        <v>1330</v>
      </c>
      <c r="BJ13" s="315">
        <v>960</v>
      </c>
      <c r="BK13" s="315">
        <v>493</v>
      </c>
      <c r="BL13" s="315">
        <v>370</v>
      </c>
      <c r="BM13" s="315">
        <v>85</v>
      </c>
      <c r="BN13" s="312">
        <v>3238</v>
      </c>
      <c r="BO13" s="317">
        <v>3238</v>
      </c>
      <c r="BP13" s="311">
        <v>37</v>
      </c>
      <c r="BQ13" s="315">
        <v>128</v>
      </c>
      <c r="BR13" s="312">
        <v>165</v>
      </c>
      <c r="BS13" s="314">
        <v>0</v>
      </c>
      <c r="BT13" s="315">
        <v>1234</v>
      </c>
      <c r="BU13" s="315">
        <v>1164</v>
      </c>
      <c r="BV13" s="315">
        <v>2238</v>
      </c>
      <c r="BW13" s="315">
        <v>1487</v>
      </c>
      <c r="BX13" s="315">
        <v>808</v>
      </c>
      <c r="BY13" s="312">
        <v>6931</v>
      </c>
      <c r="BZ13" s="317">
        <v>7096</v>
      </c>
      <c r="CA13" s="311">
        <v>0</v>
      </c>
      <c r="CB13" s="315">
        <v>8</v>
      </c>
      <c r="CC13" s="312">
        <v>8</v>
      </c>
      <c r="CD13" s="314">
        <v>0</v>
      </c>
      <c r="CE13" s="315">
        <v>17</v>
      </c>
      <c r="CF13" s="315">
        <v>95</v>
      </c>
      <c r="CG13" s="315">
        <v>76</v>
      </c>
      <c r="CH13" s="315">
        <v>62</v>
      </c>
      <c r="CI13" s="315">
        <v>18</v>
      </c>
      <c r="CJ13" s="312">
        <v>268</v>
      </c>
      <c r="CK13" s="317">
        <v>276</v>
      </c>
      <c r="CL13" s="311">
        <v>0</v>
      </c>
      <c r="CM13" s="315">
        <v>0</v>
      </c>
      <c r="CN13" s="312">
        <v>0</v>
      </c>
      <c r="CO13" s="314">
        <v>0</v>
      </c>
      <c r="CP13" s="315">
        <v>0</v>
      </c>
      <c r="CQ13" s="315">
        <v>0</v>
      </c>
      <c r="CR13" s="315">
        <v>0</v>
      </c>
      <c r="CS13" s="315">
        <v>0</v>
      </c>
      <c r="CT13" s="315">
        <v>0</v>
      </c>
      <c r="CU13" s="312">
        <v>0</v>
      </c>
      <c r="CV13" s="317">
        <v>0</v>
      </c>
      <c r="CW13" s="311">
        <v>0</v>
      </c>
      <c r="CX13" s="315">
        <v>0</v>
      </c>
      <c r="CY13" s="312">
        <v>0</v>
      </c>
      <c r="CZ13" s="314">
        <v>0</v>
      </c>
      <c r="DA13" s="315">
        <v>0</v>
      </c>
      <c r="DB13" s="315">
        <v>0</v>
      </c>
      <c r="DC13" s="315">
        <v>0</v>
      </c>
      <c r="DD13" s="315">
        <v>0</v>
      </c>
      <c r="DE13" s="315">
        <v>0</v>
      </c>
      <c r="DF13" s="312">
        <v>0</v>
      </c>
      <c r="DG13" s="317">
        <v>0</v>
      </c>
    </row>
    <row r="14" spans="1:111" ht="18.75" customHeight="1" x14ac:dyDescent="0.2">
      <c r="A14" s="296" t="s">
        <v>11</v>
      </c>
      <c r="B14" s="311">
        <v>0</v>
      </c>
      <c r="C14" s="315">
        <v>0</v>
      </c>
      <c r="D14" s="437">
        <v>0</v>
      </c>
      <c r="E14" s="314">
        <v>0</v>
      </c>
      <c r="F14" s="315">
        <v>5597</v>
      </c>
      <c r="G14" s="315">
        <v>6649</v>
      </c>
      <c r="H14" s="315">
        <v>7742</v>
      </c>
      <c r="I14" s="315">
        <v>8376</v>
      </c>
      <c r="J14" s="315">
        <v>8440</v>
      </c>
      <c r="K14" s="316">
        <v>36804</v>
      </c>
      <c r="L14" s="317">
        <v>36804</v>
      </c>
      <c r="M14" s="311">
        <v>0</v>
      </c>
      <c r="N14" s="315">
        <v>4</v>
      </c>
      <c r="O14" s="312">
        <v>4</v>
      </c>
      <c r="P14" s="314">
        <v>0</v>
      </c>
      <c r="Q14" s="315">
        <v>14</v>
      </c>
      <c r="R14" s="315">
        <v>50</v>
      </c>
      <c r="S14" s="315">
        <v>113</v>
      </c>
      <c r="T14" s="315">
        <v>190</v>
      </c>
      <c r="U14" s="315">
        <v>310</v>
      </c>
      <c r="V14" s="312">
        <v>677</v>
      </c>
      <c r="W14" s="317">
        <v>681</v>
      </c>
      <c r="X14" s="311">
        <v>202</v>
      </c>
      <c r="Y14" s="315">
        <v>416</v>
      </c>
      <c r="Z14" s="312">
        <v>618</v>
      </c>
      <c r="AA14" s="314">
        <v>0</v>
      </c>
      <c r="AB14" s="315">
        <v>2242</v>
      </c>
      <c r="AC14" s="315">
        <v>1666</v>
      </c>
      <c r="AD14" s="315">
        <v>1770</v>
      </c>
      <c r="AE14" s="315">
        <v>1384</v>
      </c>
      <c r="AF14" s="315">
        <v>1389</v>
      </c>
      <c r="AG14" s="312">
        <v>8451</v>
      </c>
      <c r="AH14" s="317">
        <v>9069</v>
      </c>
      <c r="AI14" s="311">
        <v>45</v>
      </c>
      <c r="AJ14" s="315">
        <v>94</v>
      </c>
      <c r="AK14" s="312">
        <v>139</v>
      </c>
      <c r="AL14" s="314">
        <v>0</v>
      </c>
      <c r="AM14" s="315">
        <v>441</v>
      </c>
      <c r="AN14" s="315">
        <v>303</v>
      </c>
      <c r="AO14" s="315">
        <v>266</v>
      </c>
      <c r="AP14" s="315">
        <v>281</v>
      </c>
      <c r="AQ14" s="315">
        <v>53</v>
      </c>
      <c r="AR14" s="312">
        <v>1344</v>
      </c>
      <c r="AS14" s="317">
        <v>1483</v>
      </c>
      <c r="AT14" s="311">
        <v>0</v>
      </c>
      <c r="AU14" s="315">
        <v>0</v>
      </c>
      <c r="AV14" s="312">
        <v>0</v>
      </c>
      <c r="AW14" s="314">
        <v>0</v>
      </c>
      <c r="AX14" s="315">
        <v>5761</v>
      </c>
      <c r="AY14" s="315">
        <v>3605</v>
      </c>
      <c r="AZ14" s="315">
        <v>2550</v>
      </c>
      <c r="BA14" s="315">
        <v>1658</v>
      </c>
      <c r="BB14" s="315">
        <v>855</v>
      </c>
      <c r="BC14" s="316">
        <v>14429</v>
      </c>
      <c r="BD14" s="317">
        <v>14429</v>
      </c>
      <c r="BE14" s="311">
        <v>0</v>
      </c>
      <c r="BF14" s="315">
        <v>0</v>
      </c>
      <c r="BG14" s="312">
        <v>0</v>
      </c>
      <c r="BH14" s="314">
        <v>0</v>
      </c>
      <c r="BI14" s="315">
        <v>1042</v>
      </c>
      <c r="BJ14" s="315">
        <v>638</v>
      </c>
      <c r="BK14" s="315">
        <v>433</v>
      </c>
      <c r="BL14" s="315">
        <v>391</v>
      </c>
      <c r="BM14" s="315">
        <v>106</v>
      </c>
      <c r="BN14" s="312">
        <v>2610</v>
      </c>
      <c r="BO14" s="317">
        <v>2610</v>
      </c>
      <c r="BP14" s="311">
        <v>8</v>
      </c>
      <c r="BQ14" s="315">
        <v>55</v>
      </c>
      <c r="BR14" s="312">
        <v>63</v>
      </c>
      <c r="BS14" s="314">
        <v>0</v>
      </c>
      <c r="BT14" s="315">
        <v>450</v>
      </c>
      <c r="BU14" s="315">
        <v>481</v>
      </c>
      <c r="BV14" s="315">
        <v>905</v>
      </c>
      <c r="BW14" s="315">
        <v>820</v>
      </c>
      <c r="BX14" s="315">
        <v>290</v>
      </c>
      <c r="BY14" s="312">
        <v>2946</v>
      </c>
      <c r="BZ14" s="317">
        <v>3009</v>
      </c>
      <c r="CA14" s="311">
        <v>0</v>
      </c>
      <c r="CB14" s="315">
        <v>0</v>
      </c>
      <c r="CC14" s="312">
        <v>0</v>
      </c>
      <c r="CD14" s="314">
        <v>0</v>
      </c>
      <c r="CE14" s="315">
        <v>21</v>
      </c>
      <c r="CF14" s="315">
        <v>30</v>
      </c>
      <c r="CG14" s="315">
        <v>49</v>
      </c>
      <c r="CH14" s="315">
        <v>78</v>
      </c>
      <c r="CI14" s="315">
        <v>60</v>
      </c>
      <c r="CJ14" s="312">
        <v>238</v>
      </c>
      <c r="CK14" s="317">
        <v>238</v>
      </c>
      <c r="CL14" s="311">
        <v>0</v>
      </c>
      <c r="CM14" s="315">
        <v>0</v>
      </c>
      <c r="CN14" s="312">
        <v>0</v>
      </c>
      <c r="CO14" s="314">
        <v>0</v>
      </c>
      <c r="CP14" s="315">
        <v>0</v>
      </c>
      <c r="CQ14" s="315">
        <v>0</v>
      </c>
      <c r="CR14" s="315">
        <v>0</v>
      </c>
      <c r="CS14" s="315">
        <v>0</v>
      </c>
      <c r="CT14" s="315">
        <v>0</v>
      </c>
      <c r="CU14" s="312">
        <v>0</v>
      </c>
      <c r="CV14" s="317">
        <v>0</v>
      </c>
      <c r="CW14" s="311">
        <v>0</v>
      </c>
      <c r="CX14" s="315">
        <v>0</v>
      </c>
      <c r="CY14" s="312">
        <v>0</v>
      </c>
      <c r="CZ14" s="314">
        <v>0</v>
      </c>
      <c r="DA14" s="315">
        <v>0</v>
      </c>
      <c r="DB14" s="315">
        <v>0</v>
      </c>
      <c r="DC14" s="315">
        <v>0</v>
      </c>
      <c r="DD14" s="315">
        <v>0</v>
      </c>
      <c r="DE14" s="315">
        <v>0</v>
      </c>
      <c r="DF14" s="312">
        <v>0</v>
      </c>
      <c r="DG14" s="317">
        <v>0</v>
      </c>
    </row>
    <row r="15" spans="1:111" ht="18.75" customHeight="1" x14ac:dyDescent="0.2">
      <c r="A15" s="296" t="s">
        <v>12</v>
      </c>
      <c r="B15" s="311">
        <v>0</v>
      </c>
      <c r="C15" s="315">
        <v>0</v>
      </c>
      <c r="D15" s="437">
        <v>0</v>
      </c>
      <c r="E15" s="314">
        <v>0</v>
      </c>
      <c r="F15" s="315">
        <v>5361</v>
      </c>
      <c r="G15" s="315">
        <v>7194</v>
      </c>
      <c r="H15" s="315">
        <v>6969</v>
      </c>
      <c r="I15" s="315">
        <v>10476</v>
      </c>
      <c r="J15" s="315">
        <v>10850</v>
      </c>
      <c r="K15" s="316">
        <v>40850</v>
      </c>
      <c r="L15" s="317">
        <v>40850</v>
      </c>
      <c r="M15" s="311">
        <v>0</v>
      </c>
      <c r="N15" s="315">
        <v>17</v>
      </c>
      <c r="O15" s="312">
        <v>17</v>
      </c>
      <c r="P15" s="314">
        <v>0</v>
      </c>
      <c r="Q15" s="315">
        <v>8</v>
      </c>
      <c r="R15" s="315">
        <v>94</v>
      </c>
      <c r="S15" s="315">
        <v>110</v>
      </c>
      <c r="T15" s="315">
        <v>240</v>
      </c>
      <c r="U15" s="315">
        <v>371</v>
      </c>
      <c r="V15" s="312">
        <v>823</v>
      </c>
      <c r="W15" s="317">
        <v>840</v>
      </c>
      <c r="X15" s="311">
        <v>387</v>
      </c>
      <c r="Y15" s="315">
        <v>975</v>
      </c>
      <c r="Z15" s="312">
        <v>1362</v>
      </c>
      <c r="AA15" s="314">
        <v>0</v>
      </c>
      <c r="AB15" s="315">
        <v>1571</v>
      </c>
      <c r="AC15" s="315">
        <v>1776</v>
      </c>
      <c r="AD15" s="315">
        <v>1330</v>
      </c>
      <c r="AE15" s="315">
        <v>1525</v>
      </c>
      <c r="AF15" s="315">
        <v>1242</v>
      </c>
      <c r="AG15" s="312">
        <v>7444</v>
      </c>
      <c r="AH15" s="317">
        <v>8806</v>
      </c>
      <c r="AI15" s="311">
        <v>16</v>
      </c>
      <c r="AJ15" s="315">
        <v>190</v>
      </c>
      <c r="AK15" s="312">
        <v>206</v>
      </c>
      <c r="AL15" s="314">
        <v>0</v>
      </c>
      <c r="AM15" s="315">
        <v>126</v>
      </c>
      <c r="AN15" s="315">
        <v>425</v>
      </c>
      <c r="AO15" s="315">
        <v>260</v>
      </c>
      <c r="AP15" s="315">
        <v>246</v>
      </c>
      <c r="AQ15" s="315">
        <v>171</v>
      </c>
      <c r="AR15" s="312">
        <v>1228</v>
      </c>
      <c r="AS15" s="317">
        <v>1434</v>
      </c>
      <c r="AT15" s="311">
        <v>0</v>
      </c>
      <c r="AU15" s="315">
        <v>0</v>
      </c>
      <c r="AV15" s="312">
        <v>0</v>
      </c>
      <c r="AW15" s="314">
        <v>0</v>
      </c>
      <c r="AX15" s="315">
        <v>4625</v>
      </c>
      <c r="AY15" s="315">
        <v>3208</v>
      </c>
      <c r="AZ15" s="315">
        <v>2728</v>
      </c>
      <c r="BA15" s="315">
        <v>1860</v>
      </c>
      <c r="BB15" s="315">
        <v>817</v>
      </c>
      <c r="BC15" s="316">
        <v>13238</v>
      </c>
      <c r="BD15" s="317">
        <v>13238</v>
      </c>
      <c r="BE15" s="311">
        <v>0</v>
      </c>
      <c r="BF15" s="315">
        <v>0</v>
      </c>
      <c r="BG15" s="312">
        <v>0</v>
      </c>
      <c r="BH15" s="314">
        <v>0</v>
      </c>
      <c r="BI15" s="315">
        <v>681</v>
      </c>
      <c r="BJ15" s="315">
        <v>923</v>
      </c>
      <c r="BK15" s="315">
        <v>737</v>
      </c>
      <c r="BL15" s="315">
        <v>455</v>
      </c>
      <c r="BM15" s="315">
        <v>229</v>
      </c>
      <c r="BN15" s="312">
        <v>3025</v>
      </c>
      <c r="BO15" s="317">
        <v>3025</v>
      </c>
      <c r="BP15" s="311">
        <v>3</v>
      </c>
      <c r="BQ15" s="315">
        <v>34</v>
      </c>
      <c r="BR15" s="312">
        <v>37</v>
      </c>
      <c r="BS15" s="314">
        <v>0</v>
      </c>
      <c r="BT15" s="315">
        <v>398</v>
      </c>
      <c r="BU15" s="315">
        <v>747</v>
      </c>
      <c r="BV15" s="315">
        <v>1333</v>
      </c>
      <c r="BW15" s="315">
        <v>959</v>
      </c>
      <c r="BX15" s="315">
        <v>460</v>
      </c>
      <c r="BY15" s="312">
        <v>3897</v>
      </c>
      <c r="BZ15" s="317">
        <v>3934</v>
      </c>
      <c r="CA15" s="311">
        <v>0</v>
      </c>
      <c r="CB15" s="315">
        <v>0</v>
      </c>
      <c r="CC15" s="312">
        <v>0</v>
      </c>
      <c r="CD15" s="314">
        <v>0</v>
      </c>
      <c r="CE15" s="315">
        <v>3</v>
      </c>
      <c r="CF15" s="315">
        <v>11</v>
      </c>
      <c r="CG15" s="315">
        <v>19</v>
      </c>
      <c r="CH15" s="315">
        <v>26</v>
      </c>
      <c r="CI15" s="315">
        <v>4</v>
      </c>
      <c r="CJ15" s="312">
        <v>63</v>
      </c>
      <c r="CK15" s="317">
        <v>63</v>
      </c>
      <c r="CL15" s="311">
        <v>0</v>
      </c>
      <c r="CM15" s="315">
        <v>0</v>
      </c>
      <c r="CN15" s="312">
        <v>0</v>
      </c>
      <c r="CO15" s="314">
        <v>0</v>
      </c>
      <c r="CP15" s="315">
        <v>0</v>
      </c>
      <c r="CQ15" s="315">
        <v>0</v>
      </c>
      <c r="CR15" s="315">
        <v>0</v>
      </c>
      <c r="CS15" s="315">
        <v>0</v>
      </c>
      <c r="CT15" s="315">
        <v>0</v>
      </c>
      <c r="CU15" s="312">
        <v>0</v>
      </c>
      <c r="CV15" s="317">
        <v>0</v>
      </c>
      <c r="CW15" s="311">
        <v>0</v>
      </c>
      <c r="CX15" s="315">
        <v>0</v>
      </c>
      <c r="CY15" s="312">
        <v>0</v>
      </c>
      <c r="CZ15" s="314">
        <v>0</v>
      </c>
      <c r="DA15" s="315">
        <v>0</v>
      </c>
      <c r="DB15" s="315">
        <v>0</v>
      </c>
      <c r="DC15" s="315">
        <v>0</v>
      </c>
      <c r="DD15" s="315">
        <v>0</v>
      </c>
      <c r="DE15" s="315">
        <v>0</v>
      </c>
      <c r="DF15" s="312">
        <v>0</v>
      </c>
      <c r="DG15" s="317">
        <v>0</v>
      </c>
    </row>
    <row r="16" spans="1:111" ht="18.75" customHeight="1" x14ac:dyDescent="0.2">
      <c r="A16" s="296" t="s">
        <v>13</v>
      </c>
      <c r="B16" s="311">
        <v>0</v>
      </c>
      <c r="C16" s="315">
        <v>0</v>
      </c>
      <c r="D16" s="437">
        <v>0</v>
      </c>
      <c r="E16" s="314">
        <v>0</v>
      </c>
      <c r="F16" s="315">
        <v>1983</v>
      </c>
      <c r="G16" s="315">
        <v>3491</v>
      </c>
      <c r="H16" s="315">
        <v>3590</v>
      </c>
      <c r="I16" s="315">
        <v>3923</v>
      </c>
      <c r="J16" s="315">
        <v>5401</v>
      </c>
      <c r="K16" s="316">
        <v>18388</v>
      </c>
      <c r="L16" s="317">
        <v>18388</v>
      </c>
      <c r="M16" s="311">
        <v>3</v>
      </c>
      <c r="N16" s="315">
        <v>0</v>
      </c>
      <c r="O16" s="312">
        <v>3</v>
      </c>
      <c r="P16" s="314">
        <v>0</v>
      </c>
      <c r="Q16" s="315">
        <v>0</v>
      </c>
      <c r="R16" s="315">
        <v>18</v>
      </c>
      <c r="S16" s="315">
        <v>18</v>
      </c>
      <c r="T16" s="315">
        <v>63</v>
      </c>
      <c r="U16" s="315">
        <v>148</v>
      </c>
      <c r="V16" s="312">
        <v>247</v>
      </c>
      <c r="W16" s="317">
        <v>250</v>
      </c>
      <c r="X16" s="311">
        <v>29</v>
      </c>
      <c r="Y16" s="315">
        <v>156</v>
      </c>
      <c r="Z16" s="312">
        <v>185</v>
      </c>
      <c r="AA16" s="314">
        <v>0</v>
      </c>
      <c r="AB16" s="315">
        <v>681</v>
      </c>
      <c r="AC16" s="315">
        <v>1104</v>
      </c>
      <c r="AD16" s="315">
        <v>722</v>
      </c>
      <c r="AE16" s="315">
        <v>664</v>
      </c>
      <c r="AF16" s="315">
        <v>703</v>
      </c>
      <c r="AG16" s="312">
        <v>3874</v>
      </c>
      <c r="AH16" s="317">
        <v>4059</v>
      </c>
      <c r="AI16" s="311">
        <v>26</v>
      </c>
      <c r="AJ16" s="315">
        <v>35</v>
      </c>
      <c r="AK16" s="312">
        <v>61</v>
      </c>
      <c r="AL16" s="314">
        <v>0</v>
      </c>
      <c r="AM16" s="315">
        <v>144</v>
      </c>
      <c r="AN16" s="315">
        <v>208</v>
      </c>
      <c r="AO16" s="315">
        <v>57</v>
      </c>
      <c r="AP16" s="315">
        <v>127</v>
      </c>
      <c r="AQ16" s="315">
        <v>39</v>
      </c>
      <c r="AR16" s="312">
        <v>575</v>
      </c>
      <c r="AS16" s="317">
        <v>636</v>
      </c>
      <c r="AT16" s="311">
        <v>0</v>
      </c>
      <c r="AU16" s="315">
        <v>0</v>
      </c>
      <c r="AV16" s="312">
        <v>0</v>
      </c>
      <c r="AW16" s="314">
        <v>0</v>
      </c>
      <c r="AX16" s="315">
        <v>1118</v>
      </c>
      <c r="AY16" s="315">
        <v>1334</v>
      </c>
      <c r="AZ16" s="315">
        <v>915</v>
      </c>
      <c r="BA16" s="315">
        <v>495</v>
      </c>
      <c r="BB16" s="315">
        <v>274</v>
      </c>
      <c r="BC16" s="316">
        <v>4136</v>
      </c>
      <c r="BD16" s="317">
        <v>4136</v>
      </c>
      <c r="BE16" s="311">
        <v>0</v>
      </c>
      <c r="BF16" s="315">
        <v>0</v>
      </c>
      <c r="BG16" s="312">
        <v>0</v>
      </c>
      <c r="BH16" s="314">
        <v>0</v>
      </c>
      <c r="BI16" s="315">
        <v>110</v>
      </c>
      <c r="BJ16" s="315">
        <v>138</v>
      </c>
      <c r="BK16" s="315">
        <v>124</v>
      </c>
      <c r="BL16" s="315">
        <v>169</v>
      </c>
      <c r="BM16" s="315">
        <v>85</v>
      </c>
      <c r="BN16" s="312">
        <v>626</v>
      </c>
      <c r="BO16" s="317">
        <v>626</v>
      </c>
      <c r="BP16" s="311">
        <v>0</v>
      </c>
      <c r="BQ16" s="315">
        <v>0</v>
      </c>
      <c r="BR16" s="312">
        <v>0</v>
      </c>
      <c r="BS16" s="314">
        <v>0</v>
      </c>
      <c r="BT16" s="315">
        <v>102</v>
      </c>
      <c r="BU16" s="315">
        <v>135</v>
      </c>
      <c r="BV16" s="315">
        <v>460</v>
      </c>
      <c r="BW16" s="315">
        <v>644</v>
      </c>
      <c r="BX16" s="315">
        <v>370</v>
      </c>
      <c r="BY16" s="312">
        <v>1711</v>
      </c>
      <c r="BZ16" s="317">
        <v>1711</v>
      </c>
      <c r="CA16" s="311">
        <v>0</v>
      </c>
      <c r="CB16" s="315">
        <v>0</v>
      </c>
      <c r="CC16" s="312">
        <v>0</v>
      </c>
      <c r="CD16" s="314">
        <v>0</v>
      </c>
      <c r="CE16" s="315">
        <v>6</v>
      </c>
      <c r="CF16" s="315">
        <v>29</v>
      </c>
      <c r="CG16" s="315">
        <v>-19</v>
      </c>
      <c r="CH16" s="315">
        <v>34</v>
      </c>
      <c r="CI16" s="315">
        <v>0</v>
      </c>
      <c r="CJ16" s="312">
        <v>50</v>
      </c>
      <c r="CK16" s="317">
        <v>50</v>
      </c>
      <c r="CL16" s="311">
        <v>0</v>
      </c>
      <c r="CM16" s="315">
        <v>0</v>
      </c>
      <c r="CN16" s="312">
        <v>0</v>
      </c>
      <c r="CO16" s="314">
        <v>0</v>
      </c>
      <c r="CP16" s="315">
        <v>0</v>
      </c>
      <c r="CQ16" s="315">
        <v>0</v>
      </c>
      <c r="CR16" s="315">
        <v>0</v>
      </c>
      <c r="CS16" s="315">
        <v>0</v>
      </c>
      <c r="CT16" s="315">
        <v>0</v>
      </c>
      <c r="CU16" s="312">
        <v>0</v>
      </c>
      <c r="CV16" s="317">
        <v>0</v>
      </c>
      <c r="CW16" s="311">
        <v>0</v>
      </c>
      <c r="CX16" s="315">
        <v>0</v>
      </c>
      <c r="CY16" s="312">
        <v>0</v>
      </c>
      <c r="CZ16" s="314">
        <v>0</v>
      </c>
      <c r="DA16" s="315">
        <v>0</v>
      </c>
      <c r="DB16" s="315">
        <v>0</v>
      </c>
      <c r="DC16" s="315">
        <v>0</v>
      </c>
      <c r="DD16" s="315">
        <v>0</v>
      </c>
      <c r="DE16" s="315">
        <v>0</v>
      </c>
      <c r="DF16" s="312">
        <v>0</v>
      </c>
      <c r="DG16" s="317">
        <v>0</v>
      </c>
    </row>
    <row r="17" spans="1:111" ht="18.75" customHeight="1" x14ac:dyDescent="0.2">
      <c r="A17" s="296" t="s">
        <v>15</v>
      </c>
      <c r="B17" s="311">
        <v>0</v>
      </c>
      <c r="C17" s="315">
        <v>0</v>
      </c>
      <c r="D17" s="437">
        <v>0</v>
      </c>
      <c r="E17" s="314">
        <v>0</v>
      </c>
      <c r="F17" s="315">
        <v>1276</v>
      </c>
      <c r="G17" s="315">
        <v>1865</v>
      </c>
      <c r="H17" s="315">
        <v>1289</v>
      </c>
      <c r="I17" s="315">
        <v>1185</v>
      </c>
      <c r="J17" s="315">
        <v>1977</v>
      </c>
      <c r="K17" s="316">
        <v>7592</v>
      </c>
      <c r="L17" s="317">
        <v>7592</v>
      </c>
      <c r="M17" s="311">
        <v>0</v>
      </c>
      <c r="N17" s="315">
        <v>0</v>
      </c>
      <c r="O17" s="312">
        <v>0</v>
      </c>
      <c r="P17" s="314">
        <v>0</v>
      </c>
      <c r="Q17" s="315">
        <v>0</v>
      </c>
      <c r="R17" s="315">
        <v>28</v>
      </c>
      <c r="S17" s="315">
        <v>22</v>
      </c>
      <c r="T17" s="315">
        <v>89</v>
      </c>
      <c r="U17" s="315">
        <v>164</v>
      </c>
      <c r="V17" s="312">
        <v>303</v>
      </c>
      <c r="W17" s="317">
        <v>303</v>
      </c>
      <c r="X17" s="311">
        <v>16</v>
      </c>
      <c r="Y17" s="315">
        <v>62</v>
      </c>
      <c r="Z17" s="312">
        <v>78</v>
      </c>
      <c r="AA17" s="314">
        <v>0</v>
      </c>
      <c r="AB17" s="315">
        <v>201</v>
      </c>
      <c r="AC17" s="315">
        <v>354</v>
      </c>
      <c r="AD17" s="315">
        <v>218</v>
      </c>
      <c r="AE17" s="315">
        <v>212</v>
      </c>
      <c r="AF17" s="315">
        <v>302</v>
      </c>
      <c r="AG17" s="312">
        <v>1287</v>
      </c>
      <c r="AH17" s="317">
        <v>1365</v>
      </c>
      <c r="AI17" s="311">
        <v>0</v>
      </c>
      <c r="AJ17" s="315">
        <v>8</v>
      </c>
      <c r="AK17" s="312">
        <v>8</v>
      </c>
      <c r="AL17" s="314">
        <v>0</v>
      </c>
      <c r="AM17" s="315">
        <v>49</v>
      </c>
      <c r="AN17" s="315">
        <v>102</v>
      </c>
      <c r="AO17" s="315">
        <v>60</v>
      </c>
      <c r="AP17" s="315">
        <v>46</v>
      </c>
      <c r="AQ17" s="315">
        <v>100</v>
      </c>
      <c r="AR17" s="312">
        <v>357</v>
      </c>
      <c r="AS17" s="317">
        <v>365</v>
      </c>
      <c r="AT17" s="311">
        <v>0</v>
      </c>
      <c r="AU17" s="315">
        <v>0</v>
      </c>
      <c r="AV17" s="312">
        <v>0</v>
      </c>
      <c r="AW17" s="314">
        <v>0</v>
      </c>
      <c r="AX17" s="315">
        <v>686</v>
      </c>
      <c r="AY17" s="315">
        <v>1134</v>
      </c>
      <c r="AZ17" s="315">
        <v>558</v>
      </c>
      <c r="BA17" s="315">
        <v>193</v>
      </c>
      <c r="BB17" s="315">
        <v>114</v>
      </c>
      <c r="BC17" s="316">
        <v>2685</v>
      </c>
      <c r="BD17" s="317">
        <v>2685</v>
      </c>
      <c r="BE17" s="311">
        <v>0</v>
      </c>
      <c r="BF17" s="315">
        <v>0</v>
      </c>
      <c r="BG17" s="312">
        <v>0</v>
      </c>
      <c r="BH17" s="314">
        <v>0</v>
      </c>
      <c r="BI17" s="315">
        <v>77</v>
      </c>
      <c r="BJ17" s="315">
        <v>64</v>
      </c>
      <c r="BK17" s="315">
        <v>56</v>
      </c>
      <c r="BL17" s="315">
        <v>37</v>
      </c>
      <c r="BM17" s="315">
        <v>1</v>
      </c>
      <c r="BN17" s="312">
        <v>235</v>
      </c>
      <c r="BO17" s="317">
        <v>235</v>
      </c>
      <c r="BP17" s="311">
        <v>0</v>
      </c>
      <c r="BQ17" s="315">
        <v>0</v>
      </c>
      <c r="BR17" s="312">
        <v>0</v>
      </c>
      <c r="BS17" s="314">
        <v>0</v>
      </c>
      <c r="BT17" s="315">
        <v>136</v>
      </c>
      <c r="BU17" s="315">
        <v>219</v>
      </c>
      <c r="BV17" s="315">
        <v>708</v>
      </c>
      <c r="BW17" s="315">
        <v>606</v>
      </c>
      <c r="BX17" s="315">
        <v>218</v>
      </c>
      <c r="BY17" s="312">
        <v>1887</v>
      </c>
      <c r="BZ17" s="317">
        <v>1887</v>
      </c>
      <c r="CA17" s="311">
        <v>0</v>
      </c>
      <c r="CB17" s="315">
        <v>0</v>
      </c>
      <c r="CC17" s="312">
        <v>0</v>
      </c>
      <c r="CD17" s="314">
        <v>0</v>
      </c>
      <c r="CE17" s="315">
        <v>62</v>
      </c>
      <c r="CF17" s="315">
        <v>0</v>
      </c>
      <c r="CG17" s="315">
        <v>4</v>
      </c>
      <c r="CH17" s="315">
        <v>0</v>
      </c>
      <c r="CI17" s="315">
        <v>0</v>
      </c>
      <c r="CJ17" s="312">
        <v>66</v>
      </c>
      <c r="CK17" s="317">
        <v>66</v>
      </c>
      <c r="CL17" s="311">
        <v>0</v>
      </c>
      <c r="CM17" s="315">
        <v>0</v>
      </c>
      <c r="CN17" s="312">
        <v>0</v>
      </c>
      <c r="CO17" s="314">
        <v>0</v>
      </c>
      <c r="CP17" s="315">
        <v>0</v>
      </c>
      <c r="CQ17" s="315">
        <v>0</v>
      </c>
      <c r="CR17" s="315">
        <v>0</v>
      </c>
      <c r="CS17" s="315">
        <v>0</v>
      </c>
      <c r="CT17" s="315">
        <v>0</v>
      </c>
      <c r="CU17" s="312">
        <v>0</v>
      </c>
      <c r="CV17" s="317">
        <v>0</v>
      </c>
      <c r="CW17" s="311">
        <v>0</v>
      </c>
      <c r="CX17" s="315">
        <v>0</v>
      </c>
      <c r="CY17" s="312">
        <v>0</v>
      </c>
      <c r="CZ17" s="314">
        <v>0</v>
      </c>
      <c r="DA17" s="315">
        <v>0</v>
      </c>
      <c r="DB17" s="315">
        <v>0</v>
      </c>
      <c r="DC17" s="315">
        <v>0</v>
      </c>
      <c r="DD17" s="315">
        <v>0</v>
      </c>
      <c r="DE17" s="315">
        <v>0</v>
      </c>
      <c r="DF17" s="312">
        <v>0</v>
      </c>
      <c r="DG17" s="317">
        <v>0</v>
      </c>
    </row>
    <row r="18" spans="1:111" ht="18.75" customHeight="1" x14ac:dyDescent="0.2">
      <c r="A18" s="296" t="s">
        <v>16</v>
      </c>
      <c r="B18" s="311">
        <v>0</v>
      </c>
      <c r="C18" s="315">
        <v>0</v>
      </c>
      <c r="D18" s="437">
        <v>0</v>
      </c>
      <c r="E18" s="314">
        <v>0</v>
      </c>
      <c r="F18" s="315">
        <v>2016</v>
      </c>
      <c r="G18" s="315">
        <v>3171</v>
      </c>
      <c r="H18" s="315">
        <v>4633</v>
      </c>
      <c r="I18" s="315">
        <v>4438</v>
      </c>
      <c r="J18" s="315">
        <v>3587</v>
      </c>
      <c r="K18" s="316">
        <v>17845</v>
      </c>
      <c r="L18" s="317">
        <v>17845</v>
      </c>
      <c r="M18" s="311">
        <v>0</v>
      </c>
      <c r="N18" s="315">
        <v>0</v>
      </c>
      <c r="O18" s="312">
        <v>0</v>
      </c>
      <c r="P18" s="314">
        <v>0</v>
      </c>
      <c r="Q18" s="315">
        <v>4</v>
      </c>
      <c r="R18" s="315">
        <v>46</v>
      </c>
      <c r="S18" s="315">
        <v>51</v>
      </c>
      <c r="T18" s="315">
        <v>107</v>
      </c>
      <c r="U18" s="315">
        <v>217</v>
      </c>
      <c r="V18" s="312">
        <v>425</v>
      </c>
      <c r="W18" s="317">
        <v>425</v>
      </c>
      <c r="X18" s="311">
        <v>73</v>
      </c>
      <c r="Y18" s="315">
        <v>348</v>
      </c>
      <c r="Z18" s="312">
        <v>421</v>
      </c>
      <c r="AA18" s="314">
        <v>0</v>
      </c>
      <c r="AB18" s="315">
        <v>1087</v>
      </c>
      <c r="AC18" s="315">
        <v>2149</v>
      </c>
      <c r="AD18" s="315">
        <v>1370</v>
      </c>
      <c r="AE18" s="315">
        <v>1164</v>
      </c>
      <c r="AF18" s="315">
        <v>940</v>
      </c>
      <c r="AG18" s="312">
        <v>6710</v>
      </c>
      <c r="AH18" s="317">
        <v>7131</v>
      </c>
      <c r="AI18" s="311">
        <v>0</v>
      </c>
      <c r="AJ18" s="315">
        <v>80</v>
      </c>
      <c r="AK18" s="312">
        <v>80</v>
      </c>
      <c r="AL18" s="314">
        <v>0</v>
      </c>
      <c r="AM18" s="315">
        <v>67</v>
      </c>
      <c r="AN18" s="315">
        <v>241</v>
      </c>
      <c r="AO18" s="315">
        <v>246</v>
      </c>
      <c r="AP18" s="315">
        <v>114</v>
      </c>
      <c r="AQ18" s="315">
        <v>132</v>
      </c>
      <c r="AR18" s="312">
        <v>800</v>
      </c>
      <c r="AS18" s="317">
        <v>880</v>
      </c>
      <c r="AT18" s="311">
        <v>0</v>
      </c>
      <c r="AU18" s="315">
        <v>0</v>
      </c>
      <c r="AV18" s="312">
        <v>0</v>
      </c>
      <c r="AW18" s="314">
        <v>0</v>
      </c>
      <c r="AX18" s="315">
        <v>2427</v>
      </c>
      <c r="AY18" s="315">
        <v>3467</v>
      </c>
      <c r="AZ18" s="315">
        <v>2853</v>
      </c>
      <c r="BA18" s="315">
        <v>1458</v>
      </c>
      <c r="BB18" s="315">
        <v>931</v>
      </c>
      <c r="BC18" s="316">
        <v>11136</v>
      </c>
      <c r="BD18" s="317">
        <v>11136</v>
      </c>
      <c r="BE18" s="311">
        <v>0</v>
      </c>
      <c r="BF18" s="315">
        <v>0</v>
      </c>
      <c r="BG18" s="312">
        <v>0</v>
      </c>
      <c r="BH18" s="314">
        <v>0</v>
      </c>
      <c r="BI18" s="315">
        <v>1183</v>
      </c>
      <c r="BJ18" s="315">
        <v>1883</v>
      </c>
      <c r="BK18" s="315">
        <v>802</v>
      </c>
      <c r="BL18" s="315">
        <v>459</v>
      </c>
      <c r="BM18" s="315">
        <v>203</v>
      </c>
      <c r="BN18" s="312">
        <v>4530</v>
      </c>
      <c r="BO18" s="317">
        <v>4530</v>
      </c>
      <c r="BP18" s="311">
        <v>0</v>
      </c>
      <c r="BQ18" s="315">
        <v>4</v>
      </c>
      <c r="BR18" s="312">
        <v>4</v>
      </c>
      <c r="BS18" s="314">
        <v>0</v>
      </c>
      <c r="BT18" s="315">
        <v>265</v>
      </c>
      <c r="BU18" s="315">
        <v>561</v>
      </c>
      <c r="BV18" s="315">
        <v>764</v>
      </c>
      <c r="BW18" s="315">
        <v>423</v>
      </c>
      <c r="BX18" s="315">
        <v>209</v>
      </c>
      <c r="BY18" s="312">
        <v>2222</v>
      </c>
      <c r="BZ18" s="317">
        <v>2226</v>
      </c>
      <c r="CA18" s="311">
        <v>0</v>
      </c>
      <c r="CB18" s="315">
        <v>0</v>
      </c>
      <c r="CC18" s="312">
        <v>0</v>
      </c>
      <c r="CD18" s="314">
        <v>0</v>
      </c>
      <c r="CE18" s="315">
        <v>18</v>
      </c>
      <c r="CF18" s="315">
        <v>43</v>
      </c>
      <c r="CG18" s="315">
        <v>22</v>
      </c>
      <c r="CH18" s="315">
        <v>48</v>
      </c>
      <c r="CI18" s="315">
        <v>10</v>
      </c>
      <c r="CJ18" s="312">
        <v>141</v>
      </c>
      <c r="CK18" s="317">
        <v>141</v>
      </c>
      <c r="CL18" s="311">
        <v>0</v>
      </c>
      <c r="CM18" s="315">
        <v>0</v>
      </c>
      <c r="CN18" s="312">
        <v>0</v>
      </c>
      <c r="CO18" s="314">
        <v>0</v>
      </c>
      <c r="CP18" s="315">
        <v>0</v>
      </c>
      <c r="CQ18" s="315">
        <v>0</v>
      </c>
      <c r="CR18" s="315">
        <v>0</v>
      </c>
      <c r="CS18" s="315">
        <v>0</v>
      </c>
      <c r="CT18" s="315">
        <v>0</v>
      </c>
      <c r="CU18" s="312">
        <v>0</v>
      </c>
      <c r="CV18" s="317">
        <v>0</v>
      </c>
      <c r="CW18" s="311">
        <v>0</v>
      </c>
      <c r="CX18" s="315">
        <v>0</v>
      </c>
      <c r="CY18" s="312">
        <v>0</v>
      </c>
      <c r="CZ18" s="314">
        <v>0</v>
      </c>
      <c r="DA18" s="315">
        <v>0</v>
      </c>
      <c r="DB18" s="315">
        <v>0</v>
      </c>
      <c r="DC18" s="315">
        <v>0</v>
      </c>
      <c r="DD18" s="315">
        <v>0</v>
      </c>
      <c r="DE18" s="315">
        <v>0</v>
      </c>
      <c r="DF18" s="312">
        <v>0</v>
      </c>
      <c r="DG18" s="317">
        <v>0</v>
      </c>
    </row>
    <row r="19" spans="1:111" ht="18.75" customHeight="1" x14ac:dyDescent="0.2">
      <c r="A19" s="296" t="s">
        <v>17</v>
      </c>
      <c r="B19" s="311">
        <v>0</v>
      </c>
      <c r="C19" s="315">
        <v>0</v>
      </c>
      <c r="D19" s="437">
        <v>0</v>
      </c>
      <c r="E19" s="314">
        <v>0</v>
      </c>
      <c r="F19" s="315">
        <v>2191</v>
      </c>
      <c r="G19" s="315">
        <v>6105</v>
      </c>
      <c r="H19" s="315">
        <v>7262</v>
      </c>
      <c r="I19" s="315">
        <v>8579</v>
      </c>
      <c r="J19" s="315">
        <v>10219</v>
      </c>
      <c r="K19" s="316">
        <v>34356</v>
      </c>
      <c r="L19" s="317">
        <v>34356</v>
      </c>
      <c r="M19" s="311">
        <v>0</v>
      </c>
      <c r="N19" s="315">
        <v>11</v>
      </c>
      <c r="O19" s="312">
        <v>11</v>
      </c>
      <c r="P19" s="314">
        <v>0</v>
      </c>
      <c r="Q19" s="315">
        <v>0</v>
      </c>
      <c r="R19" s="315">
        <v>54</v>
      </c>
      <c r="S19" s="315">
        <v>106</v>
      </c>
      <c r="T19" s="315">
        <v>160</v>
      </c>
      <c r="U19" s="315">
        <v>365</v>
      </c>
      <c r="V19" s="312">
        <v>685</v>
      </c>
      <c r="W19" s="317">
        <v>696</v>
      </c>
      <c r="X19" s="311">
        <v>145</v>
      </c>
      <c r="Y19" s="315">
        <v>493</v>
      </c>
      <c r="Z19" s="312">
        <v>638</v>
      </c>
      <c r="AA19" s="314">
        <v>0</v>
      </c>
      <c r="AB19" s="315">
        <v>990</v>
      </c>
      <c r="AC19" s="315">
        <v>2212</v>
      </c>
      <c r="AD19" s="315">
        <v>1256</v>
      </c>
      <c r="AE19" s="315">
        <v>1291</v>
      </c>
      <c r="AF19" s="315">
        <v>1150</v>
      </c>
      <c r="AG19" s="312">
        <v>6899</v>
      </c>
      <c r="AH19" s="317">
        <v>7537</v>
      </c>
      <c r="AI19" s="311">
        <v>32</v>
      </c>
      <c r="AJ19" s="315">
        <v>54</v>
      </c>
      <c r="AK19" s="312">
        <v>86</v>
      </c>
      <c r="AL19" s="314">
        <v>0</v>
      </c>
      <c r="AM19" s="315">
        <v>98</v>
      </c>
      <c r="AN19" s="315">
        <v>276</v>
      </c>
      <c r="AO19" s="315">
        <v>196</v>
      </c>
      <c r="AP19" s="315">
        <v>103</v>
      </c>
      <c r="AQ19" s="315">
        <v>75</v>
      </c>
      <c r="AR19" s="312">
        <v>748</v>
      </c>
      <c r="AS19" s="317">
        <v>834</v>
      </c>
      <c r="AT19" s="311">
        <v>0</v>
      </c>
      <c r="AU19" s="315">
        <v>0</v>
      </c>
      <c r="AV19" s="312">
        <v>0</v>
      </c>
      <c r="AW19" s="314">
        <v>0</v>
      </c>
      <c r="AX19" s="315">
        <v>2802</v>
      </c>
      <c r="AY19" s="315">
        <v>4432</v>
      </c>
      <c r="AZ19" s="315">
        <v>3133</v>
      </c>
      <c r="BA19" s="315">
        <v>1975</v>
      </c>
      <c r="BB19" s="315">
        <v>740</v>
      </c>
      <c r="BC19" s="316">
        <v>13082</v>
      </c>
      <c r="BD19" s="317">
        <v>13082</v>
      </c>
      <c r="BE19" s="311">
        <v>0</v>
      </c>
      <c r="BF19" s="315">
        <v>0</v>
      </c>
      <c r="BG19" s="312">
        <v>0</v>
      </c>
      <c r="BH19" s="314">
        <v>0</v>
      </c>
      <c r="BI19" s="315">
        <v>423</v>
      </c>
      <c r="BJ19" s="315">
        <v>1012</v>
      </c>
      <c r="BK19" s="315">
        <v>550</v>
      </c>
      <c r="BL19" s="315">
        <v>295</v>
      </c>
      <c r="BM19" s="315">
        <v>86</v>
      </c>
      <c r="BN19" s="312">
        <v>2366</v>
      </c>
      <c r="BO19" s="317">
        <v>2366</v>
      </c>
      <c r="BP19" s="311">
        <v>0</v>
      </c>
      <c r="BQ19" s="315">
        <v>10</v>
      </c>
      <c r="BR19" s="312">
        <v>10</v>
      </c>
      <c r="BS19" s="314">
        <v>0</v>
      </c>
      <c r="BT19" s="315">
        <v>269</v>
      </c>
      <c r="BU19" s="315">
        <v>673</v>
      </c>
      <c r="BV19" s="315">
        <v>952</v>
      </c>
      <c r="BW19" s="315">
        <v>986</v>
      </c>
      <c r="BX19" s="315">
        <v>516</v>
      </c>
      <c r="BY19" s="312">
        <v>3396</v>
      </c>
      <c r="BZ19" s="317">
        <v>3406</v>
      </c>
      <c r="CA19" s="311">
        <v>0</v>
      </c>
      <c r="CB19" s="315">
        <v>0</v>
      </c>
      <c r="CC19" s="312">
        <v>0</v>
      </c>
      <c r="CD19" s="314">
        <v>0</v>
      </c>
      <c r="CE19" s="315">
        <v>11</v>
      </c>
      <c r="CF19" s="315">
        <v>58</v>
      </c>
      <c r="CG19" s="315">
        <v>104</v>
      </c>
      <c r="CH19" s="315">
        <v>25</v>
      </c>
      <c r="CI19" s="315">
        <v>94</v>
      </c>
      <c r="CJ19" s="312">
        <v>292</v>
      </c>
      <c r="CK19" s="317">
        <v>292</v>
      </c>
      <c r="CL19" s="311">
        <v>0</v>
      </c>
      <c r="CM19" s="315">
        <v>0</v>
      </c>
      <c r="CN19" s="312">
        <v>0</v>
      </c>
      <c r="CO19" s="314">
        <v>0</v>
      </c>
      <c r="CP19" s="315">
        <v>0</v>
      </c>
      <c r="CQ19" s="315">
        <v>0</v>
      </c>
      <c r="CR19" s="315">
        <v>0</v>
      </c>
      <c r="CS19" s="315">
        <v>0</v>
      </c>
      <c r="CT19" s="315">
        <v>0</v>
      </c>
      <c r="CU19" s="312">
        <v>0</v>
      </c>
      <c r="CV19" s="317">
        <v>0</v>
      </c>
      <c r="CW19" s="311">
        <v>0</v>
      </c>
      <c r="CX19" s="315">
        <v>0</v>
      </c>
      <c r="CY19" s="312">
        <v>0</v>
      </c>
      <c r="CZ19" s="314">
        <v>0</v>
      </c>
      <c r="DA19" s="315">
        <v>0</v>
      </c>
      <c r="DB19" s="315">
        <v>0</v>
      </c>
      <c r="DC19" s="315">
        <v>0</v>
      </c>
      <c r="DD19" s="315">
        <v>0</v>
      </c>
      <c r="DE19" s="315">
        <v>0</v>
      </c>
      <c r="DF19" s="312">
        <v>0</v>
      </c>
      <c r="DG19" s="317">
        <v>0</v>
      </c>
    </row>
    <row r="20" spans="1:111" ht="18.75" customHeight="1" x14ac:dyDescent="0.2">
      <c r="A20" s="296" t="s">
        <v>18</v>
      </c>
      <c r="B20" s="311">
        <v>0</v>
      </c>
      <c r="C20" s="315">
        <v>0</v>
      </c>
      <c r="D20" s="437">
        <v>0</v>
      </c>
      <c r="E20" s="314">
        <v>0</v>
      </c>
      <c r="F20" s="315">
        <v>5076</v>
      </c>
      <c r="G20" s="315">
        <v>6999</v>
      </c>
      <c r="H20" s="315">
        <v>7922</v>
      </c>
      <c r="I20" s="315">
        <v>12612</v>
      </c>
      <c r="J20" s="315">
        <v>8305</v>
      </c>
      <c r="K20" s="316">
        <v>40914</v>
      </c>
      <c r="L20" s="317">
        <v>40914</v>
      </c>
      <c r="M20" s="311">
        <v>2</v>
      </c>
      <c r="N20" s="315">
        <v>4</v>
      </c>
      <c r="O20" s="312">
        <v>6</v>
      </c>
      <c r="P20" s="314">
        <v>0</v>
      </c>
      <c r="Q20" s="315">
        <v>7</v>
      </c>
      <c r="R20" s="315">
        <v>60</v>
      </c>
      <c r="S20" s="315">
        <v>79</v>
      </c>
      <c r="T20" s="315">
        <v>176</v>
      </c>
      <c r="U20" s="315">
        <v>379</v>
      </c>
      <c r="V20" s="312">
        <v>701</v>
      </c>
      <c r="W20" s="317">
        <v>707</v>
      </c>
      <c r="X20" s="311">
        <v>265</v>
      </c>
      <c r="Y20" s="315">
        <v>700</v>
      </c>
      <c r="Z20" s="312">
        <v>965</v>
      </c>
      <c r="AA20" s="314">
        <v>0</v>
      </c>
      <c r="AB20" s="315">
        <v>2255</v>
      </c>
      <c r="AC20" s="315">
        <v>2547</v>
      </c>
      <c r="AD20" s="315">
        <v>1866</v>
      </c>
      <c r="AE20" s="315">
        <v>1741</v>
      </c>
      <c r="AF20" s="315">
        <v>1283</v>
      </c>
      <c r="AG20" s="312">
        <v>9692</v>
      </c>
      <c r="AH20" s="317">
        <v>10657</v>
      </c>
      <c r="AI20" s="311">
        <v>34</v>
      </c>
      <c r="AJ20" s="315">
        <v>65</v>
      </c>
      <c r="AK20" s="312">
        <v>99</v>
      </c>
      <c r="AL20" s="314">
        <v>0</v>
      </c>
      <c r="AM20" s="315">
        <v>479</v>
      </c>
      <c r="AN20" s="315">
        <v>465</v>
      </c>
      <c r="AO20" s="315">
        <v>437</v>
      </c>
      <c r="AP20" s="315">
        <v>348</v>
      </c>
      <c r="AQ20" s="315">
        <v>161</v>
      </c>
      <c r="AR20" s="312">
        <v>1890</v>
      </c>
      <c r="AS20" s="317">
        <v>1989</v>
      </c>
      <c r="AT20" s="311">
        <v>0</v>
      </c>
      <c r="AU20" s="315">
        <v>0</v>
      </c>
      <c r="AV20" s="312">
        <v>0</v>
      </c>
      <c r="AW20" s="314">
        <v>0</v>
      </c>
      <c r="AX20" s="315">
        <v>4305</v>
      </c>
      <c r="AY20" s="315">
        <v>4769</v>
      </c>
      <c r="AZ20" s="315">
        <v>3259</v>
      </c>
      <c r="BA20" s="315">
        <v>2015</v>
      </c>
      <c r="BB20" s="315">
        <v>636</v>
      </c>
      <c r="BC20" s="316">
        <v>14984</v>
      </c>
      <c r="BD20" s="317">
        <v>14984</v>
      </c>
      <c r="BE20" s="311">
        <v>0</v>
      </c>
      <c r="BF20" s="315">
        <v>0</v>
      </c>
      <c r="BG20" s="312">
        <v>0</v>
      </c>
      <c r="BH20" s="314">
        <v>0</v>
      </c>
      <c r="BI20" s="315">
        <v>1026</v>
      </c>
      <c r="BJ20" s="315">
        <v>1084</v>
      </c>
      <c r="BK20" s="315">
        <v>699</v>
      </c>
      <c r="BL20" s="315">
        <v>489</v>
      </c>
      <c r="BM20" s="315">
        <v>103</v>
      </c>
      <c r="BN20" s="312">
        <v>3401</v>
      </c>
      <c r="BO20" s="317">
        <v>3401</v>
      </c>
      <c r="BP20" s="311">
        <v>0</v>
      </c>
      <c r="BQ20" s="315">
        <v>11</v>
      </c>
      <c r="BR20" s="312">
        <v>11</v>
      </c>
      <c r="BS20" s="314">
        <v>0</v>
      </c>
      <c r="BT20" s="315">
        <v>393</v>
      </c>
      <c r="BU20" s="315">
        <v>840</v>
      </c>
      <c r="BV20" s="315">
        <v>1679</v>
      </c>
      <c r="BW20" s="315">
        <v>1402</v>
      </c>
      <c r="BX20" s="315">
        <v>706</v>
      </c>
      <c r="BY20" s="312">
        <v>5020</v>
      </c>
      <c r="BZ20" s="317">
        <v>5031</v>
      </c>
      <c r="CA20" s="311">
        <v>0</v>
      </c>
      <c r="CB20" s="315">
        <v>0</v>
      </c>
      <c r="CC20" s="312">
        <v>0</v>
      </c>
      <c r="CD20" s="314">
        <v>0</v>
      </c>
      <c r="CE20" s="315">
        <v>4</v>
      </c>
      <c r="CF20" s="315">
        <v>13</v>
      </c>
      <c r="CG20" s="315">
        <v>0</v>
      </c>
      <c r="CH20" s="315">
        <v>33</v>
      </c>
      <c r="CI20" s="315">
        <v>0</v>
      </c>
      <c r="CJ20" s="312">
        <v>50</v>
      </c>
      <c r="CK20" s="317">
        <v>50</v>
      </c>
      <c r="CL20" s="311">
        <v>0</v>
      </c>
      <c r="CM20" s="315">
        <v>0</v>
      </c>
      <c r="CN20" s="312">
        <v>0</v>
      </c>
      <c r="CO20" s="314">
        <v>0</v>
      </c>
      <c r="CP20" s="315">
        <v>0</v>
      </c>
      <c r="CQ20" s="315">
        <v>0</v>
      </c>
      <c r="CR20" s="315">
        <v>0</v>
      </c>
      <c r="CS20" s="315">
        <v>0</v>
      </c>
      <c r="CT20" s="315">
        <v>0</v>
      </c>
      <c r="CU20" s="312">
        <v>0</v>
      </c>
      <c r="CV20" s="317">
        <v>0</v>
      </c>
      <c r="CW20" s="311">
        <v>0</v>
      </c>
      <c r="CX20" s="315">
        <v>0</v>
      </c>
      <c r="CY20" s="312">
        <v>0</v>
      </c>
      <c r="CZ20" s="314">
        <v>0</v>
      </c>
      <c r="DA20" s="315">
        <v>0</v>
      </c>
      <c r="DB20" s="315">
        <v>0</v>
      </c>
      <c r="DC20" s="315">
        <v>0</v>
      </c>
      <c r="DD20" s="315">
        <v>0</v>
      </c>
      <c r="DE20" s="315">
        <v>0</v>
      </c>
      <c r="DF20" s="312">
        <v>0</v>
      </c>
      <c r="DG20" s="317">
        <v>0</v>
      </c>
    </row>
    <row r="21" spans="1:111" ht="18.75" customHeight="1" x14ac:dyDescent="0.2">
      <c r="A21" s="296" t="s">
        <v>19</v>
      </c>
      <c r="B21" s="311">
        <v>0</v>
      </c>
      <c r="C21" s="315">
        <v>0</v>
      </c>
      <c r="D21" s="437">
        <v>0</v>
      </c>
      <c r="E21" s="314">
        <v>0</v>
      </c>
      <c r="F21" s="315">
        <v>1841</v>
      </c>
      <c r="G21" s="315">
        <v>2196</v>
      </c>
      <c r="H21" s="315">
        <v>2804</v>
      </c>
      <c r="I21" s="315">
        <v>3341</v>
      </c>
      <c r="J21" s="315">
        <v>2431</v>
      </c>
      <c r="K21" s="316">
        <v>12613</v>
      </c>
      <c r="L21" s="317">
        <v>12613</v>
      </c>
      <c r="M21" s="311">
        <v>0</v>
      </c>
      <c r="N21" s="315">
        <v>0</v>
      </c>
      <c r="O21" s="312">
        <v>0</v>
      </c>
      <c r="P21" s="314">
        <v>0</v>
      </c>
      <c r="Q21" s="315">
        <v>15</v>
      </c>
      <c r="R21" s="315">
        <v>20</v>
      </c>
      <c r="S21" s="315">
        <v>55</v>
      </c>
      <c r="T21" s="315">
        <v>84</v>
      </c>
      <c r="U21" s="315">
        <v>159</v>
      </c>
      <c r="V21" s="312">
        <v>333</v>
      </c>
      <c r="W21" s="317">
        <v>333</v>
      </c>
      <c r="X21" s="311">
        <v>150</v>
      </c>
      <c r="Y21" s="315">
        <v>303</v>
      </c>
      <c r="Z21" s="312">
        <v>453</v>
      </c>
      <c r="AA21" s="314">
        <v>0</v>
      </c>
      <c r="AB21" s="315">
        <v>1161</v>
      </c>
      <c r="AC21" s="315">
        <v>992</v>
      </c>
      <c r="AD21" s="315">
        <v>674</v>
      </c>
      <c r="AE21" s="315">
        <v>704</v>
      </c>
      <c r="AF21" s="315">
        <v>616</v>
      </c>
      <c r="AG21" s="312">
        <v>4147</v>
      </c>
      <c r="AH21" s="317">
        <v>4600</v>
      </c>
      <c r="AI21" s="311">
        <v>22</v>
      </c>
      <c r="AJ21" s="315">
        <v>53</v>
      </c>
      <c r="AK21" s="312">
        <v>75</v>
      </c>
      <c r="AL21" s="314">
        <v>0</v>
      </c>
      <c r="AM21" s="315">
        <v>193</v>
      </c>
      <c r="AN21" s="315">
        <v>106</v>
      </c>
      <c r="AO21" s="315">
        <v>124</v>
      </c>
      <c r="AP21" s="315">
        <v>96</v>
      </c>
      <c r="AQ21" s="315">
        <v>27</v>
      </c>
      <c r="AR21" s="312">
        <v>546</v>
      </c>
      <c r="AS21" s="317">
        <v>621</v>
      </c>
      <c r="AT21" s="311">
        <v>0</v>
      </c>
      <c r="AU21" s="315">
        <v>0</v>
      </c>
      <c r="AV21" s="312">
        <v>0</v>
      </c>
      <c r="AW21" s="314">
        <v>0</v>
      </c>
      <c r="AX21" s="315">
        <v>1964</v>
      </c>
      <c r="AY21" s="315">
        <v>2279</v>
      </c>
      <c r="AZ21" s="315">
        <v>1189</v>
      </c>
      <c r="BA21" s="315">
        <v>564</v>
      </c>
      <c r="BB21" s="315">
        <v>383</v>
      </c>
      <c r="BC21" s="316">
        <v>6379</v>
      </c>
      <c r="BD21" s="317">
        <v>6379</v>
      </c>
      <c r="BE21" s="311">
        <v>0</v>
      </c>
      <c r="BF21" s="315">
        <v>0</v>
      </c>
      <c r="BG21" s="312">
        <v>0</v>
      </c>
      <c r="BH21" s="314">
        <v>0</v>
      </c>
      <c r="BI21" s="315">
        <v>498</v>
      </c>
      <c r="BJ21" s="315">
        <v>521</v>
      </c>
      <c r="BK21" s="315">
        <v>255</v>
      </c>
      <c r="BL21" s="315">
        <v>199</v>
      </c>
      <c r="BM21" s="315">
        <v>63</v>
      </c>
      <c r="BN21" s="312">
        <v>1536</v>
      </c>
      <c r="BO21" s="317">
        <v>1536</v>
      </c>
      <c r="BP21" s="311">
        <v>0</v>
      </c>
      <c r="BQ21" s="315">
        <v>20</v>
      </c>
      <c r="BR21" s="312">
        <v>20</v>
      </c>
      <c r="BS21" s="314">
        <v>0</v>
      </c>
      <c r="BT21" s="315">
        <v>202</v>
      </c>
      <c r="BU21" s="315">
        <v>348</v>
      </c>
      <c r="BV21" s="315">
        <v>561</v>
      </c>
      <c r="BW21" s="315">
        <v>194</v>
      </c>
      <c r="BX21" s="315">
        <v>110</v>
      </c>
      <c r="BY21" s="312">
        <v>1415</v>
      </c>
      <c r="BZ21" s="317">
        <v>1435</v>
      </c>
      <c r="CA21" s="311">
        <v>0</v>
      </c>
      <c r="CB21" s="315">
        <v>0</v>
      </c>
      <c r="CC21" s="312">
        <v>0</v>
      </c>
      <c r="CD21" s="314">
        <v>0</v>
      </c>
      <c r="CE21" s="315">
        <v>28</v>
      </c>
      <c r="CF21" s="315">
        <v>63</v>
      </c>
      <c r="CG21" s="315">
        <v>27</v>
      </c>
      <c r="CH21" s="315">
        <v>49</v>
      </c>
      <c r="CI21" s="315">
        <v>24</v>
      </c>
      <c r="CJ21" s="312">
        <v>191</v>
      </c>
      <c r="CK21" s="317">
        <v>191</v>
      </c>
      <c r="CL21" s="311">
        <v>0</v>
      </c>
      <c r="CM21" s="315">
        <v>0</v>
      </c>
      <c r="CN21" s="312">
        <v>0</v>
      </c>
      <c r="CO21" s="314">
        <v>0</v>
      </c>
      <c r="CP21" s="315">
        <v>0</v>
      </c>
      <c r="CQ21" s="315">
        <v>0</v>
      </c>
      <c r="CR21" s="315">
        <v>0</v>
      </c>
      <c r="CS21" s="315">
        <v>0</v>
      </c>
      <c r="CT21" s="315">
        <v>0</v>
      </c>
      <c r="CU21" s="312">
        <v>0</v>
      </c>
      <c r="CV21" s="317">
        <v>0</v>
      </c>
      <c r="CW21" s="311">
        <v>0</v>
      </c>
      <c r="CX21" s="315">
        <v>0</v>
      </c>
      <c r="CY21" s="312">
        <v>0</v>
      </c>
      <c r="CZ21" s="314">
        <v>0</v>
      </c>
      <c r="DA21" s="315">
        <v>0</v>
      </c>
      <c r="DB21" s="315">
        <v>0</v>
      </c>
      <c r="DC21" s="315">
        <v>0</v>
      </c>
      <c r="DD21" s="315">
        <v>0</v>
      </c>
      <c r="DE21" s="315">
        <v>0</v>
      </c>
      <c r="DF21" s="312">
        <v>0</v>
      </c>
      <c r="DG21" s="317">
        <v>0</v>
      </c>
    </row>
    <row r="22" spans="1:111" ht="18.75" customHeight="1" x14ac:dyDescent="0.2">
      <c r="A22" s="296" t="s">
        <v>20</v>
      </c>
      <c r="B22" s="311">
        <v>0</v>
      </c>
      <c r="C22" s="315">
        <v>0</v>
      </c>
      <c r="D22" s="437">
        <v>0</v>
      </c>
      <c r="E22" s="314">
        <v>0</v>
      </c>
      <c r="F22" s="315">
        <v>2724</v>
      </c>
      <c r="G22" s="315">
        <v>3170</v>
      </c>
      <c r="H22" s="315">
        <v>3304</v>
      </c>
      <c r="I22" s="315">
        <v>3323</v>
      </c>
      <c r="J22" s="315">
        <v>3393</v>
      </c>
      <c r="K22" s="316">
        <v>15914</v>
      </c>
      <c r="L22" s="317">
        <v>15914</v>
      </c>
      <c r="M22" s="311">
        <v>0</v>
      </c>
      <c r="N22" s="315">
        <v>0</v>
      </c>
      <c r="O22" s="312">
        <v>0</v>
      </c>
      <c r="P22" s="314">
        <v>0</v>
      </c>
      <c r="Q22" s="315">
        <v>1</v>
      </c>
      <c r="R22" s="315">
        <v>39</v>
      </c>
      <c r="S22" s="315">
        <v>46</v>
      </c>
      <c r="T22" s="315">
        <v>78</v>
      </c>
      <c r="U22" s="315">
        <v>219</v>
      </c>
      <c r="V22" s="312">
        <v>383</v>
      </c>
      <c r="W22" s="317">
        <v>383</v>
      </c>
      <c r="X22" s="311">
        <v>171</v>
      </c>
      <c r="Y22" s="315">
        <v>376</v>
      </c>
      <c r="Z22" s="312">
        <v>547</v>
      </c>
      <c r="AA22" s="314">
        <v>0</v>
      </c>
      <c r="AB22" s="315">
        <v>2476</v>
      </c>
      <c r="AC22" s="315">
        <v>1522</v>
      </c>
      <c r="AD22" s="315">
        <v>1136</v>
      </c>
      <c r="AE22" s="315">
        <v>786</v>
      </c>
      <c r="AF22" s="315">
        <v>589</v>
      </c>
      <c r="AG22" s="312">
        <v>6509</v>
      </c>
      <c r="AH22" s="317">
        <v>7056</v>
      </c>
      <c r="AI22" s="311">
        <v>98</v>
      </c>
      <c r="AJ22" s="315">
        <v>298</v>
      </c>
      <c r="AK22" s="312">
        <v>396</v>
      </c>
      <c r="AL22" s="314">
        <v>0</v>
      </c>
      <c r="AM22" s="315">
        <v>480</v>
      </c>
      <c r="AN22" s="315">
        <v>517</v>
      </c>
      <c r="AO22" s="315">
        <v>326</v>
      </c>
      <c r="AP22" s="315">
        <v>322</v>
      </c>
      <c r="AQ22" s="315">
        <v>165</v>
      </c>
      <c r="AR22" s="312">
        <v>1810</v>
      </c>
      <c r="AS22" s="317">
        <v>2206</v>
      </c>
      <c r="AT22" s="311">
        <v>0</v>
      </c>
      <c r="AU22" s="315">
        <v>0</v>
      </c>
      <c r="AV22" s="312">
        <v>0</v>
      </c>
      <c r="AW22" s="314">
        <v>0</v>
      </c>
      <c r="AX22" s="315">
        <v>2275</v>
      </c>
      <c r="AY22" s="315">
        <v>1386</v>
      </c>
      <c r="AZ22" s="315">
        <v>1259</v>
      </c>
      <c r="BA22" s="315">
        <v>624</v>
      </c>
      <c r="BB22" s="315">
        <v>329</v>
      </c>
      <c r="BC22" s="316">
        <v>5873</v>
      </c>
      <c r="BD22" s="317">
        <v>5873</v>
      </c>
      <c r="BE22" s="311">
        <v>0</v>
      </c>
      <c r="BF22" s="315">
        <v>0</v>
      </c>
      <c r="BG22" s="312">
        <v>0</v>
      </c>
      <c r="BH22" s="314">
        <v>0</v>
      </c>
      <c r="BI22" s="315">
        <v>1098</v>
      </c>
      <c r="BJ22" s="315">
        <v>673</v>
      </c>
      <c r="BK22" s="315">
        <v>405</v>
      </c>
      <c r="BL22" s="315">
        <v>279</v>
      </c>
      <c r="BM22" s="315">
        <v>70</v>
      </c>
      <c r="BN22" s="312">
        <v>2525</v>
      </c>
      <c r="BO22" s="317">
        <v>2525</v>
      </c>
      <c r="BP22" s="311">
        <v>22</v>
      </c>
      <c r="BQ22" s="315">
        <v>21</v>
      </c>
      <c r="BR22" s="312">
        <v>43</v>
      </c>
      <c r="BS22" s="314">
        <v>0</v>
      </c>
      <c r="BT22" s="315">
        <v>268</v>
      </c>
      <c r="BU22" s="315">
        <v>441</v>
      </c>
      <c r="BV22" s="315">
        <v>935</v>
      </c>
      <c r="BW22" s="315">
        <v>565</v>
      </c>
      <c r="BX22" s="315">
        <v>173</v>
      </c>
      <c r="BY22" s="312">
        <v>2382</v>
      </c>
      <c r="BZ22" s="317">
        <v>2425</v>
      </c>
      <c r="CA22" s="311">
        <v>0</v>
      </c>
      <c r="CB22" s="315">
        <v>0</v>
      </c>
      <c r="CC22" s="312">
        <v>0</v>
      </c>
      <c r="CD22" s="314">
        <v>0</v>
      </c>
      <c r="CE22" s="315">
        <v>5</v>
      </c>
      <c r="CF22" s="315">
        <v>22</v>
      </c>
      <c r="CG22" s="315">
        <v>54</v>
      </c>
      <c r="CH22" s="315">
        <v>29</v>
      </c>
      <c r="CI22" s="315">
        <v>24</v>
      </c>
      <c r="CJ22" s="312">
        <v>134</v>
      </c>
      <c r="CK22" s="317">
        <v>134</v>
      </c>
      <c r="CL22" s="311">
        <v>0</v>
      </c>
      <c r="CM22" s="315">
        <v>0</v>
      </c>
      <c r="CN22" s="312">
        <v>0</v>
      </c>
      <c r="CO22" s="314">
        <v>0</v>
      </c>
      <c r="CP22" s="315">
        <v>0</v>
      </c>
      <c r="CQ22" s="315">
        <v>0</v>
      </c>
      <c r="CR22" s="315">
        <v>0</v>
      </c>
      <c r="CS22" s="315">
        <v>0</v>
      </c>
      <c r="CT22" s="315">
        <v>0</v>
      </c>
      <c r="CU22" s="312">
        <v>0</v>
      </c>
      <c r="CV22" s="317">
        <v>0</v>
      </c>
      <c r="CW22" s="311">
        <v>0</v>
      </c>
      <c r="CX22" s="315">
        <v>0</v>
      </c>
      <c r="CY22" s="312">
        <v>0</v>
      </c>
      <c r="CZ22" s="314">
        <v>0</v>
      </c>
      <c r="DA22" s="315">
        <v>0</v>
      </c>
      <c r="DB22" s="315">
        <v>0</v>
      </c>
      <c r="DC22" s="315">
        <v>0</v>
      </c>
      <c r="DD22" s="315">
        <v>0</v>
      </c>
      <c r="DE22" s="315">
        <v>0</v>
      </c>
      <c r="DF22" s="312">
        <v>0</v>
      </c>
      <c r="DG22" s="317">
        <v>0</v>
      </c>
    </row>
    <row r="23" spans="1:111" ht="18.75" customHeight="1" x14ac:dyDescent="0.2">
      <c r="A23" s="296" t="s">
        <v>21</v>
      </c>
      <c r="B23" s="311">
        <v>0</v>
      </c>
      <c r="C23" s="315">
        <v>0</v>
      </c>
      <c r="D23" s="437">
        <v>0</v>
      </c>
      <c r="E23" s="314">
        <v>0</v>
      </c>
      <c r="F23" s="315">
        <v>2712</v>
      </c>
      <c r="G23" s="315">
        <v>5169</v>
      </c>
      <c r="H23" s="315">
        <v>5971</v>
      </c>
      <c r="I23" s="315">
        <v>6029</v>
      </c>
      <c r="J23" s="315">
        <v>4650</v>
      </c>
      <c r="K23" s="316">
        <v>24531</v>
      </c>
      <c r="L23" s="317">
        <v>24531</v>
      </c>
      <c r="M23" s="311">
        <v>0</v>
      </c>
      <c r="N23" s="315">
        <v>0</v>
      </c>
      <c r="O23" s="312">
        <v>0</v>
      </c>
      <c r="P23" s="314">
        <v>0</v>
      </c>
      <c r="Q23" s="315">
        <v>2</v>
      </c>
      <c r="R23" s="315">
        <v>12</v>
      </c>
      <c r="S23" s="315">
        <v>69</v>
      </c>
      <c r="T23" s="315">
        <v>117</v>
      </c>
      <c r="U23" s="315">
        <v>225</v>
      </c>
      <c r="V23" s="312">
        <v>425</v>
      </c>
      <c r="W23" s="317">
        <v>425</v>
      </c>
      <c r="X23" s="311">
        <v>265</v>
      </c>
      <c r="Y23" s="315">
        <v>525</v>
      </c>
      <c r="Z23" s="312">
        <v>790</v>
      </c>
      <c r="AA23" s="314">
        <v>0</v>
      </c>
      <c r="AB23" s="315">
        <v>1445</v>
      </c>
      <c r="AC23" s="315">
        <v>2192</v>
      </c>
      <c r="AD23" s="315">
        <v>1342</v>
      </c>
      <c r="AE23" s="315">
        <v>1050</v>
      </c>
      <c r="AF23" s="315">
        <v>679</v>
      </c>
      <c r="AG23" s="312">
        <v>6708</v>
      </c>
      <c r="AH23" s="317">
        <v>7498</v>
      </c>
      <c r="AI23" s="311">
        <v>119</v>
      </c>
      <c r="AJ23" s="315">
        <v>239</v>
      </c>
      <c r="AK23" s="312">
        <v>358</v>
      </c>
      <c r="AL23" s="314">
        <v>0</v>
      </c>
      <c r="AM23" s="315">
        <v>205</v>
      </c>
      <c r="AN23" s="315">
        <v>367</v>
      </c>
      <c r="AO23" s="315">
        <v>203</v>
      </c>
      <c r="AP23" s="315">
        <v>168</v>
      </c>
      <c r="AQ23" s="315">
        <v>54</v>
      </c>
      <c r="AR23" s="312">
        <v>997</v>
      </c>
      <c r="AS23" s="317">
        <v>1355</v>
      </c>
      <c r="AT23" s="311">
        <v>0</v>
      </c>
      <c r="AU23" s="315">
        <v>0</v>
      </c>
      <c r="AV23" s="312">
        <v>0</v>
      </c>
      <c r="AW23" s="314">
        <v>0</v>
      </c>
      <c r="AX23" s="315">
        <v>1996</v>
      </c>
      <c r="AY23" s="315">
        <v>2675</v>
      </c>
      <c r="AZ23" s="315">
        <v>1729</v>
      </c>
      <c r="BA23" s="315">
        <v>977</v>
      </c>
      <c r="BB23" s="315">
        <v>312</v>
      </c>
      <c r="BC23" s="316">
        <v>7689</v>
      </c>
      <c r="BD23" s="317">
        <v>7689</v>
      </c>
      <c r="BE23" s="311">
        <v>0</v>
      </c>
      <c r="BF23" s="315">
        <v>0</v>
      </c>
      <c r="BG23" s="312">
        <v>0</v>
      </c>
      <c r="BH23" s="314">
        <v>0</v>
      </c>
      <c r="BI23" s="315">
        <v>262</v>
      </c>
      <c r="BJ23" s="315">
        <v>352</v>
      </c>
      <c r="BK23" s="315">
        <v>251</v>
      </c>
      <c r="BL23" s="315">
        <v>60</v>
      </c>
      <c r="BM23" s="315">
        <v>85</v>
      </c>
      <c r="BN23" s="312">
        <v>1010</v>
      </c>
      <c r="BO23" s="317">
        <v>1010</v>
      </c>
      <c r="BP23" s="311">
        <v>7</v>
      </c>
      <c r="BQ23" s="315">
        <v>8</v>
      </c>
      <c r="BR23" s="312">
        <v>15</v>
      </c>
      <c r="BS23" s="314">
        <v>0</v>
      </c>
      <c r="BT23" s="315">
        <v>124</v>
      </c>
      <c r="BU23" s="315">
        <v>410</v>
      </c>
      <c r="BV23" s="315">
        <v>1169</v>
      </c>
      <c r="BW23" s="315">
        <v>952</v>
      </c>
      <c r="BX23" s="315">
        <v>381</v>
      </c>
      <c r="BY23" s="312">
        <v>3036</v>
      </c>
      <c r="BZ23" s="317">
        <v>3051</v>
      </c>
      <c r="CA23" s="311">
        <v>0</v>
      </c>
      <c r="CB23" s="315">
        <v>0</v>
      </c>
      <c r="CC23" s="312">
        <v>0</v>
      </c>
      <c r="CD23" s="314">
        <v>0</v>
      </c>
      <c r="CE23" s="315">
        <v>3</v>
      </c>
      <c r="CF23" s="315">
        <v>19</v>
      </c>
      <c r="CG23" s="315">
        <v>10</v>
      </c>
      <c r="CH23" s="315">
        <v>11</v>
      </c>
      <c r="CI23" s="315">
        <v>8</v>
      </c>
      <c r="CJ23" s="312">
        <v>51</v>
      </c>
      <c r="CK23" s="317">
        <v>51</v>
      </c>
      <c r="CL23" s="311">
        <v>0</v>
      </c>
      <c r="CM23" s="315">
        <v>0</v>
      </c>
      <c r="CN23" s="312">
        <v>0</v>
      </c>
      <c r="CO23" s="314">
        <v>0</v>
      </c>
      <c r="CP23" s="315">
        <v>0</v>
      </c>
      <c r="CQ23" s="315">
        <v>0</v>
      </c>
      <c r="CR23" s="315">
        <v>0</v>
      </c>
      <c r="CS23" s="315">
        <v>0</v>
      </c>
      <c r="CT23" s="315">
        <v>0</v>
      </c>
      <c r="CU23" s="312">
        <v>0</v>
      </c>
      <c r="CV23" s="317">
        <v>0</v>
      </c>
      <c r="CW23" s="311">
        <v>0</v>
      </c>
      <c r="CX23" s="315">
        <v>0</v>
      </c>
      <c r="CY23" s="312">
        <v>0</v>
      </c>
      <c r="CZ23" s="314">
        <v>0</v>
      </c>
      <c r="DA23" s="315">
        <v>0</v>
      </c>
      <c r="DB23" s="315">
        <v>0</v>
      </c>
      <c r="DC23" s="315">
        <v>0</v>
      </c>
      <c r="DD23" s="315">
        <v>0</v>
      </c>
      <c r="DE23" s="315">
        <v>0</v>
      </c>
      <c r="DF23" s="312">
        <v>0</v>
      </c>
      <c r="DG23" s="317">
        <v>0</v>
      </c>
    </row>
    <row r="24" spans="1:111" ht="18.75" customHeight="1" x14ac:dyDescent="0.2">
      <c r="A24" s="296" t="s">
        <v>22</v>
      </c>
      <c r="B24" s="311">
        <v>0</v>
      </c>
      <c r="C24" s="315">
        <v>0</v>
      </c>
      <c r="D24" s="437">
        <v>0</v>
      </c>
      <c r="E24" s="314">
        <v>0</v>
      </c>
      <c r="F24" s="315">
        <v>814</v>
      </c>
      <c r="G24" s="315">
        <v>1060</v>
      </c>
      <c r="H24" s="315">
        <v>618</v>
      </c>
      <c r="I24" s="315">
        <v>1371</v>
      </c>
      <c r="J24" s="315">
        <v>1248</v>
      </c>
      <c r="K24" s="316">
        <v>5111</v>
      </c>
      <c r="L24" s="317">
        <v>5111</v>
      </c>
      <c r="M24" s="311">
        <v>0</v>
      </c>
      <c r="N24" s="315">
        <v>0</v>
      </c>
      <c r="O24" s="312">
        <v>0</v>
      </c>
      <c r="P24" s="314">
        <v>0</v>
      </c>
      <c r="Q24" s="315">
        <v>0</v>
      </c>
      <c r="R24" s="315">
        <v>5</v>
      </c>
      <c r="S24" s="315">
        <v>33</v>
      </c>
      <c r="T24" s="315">
        <v>35</v>
      </c>
      <c r="U24" s="315">
        <v>101</v>
      </c>
      <c r="V24" s="312">
        <v>174</v>
      </c>
      <c r="W24" s="317">
        <v>174</v>
      </c>
      <c r="X24" s="311">
        <v>14</v>
      </c>
      <c r="Y24" s="315">
        <v>63</v>
      </c>
      <c r="Z24" s="312">
        <v>77</v>
      </c>
      <c r="AA24" s="314">
        <v>0</v>
      </c>
      <c r="AB24" s="315">
        <v>234</v>
      </c>
      <c r="AC24" s="315">
        <v>582</v>
      </c>
      <c r="AD24" s="315">
        <v>158</v>
      </c>
      <c r="AE24" s="315">
        <v>251</v>
      </c>
      <c r="AF24" s="315">
        <v>308</v>
      </c>
      <c r="AG24" s="312">
        <v>1533</v>
      </c>
      <c r="AH24" s="317">
        <v>1610</v>
      </c>
      <c r="AI24" s="311">
        <v>0</v>
      </c>
      <c r="AJ24" s="315">
        <v>20</v>
      </c>
      <c r="AK24" s="312">
        <v>20</v>
      </c>
      <c r="AL24" s="314">
        <v>0</v>
      </c>
      <c r="AM24" s="315">
        <v>91</v>
      </c>
      <c r="AN24" s="315">
        <v>133</v>
      </c>
      <c r="AO24" s="315">
        <v>60</v>
      </c>
      <c r="AP24" s="315">
        <v>25</v>
      </c>
      <c r="AQ24" s="315">
        <v>23</v>
      </c>
      <c r="AR24" s="312">
        <v>332</v>
      </c>
      <c r="AS24" s="317">
        <v>352</v>
      </c>
      <c r="AT24" s="311">
        <v>0</v>
      </c>
      <c r="AU24" s="315">
        <v>0</v>
      </c>
      <c r="AV24" s="312">
        <v>0</v>
      </c>
      <c r="AW24" s="314">
        <v>0</v>
      </c>
      <c r="AX24" s="315">
        <v>1058</v>
      </c>
      <c r="AY24" s="315">
        <v>984</v>
      </c>
      <c r="AZ24" s="315">
        <v>384</v>
      </c>
      <c r="BA24" s="315">
        <v>331</v>
      </c>
      <c r="BB24" s="315">
        <v>137</v>
      </c>
      <c r="BC24" s="316">
        <v>2894</v>
      </c>
      <c r="BD24" s="317">
        <v>2894</v>
      </c>
      <c r="BE24" s="311">
        <v>0</v>
      </c>
      <c r="BF24" s="315">
        <v>0</v>
      </c>
      <c r="BG24" s="312">
        <v>0</v>
      </c>
      <c r="BH24" s="314">
        <v>0</v>
      </c>
      <c r="BI24" s="315">
        <v>84</v>
      </c>
      <c r="BJ24" s="315">
        <v>71</v>
      </c>
      <c r="BK24" s="315">
        <v>78</v>
      </c>
      <c r="BL24" s="315">
        <v>53</v>
      </c>
      <c r="BM24" s="315">
        <v>21</v>
      </c>
      <c r="BN24" s="312">
        <v>307</v>
      </c>
      <c r="BO24" s="317">
        <v>307</v>
      </c>
      <c r="BP24" s="311">
        <v>0</v>
      </c>
      <c r="BQ24" s="315">
        <v>8</v>
      </c>
      <c r="BR24" s="312">
        <v>8</v>
      </c>
      <c r="BS24" s="314">
        <v>0</v>
      </c>
      <c r="BT24" s="315">
        <v>52</v>
      </c>
      <c r="BU24" s="315">
        <v>129</v>
      </c>
      <c r="BV24" s="315">
        <v>380</v>
      </c>
      <c r="BW24" s="315">
        <v>178</v>
      </c>
      <c r="BX24" s="315">
        <v>52</v>
      </c>
      <c r="BY24" s="312">
        <v>791</v>
      </c>
      <c r="BZ24" s="317">
        <v>799</v>
      </c>
      <c r="CA24" s="311">
        <v>0</v>
      </c>
      <c r="CB24" s="315">
        <v>0</v>
      </c>
      <c r="CC24" s="312">
        <v>0</v>
      </c>
      <c r="CD24" s="314">
        <v>0</v>
      </c>
      <c r="CE24" s="315">
        <v>13</v>
      </c>
      <c r="CF24" s="315">
        <v>39</v>
      </c>
      <c r="CG24" s="315">
        <v>57</v>
      </c>
      <c r="CH24" s="315">
        <v>14</v>
      </c>
      <c r="CI24" s="315">
        <v>24</v>
      </c>
      <c r="CJ24" s="312">
        <v>147</v>
      </c>
      <c r="CK24" s="317">
        <v>147</v>
      </c>
      <c r="CL24" s="311">
        <v>0</v>
      </c>
      <c r="CM24" s="315">
        <v>0</v>
      </c>
      <c r="CN24" s="312">
        <v>0</v>
      </c>
      <c r="CO24" s="314">
        <v>0</v>
      </c>
      <c r="CP24" s="315">
        <v>0</v>
      </c>
      <c r="CQ24" s="315">
        <v>0</v>
      </c>
      <c r="CR24" s="315">
        <v>0</v>
      </c>
      <c r="CS24" s="315">
        <v>0</v>
      </c>
      <c r="CT24" s="315">
        <v>0</v>
      </c>
      <c r="CU24" s="312">
        <v>0</v>
      </c>
      <c r="CV24" s="317">
        <v>0</v>
      </c>
      <c r="CW24" s="311">
        <v>0</v>
      </c>
      <c r="CX24" s="315">
        <v>0</v>
      </c>
      <c r="CY24" s="312">
        <v>0</v>
      </c>
      <c r="CZ24" s="314">
        <v>0</v>
      </c>
      <c r="DA24" s="315">
        <v>0</v>
      </c>
      <c r="DB24" s="315">
        <v>0</v>
      </c>
      <c r="DC24" s="315">
        <v>0</v>
      </c>
      <c r="DD24" s="315">
        <v>0</v>
      </c>
      <c r="DE24" s="315">
        <v>0</v>
      </c>
      <c r="DF24" s="312">
        <v>0</v>
      </c>
      <c r="DG24" s="317">
        <v>0</v>
      </c>
    </row>
    <row r="25" spans="1:111" ht="18.75" customHeight="1" x14ac:dyDescent="0.2">
      <c r="A25" s="296" t="s">
        <v>23</v>
      </c>
      <c r="B25" s="311">
        <v>0</v>
      </c>
      <c r="C25" s="315">
        <v>0</v>
      </c>
      <c r="D25" s="437">
        <v>0</v>
      </c>
      <c r="E25" s="314">
        <v>0</v>
      </c>
      <c r="F25" s="315">
        <v>1382</v>
      </c>
      <c r="G25" s="315">
        <v>2263</v>
      </c>
      <c r="H25" s="315">
        <v>2417</v>
      </c>
      <c r="I25" s="315">
        <v>3113</v>
      </c>
      <c r="J25" s="315">
        <v>2058</v>
      </c>
      <c r="K25" s="316">
        <v>11233</v>
      </c>
      <c r="L25" s="317">
        <v>11233</v>
      </c>
      <c r="M25" s="311">
        <v>0</v>
      </c>
      <c r="N25" s="315">
        <v>0</v>
      </c>
      <c r="O25" s="312">
        <v>0</v>
      </c>
      <c r="P25" s="314">
        <v>0</v>
      </c>
      <c r="Q25" s="315">
        <v>10</v>
      </c>
      <c r="R25" s="315">
        <v>4</v>
      </c>
      <c r="S25" s="315">
        <v>31</v>
      </c>
      <c r="T25" s="315">
        <v>51</v>
      </c>
      <c r="U25" s="315">
        <v>63</v>
      </c>
      <c r="V25" s="312">
        <v>159</v>
      </c>
      <c r="W25" s="317">
        <v>159</v>
      </c>
      <c r="X25" s="311">
        <v>249</v>
      </c>
      <c r="Y25" s="315">
        <v>574</v>
      </c>
      <c r="Z25" s="312">
        <v>823</v>
      </c>
      <c r="AA25" s="314">
        <v>0</v>
      </c>
      <c r="AB25" s="315">
        <v>1155</v>
      </c>
      <c r="AC25" s="315">
        <v>2038</v>
      </c>
      <c r="AD25" s="315">
        <v>1080</v>
      </c>
      <c r="AE25" s="315">
        <v>929</v>
      </c>
      <c r="AF25" s="315">
        <v>736</v>
      </c>
      <c r="AG25" s="312">
        <v>5938</v>
      </c>
      <c r="AH25" s="317">
        <v>6761</v>
      </c>
      <c r="AI25" s="311">
        <v>0</v>
      </c>
      <c r="AJ25" s="315">
        <v>120</v>
      </c>
      <c r="AK25" s="312">
        <v>120</v>
      </c>
      <c r="AL25" s="314">
        <v>0</v>
      </c>
      <c r="AM25" s="315">
        <v>79</v>
      </c>
      <c r="AN25" s="315">
        <v>153</v>
      </c>
      <c r="AO25" s="315">
        <v>90</v>
      </c>
      <c r="AP25" s="315">
        <v>52</v>
      </c>
      <c r="AQ25" s="315">
        <v>32</v>
      </c>
      <c r="AR25" s="312">
        <v>406</v>
      </c>
      <c r="AS25" s="317">
        <v>526</v>
      </c>
      <c r="AT25" s="311">
        <v>0</v>
      </c>
      <c r="AU25" s="315">
        <v>0</v>
      </c>
      <c r="AV25" s="312">
        <v>0</v>
      </c>
      <c r="AW25" s="314">
        <v>0</v>
      </c>
      <c r="AX25" s="315">
        <v>2129</v>
      </c>
      <c r="AY25" s="315">
        <v>1795</v>
      </c>
      <c r="AZ25" s="315">
        <v>1061</v>
      </c>
      <c r="BA25" s="315">
        <v>720</v>
      </c>
      <c r="BB25" s="315">
        <v>328</v>
      </c>
      <c r="BC25" s="316">
        <v>6033</v>
      </c>
      <c r="BD25" s="317">
        <v>6033</v>
      </c>
      <c r="BE25" s="311">
        <v>0</v>
      </c>
      <c r="BF25" s="315">
        <v>0</v>
      </c>
      <c r="BG25" s="312">
        <v>0</v>
      </c>
      <c r="BH25" s="314">
        <v>0</v>
      </c>
      <c r="BI25" s="315">
        <v>248</v>
      </c>
      <c r="BJ25" s="315">
        <v>416</v>
      </c>
      <c r="BK25" s="315">
        <v>182</v>
      </c>
      <c r="BL25" s="315">
        <v>191</v>
      </c>
      <c r="BM25" s="315">
        <v>37</v>
      </c>
      <c r="BN25" s="312">
        <v>1074</v>
      </c>
      <c r="BO25" s="317">
        <v>1074</v>
      </c>
      <c r="BP25" s="311">
        <v>6</v>
      </c>
      <c r="BQ25" s="315">
        <v>2</v>
      </c>
      <c r="BR25" s="312">
        <v>8</v>
      </c>
      <c r="BS25" s="314">
        <v>0</v>
      </c>
      <c r="BT25" s="315">
        <v>93</v>
      </c>
      <c r="BU25" s="315">
        <v>308</v>
      </c>
      <c r="BV25" s="315">
        <v>454</v>
      </c>
      <c r="BW25" s="315">
        <v>520</v>
      </c>
      <c r="BX25" s="315">
        <v>144</v>
      </c>
      <c r="BY25" s="312">
        <v>1519</v>
      </c>
      <c r="BZ25" s="317">
        <v>1527</v>
      </c>
      <c r="CA25" s="311">
        <v>0</v>
      </c>
      <c r="CB25" s="315">
        <v>0</v>
      </c>
      <c r="CC25" s="312">
        <v>0</v>
      </c>
      <c r="CD25" s="314">
        <v>0</v>
      </c>
      <c r="CE25" s="315">
        <v>3</v>
      </c>
      <c r="CF25" s="315">
        <v>18</v>
      </c>
      <c r="CG25" s="315">
        <v>4</v>
      </c>
      <c r="CH25" s="315">
        <v>3</v>
      </c>
      <c r="CI25" s="315">
        <v>41</v>
      </c>
      <c r="CJ25" s="312">
        <v>69</v>
      </c>
      <c r="CK25" s="317">
        <v>69</v>
      </c>
      <c r="CL25" s="311">
        <v>0</v>
      </c>
      <c r="CM25" s="315">
        <v>0</v>
      </c>
      <c r="CN25" s="312">
        <v>0</v>
      </c>
      <c r="CO25" s="314">
        <v>0</v>
      </c>
      <c r="CP25" s="315">
        <v>0</v>
      </c>
      <c r="CQ25" s="315">
        <v>0</v>
      </c>
      <c r="CR25" s="315">
        <v>0</v>
      </c>
      <c r="CS25" s="315">
        <v>0</v>
      </c>
      <c r="CT25" s="315">
        <v>0</v>
      </c>
      <c r="CU25" s="312">
        <v>0</v>
      </c>
      <c r="CV25" s="317">
        <v>0</v>
      </c>
      <c r="CW25" s="311">
        <v>0</v>
      </c>
      <c r="CX25" s="315">
        <v>0</v>
      </c>
      <c r="CY25" s="312">
        <v>0</v>
      </c>
      <c r="CZ25" s="314">
        <v>0</v>
      </c>
      <c r="DA25" s="315">
        <v>0</v>
      </c>
      <c r="DB25" s="315">
        <v>0</v>
      </c>
      <c r="DC25" s="315">
        <v>0</v>
      </c>
      <c r="DD25" s="315">
        <v>0</v>
      </c>
      <c r="DE25" s="315">
        <v>0</v>
      </c>
      <c r="DF25" s="312">
        <v>0</v>
      </c>
      <c r="DG25" s="317">
        <v>0</v>
      </c>
    </row>
    <row r="26" spans="1:111" ht="18.75" customHeight="1" x14ac:dyDescent="0.2">
      <c r="A26" s="296" t="s">
        <v>24</v>
      </c>
      <c r="B26" s="311">
        <v>0</v>
      </c>
      <c r="C26" s="315">
        <v>0</v>
      </c>
      <c r="D26" s="437">
        <v>0</v>
      </c>
      <c r="E26" s="314">
        <v>0</v>
      </c>
      <c r="F26" s="315">
        <v>775</v>
      </c>
      <c r="G26" s="315">
        <v>705</v>
      </c>
      <c r="H26" s="315">
        <v>886</v>
      </c>
      <c r="I26" s="315">
        <v>1391</v>
      </c>
      <c r="J26" s="315">
        <v>1768</v>
      </c>
      <c r="K26" s="316">
        <v>5525</v>
      </c>
      <c r="L26" s="317">
        <v>5525</v>
      </c>
      <c r="M26" s="311">
        <v>0</v>
      </c>
      <c r="N26" s="315">
        <v>0</v>
      </c>
      <c r="O26" s="312">
        <v>0</v>
      </c>
      <c r="P26" s="314">
        <v>0</v>
      </c>
      <c r="Q26" s="315">
        <v>4</v>
      </c>
      <c r="R26" s="315">
        <v>3</v>
      </c>
      <c r="S26" s="315">
        <v>5</v>
      </c>
      <c r="T26" s="315">
        <v>47</v>
      </c>
      <c r="U26" s="315">
        <v>69</v>
      </c>
      <c r="V26" s="312">
        <v>128</v>
      </c>
      <c r="W26" s="317">
        <v>128</v>
      </c>
      <c r="X26" s="311">
        <v>61</v>
      </c>
      <c r="Y26" s="315">
        <v>86</v>
      </c>
      <c r="Z26" s="312">
        <v>147</v>
      </c>
      <c r="AA26" s="314">
        <v>0</v>
      </c>
      <c r="AB26" s="315">
        <v>487</v>
      </c>
      <c r="AC26" s="315">
        <v>349</v>
      </c>
      <c r="AD26" s="315">
        <v>325</v>
      </c>
      <c r="AE26" s="315">
        <v>334</v>
      </c>
      <c r="AF26" s="315">
        <v>225</v>
      </c>
      <c r="AG26" s="312">
        <v>1720</v>
      </c>
      <c r="AH26" s="317">
        <v>1867</v>
      </c>
      <c r="AI26" s="311">
        <v>12</v>
      </c>
      <c r="AJ26" s="315">
        <v>24</v>
      </c>
      <c r="AK26" s="312">
        <v>36</v>
      </c>
      <c r="AL26" s="314">
        <v>0</v>
      </c>
      <c r="AM26" s="315">
        <v>53</v>
      </c>
      <c r="AN26" s="315">
        <v>40</v>
      </c>
      <c r="AO26" s="315">
        <v>8</v>
      </c>
      <c r="AP26" s="315">
        <v>68</v>
      </c>
      <c r="AQ26" s="315">
        <v>85</v>
      </c>
      <c r="AR26" s="312">
        <v>254</v>
      </c>
      <c r="AS26" s="317">
        <v>290</v>
      </c>
      <c r="AT26" s="311">
        <v>0</v>
      </c>
      <c r="AU26" s="315">
        <v>0</v>
      </c>
      <c r="AV26" s="312">
        <v>0</v>
      </c>
      <c r="AW26" s="314">
        <v>0</v>
      </c>
      <c r="AX26" s="315">
        <v>753</v>
      </c>
      <c r="AY26" s="315">
        <v>552</v>
      </c>
      <c r="AZ26" s="315">
        <v>371</v>
      </c>
      <c r="BA26" s="315">
        <v>127</v>
      </c>
      <c r="BB26" s="315">
        <v>43</v>
      </c>
      <c r="BC26" s="316">
        <v>1846</v>
      </c>
      <c r="BD26" s="317">
        <v>1846</v>
      </c>
      <c r="BE26" s="311">
        <v>0</v>
      </c>
      <c r="BF26" s="315">
        <v>0</v>
      </c>
      <c r="BG26" s="312">
        <v>0</v>
      </c>
      <c r="BH26" s="314">
        <v>0</v>
      </c>
      <c r="BI26" s="315">
        <v>345</v>
      </c>
      <c r="BJ26" s="315">
        <v>245</v>
      </c>
      <c r="BK26" s="315">
        <v>127</v>
      </c>
      <c r="BL26" s="315">
        <v>84</v>
      </c>
      <c r="BM26" s="315">
        <v>86</v>
      </c>
      <c r="BN26" s="312">
        <v>887</v>
      </c>
      <c r="BO26" s="317">
        <v>887</v>
      </c>
      <c r="BP26" s="311">
        <v>2</v>
      </c>
      <c r="BQ26" s="315">
        <v>3</v>
      </c>
      <c r="BR26" s="312">
        <v>5</v>
      </c>
      <c r="BS26" s="314">
        <v>0</v>
      </c>
      <c r="BT26" s="315">
        <v>102</v>
      </c>
      <c r="BU26" s="315">
        <v>200</v>
      </c>
      <c r="BV26" s="315">
        <v>262</v>
      </c>
      <c r="BW26" s="315">
        <v>172</v>
      </c>
      <c r="BX26" s="315">
        <v>163</v>
      </c>
      <c r="BY26" s="312">
        <v>899</v>
      </c>
      <c r="BZ26" s="317">
        <v>904</v>
      </c>
      <c r="CA26" s="311">
        <v>0</v>
      </c>
      <c r="CB26" s="315">
        <v>0</v>
      </c>
      <c r="CC26" s="312">
        <v>0</v>
      </c>
      <c r="CD26" s="314">
        <v>0</v>
      </c>
      <c r="CE26" s="315">
        <v>4</v>
      </c>
      <c r="CF26" s="315">
        <v>0</v>
      </c>
      <c r="CG26" s="315">
        <v>0</v>
      </c>
      <c r="CH26" s="315">
        <v>3</v>
      </c>
      <c r="CI26" s="315">
        <v>13</v>
      </c>
      <c r="CJ26" s="312">
        <v>20</v>
      </c>
      <c r="CK26" s="317">
        <v>20</v>
      </c>
      <c r="CL26" s="311">
        <v>0</v>
      </c>
      <c r="CM26" s="315">
        <v>0</v>
      </c>
      <c r="CN26" s="312">
        <v>0</v>
      </c>
      <c r="CO26" s="314">
        <v>0</v>
      </c>
      <c r="CP26" s="315">
        <v>0</v>
      </c>
      <c r="CQ26" s="315">
        <v>0</v>
      </c>
      <c r="CR26" s="315">
        <v>0</v>
      </c>
      <c r="CS26" s="315">
        <v>0</v>
      </c>
      <c r="CT26" s="315">
        <v>0</v>
      </c>
      <c r="CU26" s="312">
        <v>0</v>
      </c>
      <c r="CV26" s="317">
        <v>0</v>
      </c>
      <c r="CW26" s="311">
        <v>0</v>
      </c>
      <c r="CX26" s="315">
        <v>0</v>
      </c>
      <c r="CY26" s="312">
        <v>0</v>
      </c>
      <c r="CZ26" s="314">
        <v>0</v>
      </c>
      <c r="DA26" s="315">
        <v>0</v>
      </c>
      <c r="DB26" s="315">
        <v>0</v>
      </c>
      <c r="DC26" s="315">
        <v>0</v>
      </c>
      <c r="DD26" s="315">
        <v>0</v>
      </c>
      <c r="DE26" s="315">
        <v>0</v>
      </c>
      <c r="DF26" s="312">
        <v>0</v>
      </c>
      <c r="DG26" s="317">
        <v>0</v>
      </c>
    </row>
    <row r="27" spans="1:111" ht="18.75" customHeight="1" x14ac:dyDescent="0.2">
      <c r="A27" s="296" t="s">
        <v>25</v>
      </c>
      <c r="B27" s="311">
        <v>0</v>
      </c>
      <c r="C27" s="315">
        <v>0</v>
      </c>
      <c r="D27" s="437">
        <v>0</v>
      </c>
      <c r="E27" s="314">
        <v>0</v>
      </c>
      <c r="F27" s="315">
        <v>1102</v>
      </c>
      <c r="G27" s="315">
        <v>1009</v>
      </c>
      <c r="H27" s="315">
        <v>1253</v>
      </c>
      <c r="I27" s="315">
        <v>2473</v>
      </c>
      <c r="J27" s="315">
        <v>1693</v>
      </c>
      <c r="K27" s="316">
        <v>7530</v>
      </c>
      <c r="L27" s="317">
        <v>7530</v>
      </c>
      <c r="M27" s="311">
        <v>0</v>
      </c>
      <c r="N27" s="315">
        <v>0</v>
      </c>
      <c r="O27" s="312">
        <v>0</v>
      </c>
      <c r="P27" s="314">
        <v>0</v>
      </c>
      <c r="Q27" s="315">
        <v>10</v>
      </c>
      <c r="R27" s="315">
        <v>20</v>
      </c>
      <c r="S27" s="315">
        <v>21</v>
      </c>
      <c r="T27" s="315">
        <v>85</v>
      </c>
      <c r="U27" s="315">
        <v>104</v>
      </c>
      <c r="V27" s="312">
        <v>240</v>
      </c>
      <c r="W27" s="317">
        <v>240</v>
      </c>
      <c r="X27" s="311">
        <v>68</v>
      </c>
      <c r="Y27" s="315">
        <v>149</v>
      </c>
      <c r="Z27" s="312">
        <v>217</v>
      </c>
      <c r="AA27" s="314">
        <v>0</v>
      </c>
      <c r="AB27" s="315">
        <v>464</v>
      </c>
      <c r="AC27" s="315">
        <v>400</v>
      </c>
      <c r="AD27" s="315">
        <v>247</v>
      </c>
      <c r="AE27" s="315">
        <v>234</v>
      </c>
      <c r="AF27" s="315">
        <v>299</v>
      </c>
      <c r="AG27" s="312">
        <v>1644</v>
      </c>
      <c r="AH27" s="317">
        <v>1861</v>
      </c>
      <c r="AI27" s="311">
        <v>25</v>
      </c>
      <c r="AJ27" s="315">
        <v>40</v>
      </c>
      <c r="AK27" s="312">
        <v>65</v>
      </c>
      <c r="AL27" s="314">
        <v>0</v>
      </c>
      <c r="AM27" s="315">
        <v>26</v>
      </c>
      <c r="AN27" s="315">
        <v>65</v>
      </c>
      <c r="AO27" s="315">
        <v>94</v>
      </c>
      <c r="AP27" s="315">
        <v>32</v>
      </c>
      <c r="AQ27" s="315">
        <v>52</v>
      </c>
      <c r="AR27" s="312">
        <v>269</v>
      </c>
      <c r="AS27" s="317">
        <v>334</v>
      </c>
      <c r="AT27" s="311">
        <v>0</v>
      </c>
      <c r="AU27" s="315">
        <v>0</v>
      </c>
      <c r="AV27" s="312">
        <v>0</v>
      </c>
      <c r="AW27" s="314">
        <v>0</v>
      </c>
      <c r="AX27" s="315">
        <v>1142</v>
      </c>
      <c r="AY27" s="315">
        <v>609</v>
      </c>
      <c r="AZ27" s="315">
        <v>313</v>
      </c>
      <c r="BA27" s="315">
        <v>514</v>
      </c>
      <c r="BB27" s="315">
        <v>59</v>
      </c>
      <c r="BC27" s="316">
        <v>2637</v>
      </c>
      <c r="BD27" s="317">
        <v>2637</v>
      </c>
      <c r="BE27" s="311">
        <v>0</v>
      </c>
      <c r="BF27" s="315">
        <v>0</v>
      </c>
      <c r="BG27" s="312">
        <v>0</v>
      </c>
      <c r="BH27" s="314">
        <v>0</v>
      </c>
      <c r="BI27" s="315">
        <v>247</v>
      </c>
      <c r="BJ27" s="315">
        <v>335</v>
      </c>
      <c r="BK27" s="315">
        <v>137</v>
      </c>
      <c r="BL27" s="315">
        <v>121</v>
      </c>
      <c r="BM27" s="315">
        <v>63</v>
      </c>
      <c r="BN27" s="312">
        <v>903</v>
      </c>
      <c r="BO27" s="317">
        <v>903</v>
      </c>
      <c r="BP27" s="311">
        <v>0</v>
      </c>
      <c r="BQ27" s="315">
        <v>11</v>
      </c>
      <c r="BR27" s="312">
        <v>11</v>
      </c>
      <c r="BS27" s="314">
        <v>0</v>
      </c>
      <c r="BT27" s="315">
        <v>91</v>
      </c>
      <c r="BU27" s="315">
        <v>134</v>
      </c>
      <c r="BV27" s="315">
        <v>58</v>
      </c>
      <c r="BW27" s="315">
        <v>151</v>
      </c>
      <c r="BX27" s="315">
        <v>52</v>
      </c>
      <c r="BY27" s="312">
        <v>486</v>
      </c>
      <c r="BZ27" s="317">
        <v>497</v>
      </c>
      <c r="CA27" s="311">
        <v>0</v>
      </c>
      <c r="CB27" s="315">
        <v>0</v>
      </c>
      <c r="CC27" s="312">
        <v>0</v>
      </c>
      <c r="CD27" s="314">
        <v>0</v>
      </c>
      <c r="CE27" s="315">
        <v>3</v>
      </c>
      <c r="CF27" s="315">
        <v>33</v>
      </c>
      <c r="CG27" s="315">
        <v>3</v>
      </c>
      <c r="CH27" s="315">
        <v>30</v>
      </c>
      <c r="CI27" s="315">
        <v>13</v>
      </c>
      <c r="CJ27" s="312">
        <v>82</v>
      </c>
      <c r="CK27" s="317">
        <v>82</v>
      </c>
      <c r="CL27" s="311">
        <v>0</v>
      </c>
      <c r="CM27" s="315">
        <v>0</v>
      </c>
      <c r="CN27" s="312">
        <v>0</v>
      </c>
      <c r="CO27" s="314">
        <v>0</v>
      </c>
      <c r="CP27" s="315">
        <v>0</v>
      </c>
      <c r="CQ27" s="315">
        <v>0</v>
      </c>
      <c r="CR27" s="315">
        <v>0</v>
      </c>
      <c r="CS27" s="315">
        <v>0</v>
      </c>
      <c r="CT27" s="315">
        <v>0</v>
      </c>
      <c r="CU27" s="312">
        <v>0</v>
      </c>
      <c r="CV27" s="317">
        <v>0</v>
      </c>
      <c r="CW27" s="311">
        <v>0</v>
      </c>
      <c r="CX27" s="315">
        <v>0</v>
      </c>
      <c r="CY27" s="312">
        <v>0</v>
      </c>
      <c r="CZ27" s="314">
        <v>0</v>
      </c>
      <c r="DA27" s="315">
        <v>0</v>
      </c>
      <c r="DB27" s="315">
        <v>0</v>
      </c>
      <c r="DC27" s="315">
        <v>0</v>
      </c>
      <c r="DD27" s="315">
        <v>0</v>
      </c>
      <c r="DE27" s="315">
        <v>0</v>
      </c>
      <c r="DF27" s="312">
        <v>0</v>
      </c>
      <c r="DG27" s="317">
        <v>0</v>
      </c>
    </row>
    <row r="28" spans="1:111" ht="18.75" customHeight="1" x14ac:dyDescent="0.2">
      <c r="A28" s="296" t="s">
        <v>26</v>
      </c>
      <c r="B28" s="311">
        <v>0</v>
      </c>
      <c r="C28" s="315">
        <v>0</v>
      </c>
      <c r="D28" s="437">
        <v>0</v>
      </c>
      <c r="E28" s="314">
        <v>0</v>
      </c>
      <c r="F28" s="315">
        <v>791</v>
      </c>
      <c r="G28" s="315">
        <v>1240</v>
      </c>
      <c r="H28" s="315">
        <v>945</v>
      </c>
      <c r="I28" s="315">
        <v>1575</v>
      </c>
      <c r="J28" s="315">
        <v>1824</v>
      </c>
      <c r="K28" s="316">
        <v>6375</v>
      </c>
      <c r="L28" s="317">
        <v>6375</v>
      </c>
      <c r="M28" s="311">
        <v>0</v>
      </c>
      <c r="N28" s="315">
        <v>0</v>
      </c>
      <c r="O28" s="312">
        <v>0</v>
      </c>
      <c r="P28" s="314">
        <v>0</v>
      </c>
      <c r="Q28" s="315">
        <v>0</v>
      </c>
      <c r="R28" s="315">
        <v>21</v>
      </c>
      <c r="S28" s="315">
        <v>17</v>
      </c>
      <c r="T28" s="315">
        <v>55</v>
      </c>
      <c r="U28" s="315">
        <v>85</v>
      </c>
      <c r="V28" s="312">
        <v>178</v>
      </c>
      <c r="W28" s="317">
        <v>178</v>
      </c>
      <c r="X28" s="311">
        <v>44</v>
      </c>
      <c r="Y28" s="315">
        <v>123</v>
      </c>
      <c r="Z28" s="312">
        <v>167</v>
      </c>
      <c r="AA28" s="314">
        <v>0</v>
      </c>
      <c r="AB28" s="315">
        <v>347</v>
      </c>
      <c r="AC28" s="315">
        <v>361</v>
      </c>
      <c r="AD28" s="315">
        <v>244</v>
      </c>
      <c r="AE28" s="315">
        <v>256</v>
      </c>
      <c r="AF28" s="315">
        <v>407</v>
      </c>
      <c r="AG28" s="312">
        <v>1615</v>
      </c>
      <c r="AH28" s="317">
        <v>1782</v>
      </c>
      <c r="AI28" s="311">
        <v>16</v>
      </c>
      <c r="AJ28" s="315">
        <v>0</v>
      </c>
      <c r="AK28" s="312">
        <v>16</v>
      </c>
      <c r="AL28" s="314">
        <v>0</v>
      </c>
      <c r="AM28" s="315">
        <v>66</v>
      </c>
      <c r="AN28" s="315">
        <v>67</v>
      </c>
      <c r="AO28" s="315">
        <v>64</v>
      </c>
      <c r="AP28" s="315">
        <v>4</v>
      </c>
      <c r="AQ28" s="315">
        <v>29</v>
      </c>
      <c r="AR28" s="312">
        <v>230</v>
      </c>
      <c r="AS28" s="317">
        <v>246</v>
      </c>
      <c r="AT28" s="311">
        <v>0</v>
      </c>
      <c r="AU28" s="315">
        <v>0</v>
      </c>
      <c r="AV28" s="312">
        <v>0</v>
      </c>
      <c r="AW28" s="314">
        <v>0</v>
      </c>
      <c r="AX28" s="315">
        <v>808</v>
      </c>
      <c r="AY28" s="315">
        <v>560</v>
      </c>
      <c r="AZ28" s="315">
        <v>402</v>
      </c>
      <c r="BA28" s="315">
        <v>196</v>
      </c>
      <c r="BB28" s="315">
        <v>155</v>
      </c>
      <c r="BC28" s="316">
        <v>2121</v>
      </c>
      <c r="BD28" s="317">
        <v>2121</v>
      </c>
      <c r="BE28" s="311">
        <v>0</v>
      </c>
      <c r="BF28" s="315">
        <v>0</v>
      </c>
      <c r="BG28" s="312">
        <v>0</v>
      </c>
      <c r="BH28" s="314">
        <v>0</v>
      </c>
      <c r="BI28" s="315">
        <v>110</v>
      </c>
      <c r="BJ28" s="315">
        <v>157</v>
      </c>
      <c r="BK28" s="315">
        <v>79</v>
      </c>
      <c r="BL28" s="315">
        <v>45</v>
      </c>
      <c r="BM28" s="315">
        <v>38</v>
      </c>
      <c r="BN28" s="312">
        <v>429</v>
      </c>
      <c r="BO28" s="317">
        <v>429</v>
      </c>
      <c r="BP28" s="311">
        <v>0</v>
      </c>
      <c r="BQ28" s="315">
        <v>21</v>
      </c>
      <c r="BR28" s="312">
        <v>21</v>
      </c>
      <c r="BS28" s="314">
        <v>0</v>
      </c>
      <c r="BT28" s="315">
        <v>56</v>
      </c>
      <c r="BU28" s="315">
        <v>65</v>
      </c>
      <c r="BV28" s="315">
        <v>193</v>
      </c>
      <c r="BW28" s="315">
        <v>162</v>
      </c>
      <c r="BX28" s="315">
        <v>128</v>
      </c>
      <c r="BY28" s="312">
        <v>604</v>
      </c>
      <c r="BZ28" s="317">
        <v>625</v>
      </c>
      <c r="CA28" s="311">
        <v>0</v>
      </c>
      <c r="CB28" s="315">
        <v>0</v>
      </c>
      <c r="CC28" s="312">
        <v>0</v>
      </c>
      <c r="CD28" s="314">
        <v>0</v>
      </c>
      <c r="CE28" s="315">
        <v>9</v>
      </c>
      <c r="CF28" s="315">
        <v>2</v>
      </c>
      <c r="CG28" s="315">
        <v>17</v>
      </c>
      <c r="CH28" s="315">
        <v>28</v>
      </c>
      <c r="CI28" s="315">
        <v>12</v>
      </c>
      <c r="CJ28" s="312">
        <v>68</v>
      </c>
      <c r="CK28" s="317">
        <v>68</v>
      </c>
      <c r="CL28" s="311">
        <v>0</v>
      </c>
      <c r="CM28" s="315">
        <v>0</v>
      </c>
      <c r="CN28" s="312">
        <v>0</v>
      </c>
      <c r="CO28" s="314">
        <v>0</v>
      </c>
      <c r="CP28" s="315">
        <v>0</v>
      </c>
      <c r="CQ28" s="315">
        <v>0</v>
      </c>
      <c r="CR28" s="315">
        <v>0</v>
      </c>
      <c r="CS28" s="315">
        <v>0</v>
      </c>
      <c r="CT28" s="315">
        <v>0</v>
      </c>
      <c r="CU28" s="312">
        <v>0</v>
      </c>
      <c r="CV28" s="317">
        <v>0</v>
      </c>
      <c r="CW28" s="311">
        <v>0</v>
      </c>
      <c r="CX28" s="315">
        <v>0</v>
      </c>
      <c r="CY28" s="312">
        <v>0</v>
      </c>
      <c r="CZ28" s="314">
        <v>0</v>
      </c>
      <c r="DA28" s="315">
        <v>0</v>
      </c>
      <c r="DB28" s="315">
        <v>0</v>
      </c>
      <c r="DC28" s="315">
        <v>0</v>
      </c>
      <c r="DD28" s="315">
        <v>0</v>
      </c>
      <c r="DE28" s="315">
        <v>0</v>
      </c>
      <c r="DF28" s="312">
        <v>0</v>
      </c>
      <c r="DG28" s="317">
        <v>0</v>
      </c>
    </row>
    <row r="29" spans="1:111" ht="18.75" customHeight="1" x14ac:dyDescent="0.2">
      <c r="A29" s="296" t="s">
        <v>27</v>
      </c>
      <c r="B29" s="311">
        <v>0</v>
      </c>
      <c r="C29" s="315">
        <v>0</v>
      </c>
      <c r="D29" s="437">
        <v>0</v>
      </c>
      <c r="E29" s="314">
        <v>0</v>
      </c>
      <c r="F29" s="315">
        <v>811</v>
      </c>
      <c r="G29" s="315">
        <v>676</v>
      </c>
      <c r="H29" s="315">
        <v>1147</v>
      </c>
      <c r="I29" s="315">
        <v>1101</v>
      </c>
      <c r="J29" s="315">
        <v>1386</v>
      </c>
      <c r="K29" s="316">
        <v>5121</v>
      </c>
      <c r="L29" s="317">
        <v>5121</v>
      </c>
      <c r="M29" s="311">
        <v>0</v>
      </c>
      <c r="N29" s="315">
        <v>0</v>
      </c>
      <c r="O29" s="312">
        <v>0</v>
      </c>
      <c r="P29" s="314">
        <v>0</v>
      </c>
      <c r="Q29" s="315">
        <v>1</v>
      </c>
      <c r="R29" s="315">
        <v>12</v>
      </c>
      <c r="S29" s="315">
        <v>15</v>
      </c>
      <c r="T29" s="315">
        <v>56</v>
      </c>
      <c r="U29" s="315">
        <v>48</v>
      </c>
      <c r="V29" s="312">
        <v>132</v>
      </c>
      <c r="W29" s="317">
        <v>132</v>
      </c>
      <c r="X29" s="311">
        <v>128</v>
      </c>
      <c r="Y29" s="315">
        <v>237</v>
      </c>
      <c r="Z29" s="312">
        <v>365</v>
      </c>
      <c r="AA29" s="314">
        <v>0</v>
      </c>
      <c r="AB29" s="315">
        <v>211</v>
      </c>
      <c r="AC29" s="315">
        <v>369</v>
      </c>
      <c r="AD29" s="315">
        <v>262</v>
      </c>
      <c r="AE29" s="315">
        <v>347</v>
      </c>
      <c r="AF29" s="315">
        <v>267</v>
      </c>
      <c r="AG29" s="312">
        <v>1456</v>
      </c>
      <c r="AH29" s="317">
        <v>1821</v>
      </c>
      <c r="AI29" s="311">
        <v>9</v>
      </c>
      <c r="AJ29" s="315">
        <v>36</v>
      </c>
      <c r="AK29" s="312">
        <v>45</v>
      </c>
      <c r="AL29" s="314">
        <v>0</v>
      </c>
      <c r="AM29" s="315">
        <v>0</v>
      </c>
      <c r="AN29" s="315">
        <v>12</v>
      </c>
      <c r="AO29" s="315">
        <v>9</v>
      </c>
      <c r="AP29" s="315">
        <v>0</v>
      </c>
      <c r="AQ29" s="315">
        <v>12</v>
      </c>
      <c r="AR29" s="312">
        <v>33</v>
      </c>
      <c r="AS29" s="317">
        <v>78</v>
      </c>
      <c r="AT29" s="311">
        <v>0</v>
      </c>
      <c r="AU29" s="315">
        <v>0</v>
      </c>
      <c r="AV29" s="312">
        <v>0</v>
      </c>
      <c r="AW29" s="314">
        <v>0</v>
      </c>
      <c r="AX29" s="315">
        <v>690</v>
      </c>
      <c r="AY29" s="315">
        <v>567</v>
      </c>
      <c r="AZ29" s="315">
        <v>324</v>
      </c>
      <c r="BA29" s="315">
        <v>249</v>
      </c>
      <c r="BB29" s="315">
        <v>129</v>
      </c>
      <c r="BC29" s="316">
        <v>1959</v>
      </c>
      <c r="BD29" s="317">
        <v>1959</v>
      </c>
      <c r="BE29" s="311">
        <v>0</v>
      </c>
      <c r="BF29" s="315">
        <v>0</v>
      </c>
      <c r="BG29" s="312">
        <v>0</v>
      </c>
      <c r="BH29" s="314">
        <v>0</v>
      </c>
      <c r="BI29" s="315">
        <v>103</v>
      </c>
      <c r="BJ29" s="315">
        <v>144</v>
      </c>
      <c r="BK29" s="315">
        <v>71</v>
      </c>
      <c r="BL29" s="315">
        <v>44</v>
      </c>
      <c r="BM29" s="315">
        <v>23</v>
      </c>
      <c r="BN29" s="312">
        <v>385</v>
      </c>
      <c r="BO29" s="317">
        <v>385</v>
      </c>
      <c r="BP29" s="311">
        <v>0</v>
      </c>
      <c r="BQ29" s="315">
        <v>0</v>
      </c>
      <c r="BR29" s="312">
        <v>0</v>
      </c>
      <c r="BS29" s="314">
        <v>0</v>
      </c>
      <c r="BT29" s="315">
        <v>106</v>
      </c>
      <c r="BU29" s="315">
        <v>117</v>
      </c>
      <c r="BV29" s="315">
        <v>122</v>
      </c>
      <c r="BW29" s="315">
        <v>125</v>
      </c>
      <c r="BX29" s="315">
        <v>24</v>
      </c>
      <c r="BY29" s="312">
        <v>494</v>
      </c>
      <c r="BZ29" s="317">
        <v>494</v>
      </c>
      <c r="CA29" s="311">
        <v>0</v>
      </c>
      <c r="CB29" s="315">
        <v>0</v>
      </c>
      <c r="CC29" s="312">
        <v>0</v>
      </c>
      <c r="CD29" s="314">
        <v>0</v>
      </c>
      <c r="CE29" s="315">
        <v>8</v>
      </c>
      <c r="CF29" s="315">
        <v>0</v>
      </c>
      <c r="CG29" s="315">
        <v>4</v>
      </c>
      <c r="CH29" s="315">
        <v>18</v>
      </c>
      <c r="CI29" s="315">
        <v>24</v>
      </c>
      <c r="CJ29" s="312">
        <v>54</v>
      </c>
      <c r="CK29" s="317">
        <v>54</v>
      </c>
      <c r="CL29" s="311">
        <v>0</v>
      </c>
      <c r="CM29" s="315">
        <v>0</v>
      </c>
      <c r="CN29" s="312">
        <v>0</v>
      </c>
      <c r="CO29" s="314">
        <v>0</v>
      </c>
      <c r="CP29" s="315">
        <v>0</v>
      </c>
      <c r="CQ29" s="315">
        <v>0</v>
      </c>
      <c r="CR29" s="315">
        <v>0</v>
      </c>
      <c r="CS29" s="315">
        <v>0</v>
      </c>
      <c r="CT29" s="315">
        <v>0</v>
      </c>
      <c r="CU29" s="312">
        <v>0</v>
      </c>
      <c r="CV29" s="317">
        <v>0</v>
      </c>
      <c r="CW29" s="311">
        <v>0</v>
      </c>
      <c r="CX29" s="315">
        <v>0</v>
      </c>
      <c r="CY29" s="312">
        <v>0</v>
      </c>
      <c r="CZ29" s="314">
        <v>0</v>
      </c>
      <c r="DA29" s="315">
        <v>0</v>
      </c>
      <c r="DB29" s="315">
        <v>0</v>
      </c>
      <c r="DC29" s="315">
        <v>0</v>
      </c>
      <c r="DD29" s="315">
        <v>0</v>
      </c>
      <c r="DE29" s="315">
        <v>0</v>
      </c>
      <c r="DF29" s="312">
        <v>0</v>
      </c>
      <c r="DG29" s="317">
        <v>0</v>
      </c>
    </row>
    <row r="30" spans="1:111" ht="18.75" customHeight="1" x14ac:dyDescent="0.2">
      <c r="A30" s="296" t="s">
        <v>28</v>
      </c>
      <c r="B30" s="311">
        <v>0</v>
      </c>
      <c r="C30" s="315">
        <v>0</v>
      </c>
      <c r="D30" s="437">
        <v>0</v>
      </c>
      <c r="E30" s="314">
        <v>0</v>
      </c>
      <c r="F30" s="315">
        <v>178</v>
      </c>
      <c r="G30" s="315">
        <v>151</v>
      </c>
      <c r="H30" s="315">
        <v>113</v>
      </c>
      <c r="I30" s="315">
        <v>74</v>
      </c>
      <c r="J30" s="315">
        <v>327</v>
      </c>
      <c r="K30" s="316">
        <v>843</v>
      </c>
      <c r="L30" s="317">
        <v>843</v>
      </c>
      <c r="M30" s="311">
        <v>0</v>
      </c>
      <c r="N30" s="315">
        <v>0</v>
      </c>
      <c r="O30" s="312">
        <v>0</v>
      </c>
      <c r="P30" s="314">
        <v>0</v>
      </c>
      <c r="Q30" s="315">
        <v>0</v>
      </c>
      <c r="R30" s="315">
        <v>0</v>
      </c>
      <c r="S30" s="315">
        <v>4</v>
      </c>
      <c r="T30" s="315">
        <v>4</v>
      </c>
      <c r="U30" s="315">
        <v>16</v>
      </c>
      <c r="V30" s="312">
        <v>24</v>
      </c>
      <c r="W30" s="317">
        <v>24</v>
      </c>
      <c r="X30" s="311">
        <v>15</v>
      </c>
      <c r="Y30" s="315">
        <v>14</v>
      </c>
      <c r="Z30" s="312">
        <v>29</v>
      </c>
      <c r="AA30" s="314">
        <v>0</v>
      </c>
      <c r="AB30" s="315">
        <v>47</v>
      </c>
      <c r="AC30" s="315">
        <v>165</v>
      </c>
      <c r="AD30" s="315">
        <v>41</v>
      </c>
      <c r="AE30" s="315">
        <v>63</v>
      </c>
      <c r="AF30" s="315">
        <v>115</v>
      </c>
      <c r="AG30" s="312">
        <v>431</v>
      </c>
      <c r="AH30" s="317">
        <v>460</v>
      </c>
      <c r="AI30" s="311">
        <v>0</v>
      </c>
      <c r="AJ30" s="315">
        <v>0</v>
      </c>
      <c r="AK30" s="312">
        <v>0</v>
      </c>
      <c r="AL30" s="314">
        <v>0</v>
      </c>
      <c r="AM30" s="315">
        <v>54</v>
      </c>
      <c r="AN30" s="315">
        <v>0</v>
      </c>
      <c r="AO30" s="315">
        <v>0</v>
      </c>
      <c r="AP30" s="315">
        <v>12</v>
      </c>
      <c r="AQ30" s="315">
        <v>21</v>
      </c>
      <c r="AR30" s="312">
        <v>87</v>
      </c>
      <c r="AS30" s="317">
        <v>87</v>
      </c>
      <c r="AT30" s="311">
        <v>0</v>
      </c>
      <c r="AU30" s="315">
        <v>0</v>
      </c>
      <c r="AV30" s="312">
        <v>0</v>
      </c>
      <c r="AW30" s="314">
        <v>0</v>
      </c>
      <c r="AX30" s="315">
        <v>240</v>
      </c>
      <c r="AY30" s="315">
        <v>304</v>
      </c>
      <c r="AZ30" s="315">
        <v>174</v>
      </c>
      <c r="BA30" s="315">
        <v>129</v>
      </c>
      <c r="BB30" s="315">
        <v>79</v>
      </c>
      <c r="BC30" s="316">
        <v>926</v>
      </c>
      <c r="BD30" s="317">
        <v>926</v>
      </c>
      <c r="BE30" s="311">
        <v>0</v>
      </c>
      <c r="BF30" s="315">
        <v>0</v>
      </c>
      <c r="BG30" s="312">
        <v>0</v>
      </c>
      <c r="BH30" s="314">
        <v>0</v>
      </c>
      <c r="BI30" s="315">
        <v>7</v>
      </c>
      <c r="BJ30" s="315">
        <v>50</v>
      </c>
      <c r="BK30" s="315">
        <v>36</v>
      </c>
      <c r="BL30" s="315">
        <v>29</v>
      </c>
      <c r="BM30" s="315">
        <v>16</v>
      </c>
      <c r="BN30" s="312">
        <v>138</v>
      </c>
      <c r="BO30" s="317">
        <v>138</v>
      </c>
      <c r="BP30" s="311">
        <v>0</v>
      </c>
      <c r="BQ30" s="315">
        <v>0</v>
      </c>
      <c r="BR30" s="312">
        <v>0</v>
      </c>
      <c r="BS30" s="314">
        <v>0</v>
      </c>
      <c r="BT30" s="315">
        <v>2</v>
      </c>
      <c r="BU30" s="315">
        <v>19</v>
      </c>
      <c r="BV30" s="315">
        <v>58</v>
      </c>
      <c r="BW30" s="315">
        <v>15</v>
      </c>
      <c r="BX30" s="315">
        <v>38</v>
      </c>
      <c r="BY30" s="312">
        <v>132</v>
      </c>
      <c r="BZ30" s="317">
        <v>132</v>
      </c>
      <c r="CA30" s="311">
        <v>0</v>
      </c>
      <c r="CB30" s="315">
        <v>0</v>
      </c>
      <c r="CC30" s="312">
        <v>0</v>
      </c>
      <c r="CD30" s="314">
        <v>0</v>
      </c>
      <c r="CE30" s="315">
        <v>4</v>
      </c>
      <c r="CF30" s="315">
        <v>21</v>
      </c>
      <c r="CG30" s="315">
        <v>14</v>
      </c>
      <c r="CH30" s="315">
        <v>6</v>
      </c>
      <c r="CI30" s="315">
        <v>0</v>
      </c>
      <c r="CJ30" s="312">
        <v>45</v>
      </c>
      <c r="CK30" s="317">
        <v>45</v>
      </c>
      <c r="CL30" s="311">
        <v>0</v>
      </c>
      <c r="CM30" s="315">
        <v>0</v>
      </c>
      <c r="CN30" s="312">
        <v>0</v>
      </c>
      <c r="CO30" s="314">
        <v>0</v>
      </c>
      <c r="CP30" s="315">
        <v>0</v>
      </c>
      <c r="CQ30" s="315">
        <v>0</v>
      </c>
      <c r="CR30" s="315">
        <v>0</v>
      </c>
      <c r="CS30" s="315">
        <v>0</v>
      </c>
      <c r="CT30" s="315">
        <v>0</v>
      </c>
      <c r="CU30" s="312">
        <v>0</v>
      </c>
      <c r="CV30" s="317">
        <v>0</v>
      </c>
      <c r="CW30" s="311">
        <v>0</v>
      </c>
      <c r="CX30" s="315">
        <v>0</v>
      </c>
      <c r="CY30" s="312">
        <v>0</v>
      </c>
      <c r="CZ30" s="314">
        <v>0</v>
      </c>
      <c r="DA30" s="315">
        <v>0</v>
      </c>
      <c r="DB30" s="315">
        <v>0</v>
      </c>
      <c r="DC30" s="315">
        <v>0</v>
      </c>
      <c r="DD30" s="315">
        <v>0</v>
      </c>
      <c r="DE30" s="315">
        <v>0</v>
      </c>
      <c r="DF30" s="312">
        <v>0</v>
      </c>
      <c r="DG30" s="317">
        <v>0</v>
      </c>
    </row>
    <row r="31" spans="1:111" ht="18.75" customHeight="1" x14ac:dyDescent="0.2">
      <c r="A31" s="296" t="s">
        <v>29</v>
      </c>
      <c r="B31" s="311">
        <v>0</v>
      </c>
      <c r="C31" s="315">
        <v>0</v>
      </c>
      <c r="D31" s="437">
        <v>0</v>
      </c>
      <c r="E31" s="314">
        <v>0</v>
      </c>
      <c r="F31" s="315">
        <v>245</v>
      </c>
      <c r="G31" s="315">
        <v>338</v>
      </c>
      <c r="H31" s="315">
        <v>386</v>
      </c>
      <c r="I31" s="315">
        <v>817</v>
      </c>
      <c r="J31" s="315">
        <v>464</v>
      </c>
      <c r="K31" s="316">
        <v>2250</v>
      </c>
      <c r="L31" s="317">
        <v>2250</v>
      </c>
      <c r="M31" s="311">
        <v>0</v>
      </c>
      <c r="N31" s="315">
        <v>0</v>
      </c>
      <c r="O31" s="312">
        <v>0</v>
      </c>
      <c r="P31" s="314">
        <v>0</v>
      </c>
      <c r="Q31" s="315">
        <v>0</v>
      </c>
      <c r="R31" s="315">
        <v>11</v>
      </c>
      <c r="S31" s="315">
        <v>3</v>
      </c>
      <c r="T31" s="315">
        <v>21</v>
      </c>
      <c r="U31" s="315">
        <v>15</v>
      </c>
      <c r="V31" s="312">
        <v>50</v>
      </c>
      <c r="W31" s="317">
        <v>50</v>
      </c>
      <c r="X31" s="311">
        <v>18</v>
      </c>
      <c r="Y31" s="315">
        <v>42</v>
      </c>
      <c r="Z31" s="312">
        <v>60</v>
      </c>
      <c r="AA31" s="314">
        <v>0</v>
      </c>
      <c r="AB31" s="315">
        <v>127</v>
      </c>
      <c r="AC31" s="315">
        <v>126</v>
      </c>
      <c r="AD31" s="315">
        <v>142</v>
      </c>
      <c r="AE31" s="315">
        <v>95</v>
      </c>
      <c r="AF31" s="315">
        <v>61</v>
      </c>
      <c r="AG31" s="312">
        <v>551</v>
      </c>
      <c r="AH31" s="317">
        <v>611</v>
      </c>
      <c r="AI31" s="311">
        <v>0</v>
      </c>
      <c r="AJ31" s="315">
        <v>12</v>
      </c>
      <c r="AK31" s="312">
        <v>12</v>
      </c>
      <c r="AL31" s="314">
        <v>0</v>
      </c>
      <c r="AM31" s="315">
        <v>24</v>
      </c>
      <c r="AN31" s="315">
        <v>36</v>
      </c>
      <c r="AO31" s="315">
        <v>0</v>
      </c>
      <c r="AP31" s="315">
        <v>32</v>
      </c>
      <c r="AQ31" s="315">
        <v>0</v>
      </c>
      <c r="AR31" s="312">
        <v>92</v>
      </c>
      <c r="AS31" s="317">
        <v>104</v>
      </c>
      <c r="AT31" s="311">
        <v>0</v>
      </c>
      <c r="AU31" s="315">
        <v>0</v>
      </c>
      <c r="AV31" s="312">
        <v>0</v>
      </c>
      <c r="AW31" s="314">
        <v>0</v>
      </c>
      <c r="AX31" s="315">
        <v>259</v>
      </c>
      <c r="AY31" s="315">
        <v>311</v>
      </c>
      <c r="AZ31" s="315">
        <v>231</v>
      </c>
      <c r="BA31" s="315">
        <v>170</v>
      </c>
      <c r="BB31" s="315">
        <v>86</v>
      </c>
      <c r="BC31" s="316">
        <v>1057</v>
      </c>
      <c r="BD31" s="317">
        <v>1057</v>
      </c>
      <c r="BE31" s="311">
        <v>0</v>
      </c>
      <c r="BF31" s="315">
        <v>0</v>
      </c>
      <c r="BG31" s="312">
        <v>0</v>
      </c>
      <c r="BH31" s="314">
        <v>0</v>
      </c>
      <c r="BI31" s="315">
        <v>57</v>
      </c>
      <c r="BJ31" s="315">
        <v>37</v>
      </c>
      <c r="BK31" s="315">
        <v>22</v>
      </c>
      <c r="BL31" s="315">
        <v>21</v>
      </c>
      <c r="BM31" s="315">
        <v>10</v>
      </c>
      <c r="BN31" s="312">
        <v>147</v>
      </c>
      <c r="BO31" s="317">
        <v>147</v>
      </c>
      <c r="BP31" s="311">
        <v>0</v>
      </c>
      <c r="BQ31" s="315">
        <v>0</v>
      </c>
      <c r="BR31" s="312">
        <v>0</v>
      </c>
      <c r="BS31" s="314">
        <v>0</v>
      </c>
      <c r="BT31" s="315">
        <v>11</v>
      </c>
      <c r="BU31" s="315">
        <v>58</v>
      </c>
      <c r="BV31" s="315">
        <v>173</v>
      </c>
      <c r="BW31" s="315">
        <v>117</v>
      </c>
      <c r="BX31" s="315">
        <v>52</v>
      </c>
      <c r="BY31" s="312">
        <v>411</v>
      </c>
      <c r="BZ31" s="317">
        <v>411</v>
      </c>
      <c r="CA31" s="311">
        <v>0</v>
      </c>
      <c r="CB31" s="315">
        <v>0</v>
      </c>
      <c r="CC31" s="312">
        <v>0</v>
      </c>
      <c r="CD31" s="314">
        <v>0</v>
      </c>
      <c r="CE31" s="315">
        <v>0</v>
      </c>
      <c r="CF31" s="315">
        <v>37</v>
      </c>
      <c r="CG31" s="315">
        <v>5</v>
      </c>
      <c r="CH31" s="315">
        <v>6</v>
      </c>
      <c r="CI31" s="315">
        <v>2</v>
      </c>
      <c r="CJ31" s="312">
        <v>50</v>
      </c>
      <c r="CK31" s="317">
        <v>50</v>
      </c>
      <c r="CL31" s="311">
        <v>0</v>
      </c>
      <c r="CM31" s="315">
        <v>0</v>
      </c>
      <c r="CN31" s="312">
        <v>0</v>
      </c>
      <c r="CO31" s="314">
        <v>0</v>
      </c>
      <c r="CP31" s="315">
        <v>0</v>
      </c>
      <c r="CQ31" s="315">
        <v>0</v>
      </c>
      <c r="CR31" s="315">
        <v>0</v>
      </c>
      <c r="CS31" s="315">
        <v>0</v>
      </c>
      <c r="CT31" s="315">
        <v>0</v>
      </c>
      <c r="CU31" s="312">
        <v>0</v>
      </c>
      <c r="CV31" s="317">
        <v>0</v>
      </c>
      <c r="CW31" s="311">
        <v>0</v>
      </c>
      <c r="CX31" s="315">
        <v>0</v>
      </c>
      <c r="CY31" s="312">
        <v>0</v>
      </c>
      <c r="CZ31" s="314">
        <v>0</v>
      </c>
      <c r="DA31" s="315">
        <v>0</v>
      </c>
      <c r="DB31" s="315">
        <v>0</v>
      </c>
      <c r="DC31" s="315">
        <v>0</v>
      </c>
      <c r="DD31" s="315">
        <v>0</v>
      </c>
      <c r="DE31" s="315">
        <v>0</v>
      </c>
      <c r="DF31" s="312">
        <v>0</v>
      </c>
      <c r="DG31" s="317">
        <v>0</v>
      </c>
    </row>
    <row r="32" spans="1:111" ht="18.75" customHeight="1" x14ac:dyDescent="0.2">
      <c r="A32" s="296" t="s">
        <v>30</v>
      </c>
      <c r="B32" s="311">
        <v>0</v>
      </c>
      <c r="C32" s="315">
        <v>0</v>
      </c>
      <c r="D32" s="437">
        <v>0</v>
      </c>
      <c r="E32" s="314">
        <v>0</v>
      </c>
      <c r="F32" s="315">
        <v>121</v>
      </c>
      <c r="G32" s="315">
        <v>335</v>
      </c>
      <c r="H32" s="315">
        <v>618</v>
      </c>
      <c r="I32" s="315">
        <v>416</v>
      </c>
      <c r="J32" s="315">
        <v>480</v>
      </c>
      <c r="K32" s="316">
        <v>1970</v>
      </c>
      <c r="L32" s="317">
        <v>1970</v>
      </c>
      <c r="M32" s="311">
        <v>0</v>
      </c>
      <c r="N32" s="315">
        <v>0</v>
      </c>
      <c r="O32" s="312">
        <v>0</v>
      </c>
      <c r="P32" s="314">
        <v>0</v>
      </c>
      <c r="Q32" s="315">
        <v>2</v>
      </c>
      <c r="R32" s="315">
        <v>8</v>
      </c>
      <c r="S32" s="315">
        <v>14</v>
      </c>
      <c r="T32" s="315">
        <v>31</v>
      </c>
      <c r="U32" s="315">
        <v>25</v>
      </c>
      <c r="V32" s="312">
        <v>80</v>
      </c>
      <c r="W32" s="317">
        <v>80</v>
      </c>
      <c r="X32" s="311">
        <v>30</v>
      </c>
      <c r="Y32" s="315">
        <v>55</v>
      </c>
      <c r="Z32" s="312">
        <v>85</v>
      </c>
      <c r="AA32" s="314">
        <v>0</v>
      </c>
      <c r="AB32" s="315">
        <v>126</v>
      </c>
      <c r="AC32" s="315">
        <v>130</v>
      </c>
      <c r="AD32" s="315">
        <v>126</v>
      </c>
      <c r="AE32" s="315">
        <v>95</v>
      </c>
      <c r="AF32" s="315">
        <v>26</v>
      </c>
      <c r="AG32" s="312">
        <v>503</v>
      </c>
      <c r="AH32" s="317">
        <v>588</v>
      </c>
      <c r="AI32" s="311">
        <v>0</v>
      </c>
      <c r="AJ32" s="315">
        <v>0</v>
      </c>
      <c r="AK32" s="312">
        <v>0</v>
      </c>
      <c r="AL32" s="314">
        <v>0</v>
      </c>
      <c r="AM32" s="315">
        <v>25</v>
      </c>
      <c r="AN32" s="315">
        <v>12</v>
      </c>
      <c r="AO32" s="315">
        <v>12</v>
      </c>
      <c r="AP32" s="315">
        <v>12</v>
      </c>
      <c r="AQ32" s="315">
        <v>0</v>
      </c>
      <c r="AR32" s="312">
        <v>61</v>
      </c>
      <c r="AS32" s="317">
        <v>61</v>
      </c>
      <c r="AT32" s="311">
        <v>0</v>
      </c>
      <c r="AU32" s="315">
        <v>0</v>
      </c>
      <c r="AV32" s="312">
        <v>0</v>
      </c>
      <c r="AW32" s="314">
        <v>0</v>
      </c>
      <c r="AX32" s="315">
        <v>227</v>
      </c>
      <c r="AY32" s="315">
        <v>158</v>
      </c>
      <c r="AZ32" s="315">
        <v>256</v>
      </c>
      <c r="BA32" s="315">
        <v>88</v>
      </c>
      <c r="BB32" s="315">
        <v>7</v>
      </c>
      <c r="BC32" s="316">
        <v>736</v>
      </c>
      <c r="BD32" s="317">
        <v>736</v>
      </c>
      <c r="BE32" s="311">
        <v>0</v>
      </c>
      <c r="BF32" s="315">
        <v>0</v>
      </c>
      <c r="BG32" s="312">
        <v>0</v>
      </c>
      <c r="BH32" s="314">
        <v>0</v>
      </c>
      <c r="BI32" s="315">
        <v>10</v>
      </c>
      <c r="BJ32" s="315">
        <v>41</v>
      </c>
      <c r="BK32" s="315">
        <v>1</v>
      </c>
      <c r="BL32" s="315">
        <v>25</v>
      </c>
      <c r="BM32" s="315">
        <v>0</v>
      </c>
      <c r="BN32" s="312">
        <v>77</v>
      </c>
      <c r="BO32" s="317">
        <v>77</v>
      </c>
      <c r="BP32" s="311">
        <v>0</v>
      </c>
      <c r="BQ32" s="315">
        <v>0</v>
      </c>
      <c r="BR32" s="312">
        <v>0</v>
      </c>
      <c r="BS32" s="314">
        <v>0</v>
      </c>
      <c r="BT32" s="315">
        <v>22</v>
      </c>
      <c r="BU32" s="315">
        <v>26</v>
      </c>
      <c r="BV32" s="315">
        <v>127</v>
      </c>
      <c r="BW32" s="315">
        <v>113</v>
      </c>
      <c r="BX32" s="315">
        <v>83</v>
      </c>
      <c r="BY32" s="312">
        <v>371</v>
      </c>
      <c r="BZ32" s="317">
        <v>371</v>
      </c>
      <c r="CA32" s="311">
        <v>0</v>
      </c>
      <c r="CB32" s="315">
        <v>0</v>
      </c>
      <c r="CC32" s="312">
        <v>0</v>
      </c>
      <c r="CD32" s="314">
        <v>0</v>
      </c>
      <c r="CE32" s="315">
        <v>0</v>
      </c>
      <c r="CF32" s="315">
        <v>2</v>
      </c>
      <c r="CG32" s="315">
        <v>4</v>
      </c>
      <c r="CH32" s="315">
        <v>0</v>
      </c>
      <c r="CI32" s="315">
        <v>1</v>
      </c>
      <c r="CJ32" s="312">
        <v>7</v>
      </c>
      <c r="CK32" s="317">
        <v>7</v>
      </c>
      <c r="CL32" s="311">
        <v>0</v>
      </c>
      <c r="CM32" s="315">
        <v>0</v>
      </c>
      <c r="CN32" s="312">
        <v>0</v>
      </c>
      <c r="CO32" s="314">
        <v>0</v>
      </c>
      <c r="CP32" s="315">
        <v>0</v>
      </c>
      <c r="CQ32" s="315">
        <v>0</v>
      </c>
      <c r="CR32" s="315">
        <v>0</v>
      </c>
      <c r="CS32" s="315">
        <v>0</v>
      </c>
      <c r="CT32" s="315">
        <v>0</v>
      </c>
      <c r="CU32" s="312">
        <v>0</v>
      </c>
      <c r="CV32" s="317">
        <v>0</v>
      </c>
      <c r="CW32" s="311">
        <v>0</v>
      </c>
      <c r="CX32" s="315">
        <v>0</v>
      </c>
      <c r="CY32" s="312">
        <v>0</v>
      </c>
      <c r="CZ32" s="314">
        <v>0</v>
      </c>
      <c r="DA32" s="315">
        <v>0</v>
      </c>
      <c r="DB32" s="315">
        <v>0</v>
      </c>
      <c r="DC32" s="315">
        <v>0</v>
      </c>
      <c r="DD32" s="315">
        <v>0</v>
      </c>
      <c r="DE32" s="315">
        <v>0</v>
      </c>
      <c r="DF32" s="312">
        <v>0</v>
      </c>
      <c r="DG32" s="317">
        <v>0</v>
      </c>
    </row>
    <row r="33" spans="1:111" ht="18.75" customHeight="1" x14ac:dyDescent="0.2">
      <c r="A33" s="296" t="s">
        <v>31</v>
      </c>
      <c r="B33" s="311">
        <v>0</v>
      </c>
      <c r="C33" s="315">
        <v>0</v>
      </c>
      <c r="D33" s="437">
        <v>0</v>
      </c>
      <c r="E33" s="314">
        <v>0</v>
      </c>
      <c r="F33" s="315">
        <v>185</v>
      </c>
      <c r="G33" s="315">
        <v>190</v>
      </c>
      <c r="H33" s="315">
        <v>84</v>
      </c>
      <c r="I33" s="315">
        <v>110</v>
      </c>
      <c r="J33" s="315">
        <v>403</v>
      </c>
      <c r="K33" s="316">
        <v>972</v>
      </c>
      <c r="L33" s="317">
        <v>972</v>
      </c>
      <c r="M33" s="311">
        <v>0</v>
      </c>
      <c r="N33" s="315">
        <v>0</v>
      </c>
      <c r="O33" s="312">
        <v>0</v>
      </c>
      <c r="P33" s="314">
        <v>0</v>
      </c>
      <c r="Q33" s="315">
        <v>1</v>
      </c>
      <c r="R33" s="315">
        <v>10</v>
      </c>
      <c r="S33" s="315">
        <v>14</v>
      </c>
      <c r="T33" s="315">
        <v>17</v>
      </c>
      <c r="U33" s="315">
        <v>23</v>
      </c>
      <c r="V33" s="312">
        <v>65</v>
      </c>
      <c r="W33" s="317">
        <v>65</v>
      </c>
      <c r="X33" s="311">
        <v>10</v>
      </c>
      <c r="Y33" s="315">
        <v>16</v>
      </c>
      <c r="Z33" s="312">
        <v>26</v>
      </c>
      <c r="AA33" s="314">
        <v>0</v>
      </c>
      <c r="AB33" s="315">
        <v>60</v>
      </c>
      <c r="AC33" s="315">
        <v>95</v>
      </c>
      <c r="AD33" s="315">
        <v>80</v>
      </c>
      <c r="AE33" s="315">
        <v>89</v>
      </c>
      <c r="AF33" s="315">
        <v>63</v>
      </c>
      <c r="AG33" s="312">
        <v>387</v>
      </c>
      <c r="AH33" s="317">
        <v>413</v>
      </c>
      <c r="AI33" s="311">
        <v>6</v>
      </c>
      <c r="AJ33" s="315">
        <v>15</v>
      </c>
      <c r="AK33" s="312">
        <v>21</v>
      </c>
      <c r="AL33" s="314">
        <v>0</v>
      </c>
      <c r="AM33" s="315">
        <v>12</v>
      </c>
      <c r="AN33" s="315">
        <v>63</v>
      </c>
      <c r="AO33" s="315">
        <v>92</v>
      </c>
      <c r="AP33" s="315">
        <v>45</v>
      </c>
      <c r="AQ33" s="315">
        <v>41</v>
      </c>
      <c r="AR33" s="312">
        <v>253</v>
      </c>
      <c r="AS33" s="317">
        <v>274</v>
      </c>
      <c r="AT33" s="311">
        <v>0</v>
      </c>
      <c r="AU33" s="315">
        <v>0</v>
      </c>
      <c r="AV33" s="312">
        <v>0</v>
      </c>
      <c r="AW33" s="314">
        <v>0</v>
      </c>
      <c r="AX33" s="315">
        <v>163</v>
      </c>
      <c r="AY33" s="315">
        <v>335</v>
      </c>
      <c r="AZ33" s="315">
        <v>185</v>
      </c>
      <c r="BA33" s="315">
        <v>89</v>
      </c>
      <c r="BB33" s="315">
        <v>52</v>
      </c>
      <c r="BC33" s="316">
        <v>824</v>
      </c>
      <c r="BD33" s="317">
        <v>824</v>
      </c>
      <c r="BE33" s="311">
        <v>0</v>
      </c>
      <c r="BF33" s="315">
        <v>0</v>
      </c>
      <c r="BG33" s="312">
        <v>0</v>
      </c>
      <c r="BH33" s="314">
        <v>0</v>
      </c>
      <c r="BI33" s="315">
        <v>9</v>
      </c>
      <c r="BJ33" s="315">
        <v>51</v>
      </c>
      <c r="BK33" s="315">
        <v>14</v>
      </c>
      <c r="BL33" s="315">
        <v>15</v>
      </c>
      <c r="BM33" s="315">
        <v>4</v>
      </c>
      <c r="BN33" s="312">
        <v>93</v>
      </c>
      <c r="BO33" s="317">
        <v>93</v>
      </c>
      <c r="BP33" s="311">
        <v>0</v>
      </c>
      <c r="BQ33" s="315">
        <v>0</v>
      </c>
      <c r="BR33" s="312">
        <v>0</v>
      </c>
      <c r="BS33" s="314">
        <v>0</v>
      </c>
      <c r="BT33" s="315">
        <v>3</v>
      </c>
      <c r="BU33" s="315">
        <v>53</v>
      </c>
      <c r="BV33" s="315">
        <v>149</v>
      </c>
      <c r="BW33" s="315">
        <v>36</v>
      </c>
      <c r="BX33" s="315">
        <v>16</v>
      </c>
      <c r="BY33" s="312">
        <v>257</v>
      </c>
      <c r="BZ33" s="317">
        <v>257</v>
      </c>
      <c r="CA33" s="311">
        <v>0</v>
      </c>
      <c r="CB33" s="315">
        <v>0</v>
      </c>
      <c r="CC33" s="312">
        <v>0</v>
      </c>
      <c r="CD33" s="314">
        <v>0</v>
      </c>
      <c r="CE33" s="315">
        <v>20</v>
      </c>
      <c r="CF33" s="315">
        <v>0</v>
      </c>
      <c r="CG33" s="315">
        <v>0</v>
      </c>
      <c r="CH33" s="315">
        <v>0</v>
      </c>
      <c r="CI33" s="315">
        <v>4</v>
      </c>
      <c r="CJ33" s="312">
        <v>24</v>
      </c>
      <c r="CK33" s="317">
        <v>24</v>
      </c>
      <c r="CL33" s="311">
        <v>0</v>
      </c>
      <c r="CM33" s="315">
        <v>0</v>
      </c>
      <c r="CN33" s="312">
        <v>0</v>
      </c>
      <c r="CO33" s="314">
        <v>0</v>
      </c>
      <c r="CP33" s="315">
        <v>0</v>
      </c>
      <c r="CQ33" s="315">
        <v>0</v>
      </c>
      <c r="CR33" s="315">
        <v>0</v>
      </c>
      <c r="CS33" s="315">
        <v>0</v>
      </c>
      <c r="CT33" s="315">
        <v>0</v>
      </c>
      <c r="CU33" s="312">
        <v>0</v>
      </c>
      <c r="CV33" s="317">
        <v>0</v>
      </c>
      <c r="CW33" s="311">
        <v>0</v>
      </c>
      <c r="CX33" s="315">
        <v>0</v>
      </c>
      <c r="CY33" s="312">
        <v>0</v>
      </c>
      <c r="CZ33" s="314">
        <v>0</v>
      </c>
      <c r="DA33" s="315">
        <v>0</v>
      </c>
      <c r="DB33" s="315">
        <v>0</v>
      </c>
      <c r="DC33" s="315">
        <v>0</v>
      </c>
      <c r="DD33" s="315">
        <v>0</v>
      </c>
      <c r="DE33" s="315">
        <v>0</v>
      </c>
      <c r="DF33" s="312">
        <v>0</v>
      </c>
      <c r="DG33" s="317">
        <v>0</v>
      </c>
    </row>
    <row r="34" spans="1:111" ht="18.75" customHeight="1" x14ac:dyDescent="0.2">
      <c r="A34" s="296" t="s">
        <v>32</v>
      </c>
      <c r="B34" s="311">
        <v>0</v>
      </c>
      <c r="C34" s="315">
        <v>0</v>
      </c>
      <c r="D34" s="437">
        <v>0</v>
      </c>
      <c r="E34" s="314">
        <v>0</v>
      </c>
      <c r="F34" s="315">
        <v>331</v>
      </c>
      <c r="G34" s="315">
        <v>226</v>
      </c>
      <c r="H34" s="315">
        <v>558</v>
      </c>
      <c r="I34" s="315">
        <v>498</v>
      </c>
      <c r="J34" s="315">
        <v>494</v>
      </c>
      <c r="K34" s="316">
        <v>2107</v>
      </c>
      <c r="L34" s="317">
        <v>2107</v>
      </c>
      <c r="M34" s="311">
        <v>0</v>
      </c>
      <c r="N34" s="315">
        <v>0</v>
      </c>
      <c r="O34" s="312">
        <v>0</v>
      </c>
      <c r="P34" s="314">
        <v>0</v>
      </c>
      <c r="Q34" s="315">
        <v>0</v>
      </c>
      <c r="R34" s="315">
        <v>10</v>
      </c>
      <c r="S34" s="315">
        <v>4</v>
      </c>
      <c r="T34" s="315">
        <v>13</v>
      </c>
      <c r="U34" s="315">
        <v>50</v>
      </c>
      <c r="V34" s="312">
        <v>77</v>
      </c>
      <c r="W34" s="317">
        <v>77</v>
      </c>
      <c r="X34" s="311">
        <v>27</v>
      </c>
      <c r="Y34" s="315">
        <v>40</v>
      </c>
      <c r="Z34" s="312">
        <v>67</v>
      </c>
      <c r="AA34" s="314">
        <v>0</v>
      </c>
      <c r="AB34" s="315">
        <v>174</v>
      </c>
      <c r="AC34" s="315">
        <v>159</v>
      </c>
      <c r="AD34" s="315">
        <v>129</v>
      </c>
      <c r="AE34" s="315">
        <v>112</v>
      </c>
      <c r="AF34" s="315">
        <v>62</v>
      </c>
      <c r="AG34" s="312">
        <v>636</v>
      </c>
      <c r="AH34" s="317">
        <v>703</v>
      </c>
      <c r="AI34" s="311">
        <v>6</v>
      </c>
      <c r="AJ34" s="315">
        <v>9</v>
      </c>
      <c r="AK34" s="312">
        <v>15</v>
      </c>
      <c r="AL34" s="314">
        <v>0</v>
      </c>
      <c r="AM34" s="315">
        <v>102</v>
      </c>
      <c r="AN34" s="315">
        <v>0</v>
      </c>
      <c r="AO34" s="315">
        <v>30</v>
      </c>
      <c r="AP34" s="315">
        <v>0</v>
      </c>
      <c r="AQ34" s="315">
        <v>44</v>
      </c>
      <c r="AR34" s="312">
        <v>176</v>
      </c>
      <c r="AS34" s="317">
        <v>191</v>
      </c>
      <c r="AT34" s="311">
        <v>0</v>
      </c>
      <c r="AU34" s="315">
        <v>0</v>
      </c>
      <c r="AV34" s="312">
        <v>0</v>
      </c>
      <c r="AW34" s="314">
        <v>0</v>
      </c>
      <c r="AX34" s="315">
        <v>392</v>
      </c>
      <c r="AY34" s="315">
        <v>476</v>
      </c>
      <c r="AZ34" s="315">
        <v>258</v>
      </c>
      <c r="BA34" s="315">
        <v>169</v>
      </c>
      <c r="BB34" s="315">
        <v>8</v>
      </c>
      <c r="BC34" s="316">
        <v>1303</v>
      </c>
      <c r="BD34" s="317">
        <v>1303</v>
      </c>
      <c r="BE34" s="311">
        <v>0</v>
      </c>
      <c r="BF34" s="315">
        <v>0</v>
      </c>
      <c r="BG34" s="312">
        <v>0</v>
      </c>
      <c r="BH34" s="314">
        <v>0</v>
      </c>
      <c r="BI34" s="315">
        <v>35</v>
      </c>
      <c r="BJ34" s="315">
        <v>30</v>
      </c>
      <c r="BK34" s="315">
        <v>9</v>
      </c>
      <c r="BL34" s="315">
        <v>17</v>
      </c>
      <c r="BM34" s="315">
        <v>18</v>
      </c>
      <c r="BN34" s="312">
        <v>109</v>
      </c>
      <c r="BO34" s="317">
        <v>109</v>
      </c>
      <c r="BP34" s="311">
        <v>0</v>
      </c>
      <c r="BQ34" s="315">
        <v>0</v>
      </c>
      <c r="BR34" s="312">
        <v>0</v>
      </c>
      <c r="BS34" s="314">
        <v>0</v>
      </c>
      <c r="BT34" s="315">
        <v>18</v>
      </c>
      <c r="BU34" s="315">
        <v>49</v>
      </c>
      <c r="BV34" s="315">
        <v>90</v>
      </c>
      <c r="BW34" s="315">
        <v>26</v>
      </c>
      <c r="BX34" s="315">
        <v>0</v>
      </c>
      <c r="BY34" s="312">
        <v>183</v>
      </c>
      <c r="BZ34" s="317">
        <v>183</v>
      </c>
      <c r="CA34" s="311">
        <v>0</v>
      </c>
      <c r="CB34" s="315">
        <v>0</v>
      </c>
      <c r="CC34" s="312">
        <v>0</v>
      </c>
      <c r="CD34" s="314">
        <v>0</v>
      </c>
      <c r="CE34" s="315">
        <v>0</v>
      </c>
      <c r="CF34" s="315">
        <v>27</v>
      </c>
      <c r="CG34" s="315">
        <v>3</v>
      </c>
      <c r="CH34" s="315">
        <v>5</v>
      </c>
      <c r="CI34" s="315">
        <v>16</v>
      </c>
      <c r="CJ34" s="312">
        <v>51</v>
      </c>
      <c r="CK34" s="317">
        <v>51</v>
      </c>
      <c r="CL34" s="311">
        <v>0</v>
      </c>
      <c r="CM34" s="315">
        <v>0</v>
      </c>
      <c r="CN34" s="312">
        <v>0</v>
      </c>
      <c r="CO34" s="314">
        <v>0</v>
      </c>
      <c r="CP34" s="315">
        <v>0</v>
      </c>
      <c r="CQ34" s="315">
        <v>0</v>
      </c>
      <c r="CR34" s="315">
        <v>0</v>
      </c>
      <c r="CS34" s="315">
        <v>0</v>
      </c>
      <c r="CT34" s="315">
        <v>0</v>
      </c>
      <c r="CU34" s="312">
        <v>0</v>
      </c>
      <c r="CV34" s="317">
        <v>0</v>
      </c>
      <c r="CW34" s="311">
        <v>0</v>
      </c>
      <c r="CX34" s="315">
        <v>0</v>
      </c>
      <c r="CY34" s="312">
        <v>0</v>
      </c>
      <c r="CZ34" s="314">
        <v>0</v>
      </c>
      <c r="DA34" s="315">
        <v>0</v>
      </c>
      <c r="DB34" s="315">
        <v>0</v>
      </c>
      <c r="DC34" s="315">
        <v>0</v>
      </c>
      <c r="DD34" s="315">
        <v>0</v>
      </c>
      <c r="DE34" s="315">
        <v>0</v>
      </c>
      <c r="DF34" s="312">
        <v>0</v>
      </c>
      <c r="DG34" s="317">
        <v>0</v>
      </c>
    </row>
    <row r="35" spans="1:111" ht="18.75" customHeight="1" x14ac:dyDescent="0.2">
      <c r="A35" s="296" t="s">
        <v>33</v>
      </c>
      <c r="B35" s="311">
        <v>0</v>
      </c>
      <c r="C35" s="315">
        <v>0</v>
      </c>
      <c r="D35" s="437">
        <v>0</v>
      </c>
      <c r="E35" s="314">
        <v>0</v>
      </c>
      <c r="F35" s="315">
        <v>195</v>
      </c>
      <c r="G35" s="315">
        <v>198</v>
      </c>
      <c r="H35" s="315">
        <v>243</v>
      </c>
      <c r="I35" s="315">
        <v>424</v>
      </c>
      <c r="J35" s="315">
        <v>525</v>
      </c>
      <c r="K35" s="316">
        <v>1585</v>
      </c>
      <c r="L35" s="317">
        <v>1585</v>
      </c>
      <c r="M35" s="311">
        <v>0</v>
      </c>
      <c r="N35" s="315">
        <v>0</v>
      </c>
      <c r="O35" s="312">
        <v>0</v>
      </c>
      <c r="P35" s="314">
        <v>0</v>
      </c>
      <c r="Q35" s="315">
        <v>0</v>
      </c>
      <c r="R35" s="315">
        <v>11</v>
      </c>
      <c r="S35" s="315">
        <v>4</v>
      </c>
      <c r="T35" s="315">
        <v>3</v>
      </c>
      <c r="U35" s="315">
        <v>22</v>
      </c>
      <c r="V35" s="312">
        <v>40</v>
      </c>
      <c r="W35" s="317">
        <v>40</v>
      </c>
      <c r="X35" s="311">
        <v>7</v>
      </c>
      <c r="Y35" s="315">
        <v>4</v>
      </c>
      <c r="Z35" s="312">
        <v>11</v>
      </c>
      <c r="AA35" s="314">
        <v>0</v>
      </c>
      <c r="AB35" s="315">
        <v>60</v>
      </c>
      <c r="AC35" s="315">
        <v>42</v>
      </c>
      <c r="AD35" s="315">
        <v>57</v>
      </c>
      <c r="AE35" s="315">
        <v>43</v>
      </c>
      <c r="AF35" s="315">
        <v>54</v>
      </c>
      <c r="AG35" s="312">
        <v>256</v>
      </c>
      <c r="AH35" s="317">
        <v>267</v>
      </c>
      <c r="AI35" s="311">
        <v>81</v>
      </c>
      <c r="AJ35" s="315">
        <v>265</v>
      </c>
      <c r="AK35" s="312">
        <v>346</v>
      </c>
      <c r="AL35" s="314">
        <v>0</v>
      </c>
      <c r="AM35" s="315">
        <v>360</v>
      </c>
      <c r="AN35" s="315">
        <v>158</v>
      </c>
      <c r="AO35" s="315">
        <v>52</v>
      </c>
      <c r="AP35" s="315">
        <v>87</v>
      </c>
      <c r="AQ35" s="315">
        <v>63</v>
      </c>
      <c r="AR35" s="312">
        <v>720</v>
      </c>
      <c r="AS35" s="317">
        <v>1066</v>
      </c>
      <c r="AT35" s="311">
        <v>0</v>
      </c>
      <c r="AU35" s="315">
        <v>0</v>
      </c>
      <c r="AV35" s="312">
        <v>0</v>
      </c>
      <c r="AW35" s="314">
        <v>0</v>
      </c>
      <c r="AX35" s="315">
        <v>88</v>
      </c>
      <c r="AY35" s="315">
        <v>45</v>
      </c>
      <c r="AZ35" s="315">
        <v>45</v>
      </c>
      <c r="BA35" s="315">
        <v>69</v>
      </c>
      <c r="BB35" s="315">
        <v>32</v>
      </c>
      <c r="BC35" s="316">
        <v>279</v>
      </c>
      <c r="BD35" s="317">
        <v>279</v>
      </c>
      <c r="BE35" s="311">
        <v>0</v>
      </c>
      <c r="BF35" s="315">
        <v>0</v>
      </c>
      <c r="BG35" s="312">
        <v>0</v>
      </c>
      <c r="BH35" s="314">
        <v>0</v>
      </c>
      <c r="BI35" s="315">
        <v>91</v>
      </c>
      <c r="BJ35" s="315">
        <v>90</v>
      </c>
      <c r="BK35" s="315">
        <v>34</v>
      </c>
      <c r="BL35" s="315">
        <v>1</v>
      </c>
      <c r="BM35" s="315">
        <v>13</v>
      </c>
      <c r="BN35" s="312">
        <v>229</v>
      </c>
      <c r="BO35" s="317">
        <v>229</v>
      </c>
      <c r="BP35" s="311">
        <v>0</v>
      </c>
      <c r="BQ35" s="315">
        <v>0</v>
      </c>
      <c r="BR35" s="312">
        <v>0</v>
      </c>
      <c r="BS35" s="314">
        <v>0</v>
      </c>
      <c r="BT35" s="315">
        <v>4</v>
      </c>
      <c r="BU35" s="315">
        <v>16</v>
      </c>
      <c r="BV35" s="315">
        <v>33</v>
      </c>
      <c r="BW35" s="315">
        <v>52</v>
      </c>
      <c r="BX35" s="315">
        <v>0</v>
      </c>
      <c r="BY35" s="312">
        <v>105</v>
      </c>
      <c r="BZ35" s="317">
        <v>105</v>
      </c>
      <c r="CA35" s="311">
        <v>0</v>
      </c>
      <c r="CB35" s="315">
        <v>0</v>
      </c>
      <c r="CC35" s="312">
        <v>0</v>
      </c>
      <c r="CD35" s="314">
        <v>0</v>
      </c>
      <c r="CE35" s="315">
        <v>14</v>
      </c>
      <c r="CF35" s="315">
        <v>6</v>
      </c>
      <c r="CG35" s="315">
        <v>2</v>
      </c>
      <c r="CH35" s="315">
        <v>0</v>
      </c>
      <c r="CI35" s="315">
        <v>0</v>
      </c>
      <c r="CJ35" s="312">
        <v>22</v>
      </c>
      <c r="CK35" s="317">
        <v>22</v>
      </c>
      <c r="CL35" s="311">
        <v>0</v>
      </c>
      <c r="CM35" s="315">
        <v>0</v>
      </c>
      <c r="CN35" s="312">
        <v>0</v>
      </c>
      <c r="CO35" s="314">
        <v>0</v>
      </c>
      <c r="CP35" s="315">
        <v>0</v>
      </c>
      <c r="CQ35" s="315">
        <v>0</v>
      </c>
      <c r="CR35" s="315">
        <v>0</v>
      </c>
      <c r="CS35" s="315">
        <v>0</v>
      </c>
      <c r="CT35" s="315">
        <v>0</v>
      </c>
      <c r="CU35" s="312">
        <v>0</v>
      </c>
      <c r="CV35" s="317">
        <v>0</v>
      </c>
      <c r="CW35" s="311">
        <v>0</v>
      </c>
      <c r="CX35" s="315">
        <v>0</v>
      </c>
      <c r="CY35" s="312">
        <v>0</v>
      </c>
      <c r="CZ35" s="314">
        <v>0</v>
      </c>
      <c r="DA35" s="315">
        <v>0</v>
      </c>
      <c r="DB35" s="315">
        <v>0</v>
      </c>
      <c r="DC35" s="315">
        <v>0</v>
      </c>
      <c r="DD35" s="315">
        <v>0</v>
      </c>
      <c r="DE35" s="315">
        <v>0</v>
      </c>
      <c r="DF35" s="312">
        <v>0</v>
      </c>
      <c r="DG35" s="317">
        <v>0</v>
      </c>
    </row>
    <row r="36" spans="1:111" ht="18.75" customHeight="1" x14ac:dyDescent="0.2">
      <c r="A36" s="296" t="s">
        <v>34</v>
      </c>
      <c r="B36" s="311">
        <v>0</v>
      </c>
      <c r="C36" s="315">
        <v>0</v>
      </c>
      <c r="D36" s="437">
        <v>0</v>
      </c>
      <c r="E36" s="314">
        <v>0</v>
      </c>
      <c r="F36" s="315">
        <v>145</v>
      </c>
      <c r="G36" s="315">
        <v>113</v>
      </c>
      <c r="H36" s="315">
        <v>311</v>
      </c>
      <c r="I36" s="315">
        <v>138</v>
      </c>
      <c r="J36" s="315">
        <v>109</v>
      </c>
      <c r="K36" s="316">
        <v>816</v>
      </c>
      <c r="L36" s="317">
        <v>816</v>
      </c>
      <c r="M36" s="311">
        <v>0</v>
      </c>
      <c r="N36" s="315">
        <v>0</v>
      </c>
      <c r="O36" s="312">
        <v>0</v>
      </c>
      <c r="P36" s="314">
        <v>0</v>
      </c>
      <c r="Q36" s="315">
        <v>0</v>
      </c>
      <c r="R36" s="315">
        <v>4</v>
      </c>
      <c r="S36" s="315">
        <v>0</v>
      </c>
      <c r="T36" s="315">
        <v>7</v>
      </c>
      <c r="U36" s="315">
        <v>35</v>
      </c>
      <c r="V36" s="312">
        <v>46</v>
      </c>
      <c r="W36" s="317">
        <v>46</v>
      </c>
      <c r="X36" s="311">
        <v>9</v>
      </c>
      <c r="Y36" s="315">
        <v>12</v>
      </c>
      <c r="Z36" s="312">
        <v>21</v>
      </c>
      <c r="AA36" s="314">
        <v>0</v>
      </c>
      <c r="AB36" s="315">
        <v>35</v>
      </c>
      <c r="AC36" s="315">
        <v>53</v>
      </c>
      <c r="AD36" s="315">
        <v>43</v>
      </c>
      <c r="AE36" s="315">
        <v>10</v>
      </c>
      <c r="AF36" s="315">
        <v>29</v>
      </c>
      <c r="AG36" s="312">
        <v>170</v>
      </c>
      <c r="AH36" s="317">
        <v>191</v>
      </c>
      <c r="AI36" s="311">
        <v>0</v>
      </c>
      <c r="AJ36" s="315">
        <v>7</v>
      </c>
      <c r="AK36" s="312">
        <v>7</v>
      </c>
      <c r="AL36" s="314">
        <v>0</v>
      </c>
      <c r="AM36" s="315">
        <v>48</v>
      </c>
      <c r="AN36" s="315">
        <v>9</v>
      </c>
      <c r="AO36" s="315">
        <v>4</v>
      </c>
      <c r="AP36" s="315">
        <v>12</v>
      </c>
      <c r="AQ36" s="315">
        <v>6</v>
      </c>
      <c r="AR36" s="312">
        <v>79</v>
      </c>
      <c r="AS36" s="317">
        <v>86</v>
      </c>
      <c r="AT36" s="311">
        <v>0</v>
      </c>
      <c r="AU36" s="315">
        <v>0</v>
      </c>
      <c r="AV36" s="312">
        <v>0</v>
      </c>
      <c r="AW36" s="314">
        <v>0</v>
      </c>
      <c r="AX36" s="315">
        <v>278</v>
      </c>
      <c r="AY36" s="315">
        <v>193</v>
      </c>
      <c r="AZ36" s="315">
        <v>165</v>
      </c>
      <c r="BA36" s="315">
        <v>93</v>
      </c>
      <c r="BB36" s="315">
        <v>12</v>
      </c>
      <c r="BC36" s="316">
        <v>741</v>
      </c>
      <c r="BD36" s="317">
        <v>741</v>
      </c>
      <c r="BE36" s="311">
        <v>0</v>
      </c>
      <c r="BF36" s="315">
        <v>0</v>
      </c>
      <c r="BG36" s="312">
        <v>0</v>
      </c>
      <c r="BH36" s="314">
        <v>0</v>
      </c>
      <c r="BI36" s="315">
        <v>11</v>
      </c>
      <c r="BJ36" s="315">
        <v>15</v>
      </c>
      <c r="BK36" s="315">
        <v>9</v>
      </c>
      <c r="BL36" s="315">
        <v>3</v>
      </c>
      <c r="BM36" s="315">
        <v>0</v>
      </c>
      <c r="BN36" s="312">
        <v>38</v>
      </c>
      <c r="BO36" s="317">
        <v>38</v>
      </c>
      <c r="BP36" s="311">
        <v>0</v>
      </c>
      <c r="BQ36" s="315">
        <v>0</v>
      </c>
      <c r="BR36" s="312">
        <v>0</v>
      </c>
      <c r="BS36" s="314">
        <v>0</v>
      </c>
      <c r="BT36" s="315">
        <v>16</v>
      </c>
      <c r="BU36" s="315">
        <v>0</v>
      </c>
      <c r="BV36" s="315">
        <v>9</v>
      </c>
      <c r="BW36" s="315">
        <v>43</v>
      </c>
      <c r="BX36" s="315">
        <v>0</v>
      </c>
      <c r="BY36" s="312">
        <v>68</v>
      </c>
      <c r="BZ36" s="317">
        <v>68</v>
      </c>
      <c r="CA36" s="311">
        <v>0</v>
      </c>
      <c r="CB36" s="315">
        <v>0</v>
      </c>
      <c r="CC36" s="312">
        <v>0</v>
      </c>
      <c r="CD36" s="314">
        <v>0</v>
      </c>
      <c r="CE36" s="315">
        <v>0</v>
      </c>
      <c r="CF36" s="315">
        <v>0</v>
      </c>
      <c r="CG36" s="315">
        <v>0</v>
      </c>
      <c r="CH36" s="315">
        <v>0</v>
      </c>
      <c r="CI36" s="315">
        <v>0</v>
      </c>
      <c r="CJ36" s="312">
        <v>0</v>
      </c>
      <c r="CK36" s="317">
        <v>0</v>
      </c>
      <c r="CL36" s="311">
        <v>0</v>
      </c>
      <c r="CM36" s="315">
        <v>0</v>
      </c>
      <c r="CN36" s="312">
        <v>0</v>
      </c>
      <c r="CO36" s="314">
        <v>0</v>
      </c>
      <c r="CP36" s="315">
        <v>0</v>
      </c>
      <c r="CQ36" s="315">
        <v>0</v>
      </c>
      <c r="CR36" s="315">
        <v>0</v>
      </c>
      <c r="CS36" s="315">
        <v>0</v>
      </c>
      <c r="CT36" s="315">
        <v>0</v>
      </c>
      <c r="CU36" s="312">
        <v>0</v>
      </c>
      <c r="CV36" s="317">
        <v>0</v>
      </c>
      <c r="CW36" s="311">
        <v>0</v>
      </c>
      <c r="CX36" s="315">
        <v>0</v>
      </c>
      <c r="CY36" s="312">
        <v>0</v>
      </c>
      <c r="CZ36" s="314">
        <v>0</v>
      </c>
      <c r="DA36" s="315">
        <v>0</v>
      </c>
      <c r="DB36" s="315">
        <v>0</v>
      </c>
      <c r="DC36" s="315">
        <v>0</v>
      </c>
      <c r="DD36" s="315">
        <v>0</v>
      </c>
      <c r="DE36" s="315">
        <v>0</v>
      </c>
      <c r="DF36" s="312">
        <v>0</v>
      </c>
      <c r="DG36" s="317">
        <v>0</v>
      </c>
    </row>
    <row r="37" spans="1:111" ht="18.75" customHeight="1" x14ac:dyDescent="0.2">
      <c r="A37" s="296" t="s">
        <v>35</v>
      </c>
      <c r="B37" s="311">
        <v>0</v>
      </c>
      <c r="C37" s="315">
        <v>0</v>
      </c>
      <c r="D37" s="437">
        <v>0</v>
      </c>
      <c r="E37" s="314">
        <v>0</v>
      </c>
      <c r="F37" s="315">
        <v>1067</v>
      </c>
      <c r="G37" s="315">
        <v>924</v>
      </c>
      <c r="H37" s="315">
        <v>1034</v>
      </c>
      <c r="I37" s="315">
        <v>1276</v>
      </c>
      <c r="J37" s="315">
        <v>800</v>
      </c>
      <c r="K37" s="316">
        <v>5101</v>
      </c>
      <c r="L37" s="317">
        <v>5101</v>
      </c>
      <c r="M37" s="311">
        <v>0</v>
      </c>
      <c r="N37" s="315">
        <v>0</v>
      </c>
      <c r="O37" s="312">
        <v>0</v>
      </c>
      <c r="P37" s="314">
        <v>0</v>
      </c>
      <c r="Q37" s="315">
        <v>0</v>
      </c>
      <c r="R37" s="315">
        <v>28</v>
      </c>
      <c r="S37" s="315">
        <v>9</v>
      </c>
      <c r="T37" s="315">
        <v>46</v>
      </c>
      <c r="U37" s="315">
        <v>68</v>
      </c>
      <c r="V37" s="312">
        <v>151</v>
      </c>
      <c r="W37" s="317">
        <v>151</v>
      </c>
      <c r="X37" s="311">
        <v>0</v>
      </c>
      <c r="Y37" s="315">
        <v>0</v>
      </c>
      <c r="Z37" s="312">
        <v>0</v>
      </c>
      <c r="AA37" s="314">
        <v>0</v>
      </c>
      <c r="AB37" s="315">
        <v>245</v>
      </c>
      <c r="AC37" s="315">
        <v>243</v>
      </c>
      <c r="AD37" s="315">
        <v>85</v>
      </c>
      <c r="AE37" s="315">
        <v>124</v>
      </c>
      <c r="AF37" s="315">
        <v>73</v>
      </c>
      <c r="AG37" s="312">
        <v>770</v>
      </c>
      <c r="AH37" s="317">
        <v>770</v>
      </c>
      <c r="AI37" s="311">
        <v>0</v>
      </c>
      <c r="AJ37" s="315">
        <v>0</v>
      </c>
      <c r="AK37" s="312">
        <v>0</v>
      </c>
      <c r="AL37" s="314">
        <v>0</v>
      </c>
      <c r="AM37" s="315">
        <v>107</v>
      </c>
      <c r="AN37" s="315">
        <v>111</v>
      </c>
      <c r="AO37" s="315">
        <v>91</v>
      </c>
      <c r="AP37" s="315">
        <v>66</v>
      </c>
      <c r="AQ37" s="315">
        <v>24</v>
      </c>
      <c r="AR37" s="312">
        <v>399</v>
      </c>
      <c r="AS37" s="317">
        <v>399</v>
      </c>
      <c r="AT37" s="311">
        <v>0</v>
      </c>
      <c r="AU37" s="315">
        <v>0</v>
      </c>
      <c r="AV37" s="312">
        <v>0</v>
      </c>
      <c r="AW37" s="314">
        <v>0</v>
      </c>
      <c r="AX37" s="315">
        <v>968</v>
      </c>
      <c r="AY37" s="315">
        <v>957</v>
      </c>
      <c r="AZ37" s="315">
        <v>636</v>
      </c>
      <c r="BA37" s="315">
        <v>271</v>
      </c>
      <c r="BB37" s="315">
        <v>184</v>
      </c>
      <c r="BC37" s="316">
        <v>3016</v>
      </c>
      <c r="BD37" s="317">
        <v>3016</v>
      </c>
      <c r="BE37" s="311">
        <v>0</v>
      </c>
      <c r="BF37" s="315">
        <v>0</v>
      </c>
      <c r="BG37" s="312">
        <v>0</v>
      </c>
      <c r="BH37" s="314">
        <v>0</v>
      </c>
      <c r="BI37" s="315">
        <v>216</v>
      </c>
      <c r="BJ37" s="315">
        <v>87</v>
      </c>
      <c r="BK37" s="315">
        <v>11</v>
      </c>
      <c r="BL37" s="315">
        <v>52</v>
      </c>
      <c r="BM37" s="315">
        <v>0</v>
      </c>
      <c r="BN37" s="312">
        <v>366</v>
      </c>
      <c r="BO37" s="317">
        <v>366</v>
      </c>
      <c r="BP37" s="311">
        <v>0</v>
      </c>
      <c r="BQ37" s="315">
        <v>0</v>
      </c>
      <c r="BR37" s="312">
        <v>0</v>
      </c>
      <c r="BS37" s="314">
        <v>0</v>
      </c>
      <c r="BT37" s="315">
        <v>7</v>
      </c>
      <c r="BU37" s="315">
        <v>140</v>
      </c>
      <c r="BV37" s="315">
        <v>141</v>
      </c>
      <c r="BW37" s="315">
        <v>87</v>
      </c>
      <c r="BX37" s="315">
        <v>19</v>
      </c>
      <c r="BY37" s="312">
        <v>394</v>
      </c>
      <c r="BZ37" s="317">
        <v>394</v>
      </c>
      <c r="CA37" s="311">
        <v>0</v>
      </c>
      <c r="CB37" s="315">
        <v>0</v>
      </c>
      <c r="CC37" s="312">
        <v>0</v>
      </c>
      <c r="CD37" s="314">
        <v>0</v>
      </c>
      <c r="CE37" s="315">
        <v>0</v>
      </c>
      <c r="CF37" s="315">
        <v>0</v>
      </c>
      <c r="CG37" s="315">
        <v>0</v>
      </c>
      <c r="CH37" s="315">
        <v>0</v>
      </c>
      <c r="CI37" s="315">
        <v>27</v>
      </c>
      <c r="CJ37" s="312">
        <v>27</v>
      </c>
      <c r="CK37" s="317">
        <v>27</v>
      </c>
      <c r="CL37" s="311">
        <v>0</v>
      </c>
      <c r="CM37" s="315">
        <v>0</v>
      </c>
      <c r="CN37" s="312">
        <v>0</v>
      </c>
      <c r="CO37" s="314">
        <v>0</v>
      </c>
      <c r="CP37" s="315">
        <v>0</v>
      </c>
      <c r="CQ37" s="315">
        <v>0</v>
      </c>
      <c r="CR37" s="315">
        <v>0</v>
      </c>
      <c r="CS37" s="315">
        <v>0</v>
      </c>
      <c r="CT37" s="315">
        <v>0</v>
      </c>
      <c r="CU37" s="312">
        <v>0</v>
      </c>
      <c r="CV37" s="317">
        <v>0</v>
      </c>
      <c r="CW37" s="311">
        <v>0</v>
      </c>
      <c r="CX37" s="315">
        <v>0</v>
      </c>
      <c r="CY37" s="312">
        <v>0</v>
      </c>
      <c r="CZ37" s="314">
        <v>0</v>
      </c>
      <c r="DA37" s="315">
        <v>0</v>
      </c>
      <c r="DB37" s="315">
        <v>0</v>
      </c>
      <c r="DC37" s="315">
        <v>0</v>
      </c>
      <c r="DD37" s="315">
        <v>0</v>
      </c>
      <c r="DE37" s="315">
        <v>0</v>
      </c>
      <c r="DF37" s="312">
        <v>0</v>
      </c>
      <c r="DG37" s="317">
        <v>0</v>
      </c>
    </row>
    <row r="38" spans="1:111" ht="18.75" customHeight="1" x14ac:dyDescent="0.2">
      <c r="A38" s="296" t="s">
        <v>36</v>
      </c>
      <c r="B38" s="311">
        <v>0</v>
      </c>
      <c r="C38" s="315">
        <v>0</v>
      </c>
      <c r="D38" s="437">
        <v>0</v>
      </c>
      <c r="E38" s="314">
        <v>0</v>
      </c>
      <c r="F38" s="315">
        <v>811</v>
      </c>
      <c r="G38" s="315">
        <v>1277</v>
      </c>
      <c r="H38" s="315">
        <v>1647</v>
      </c>
      <c r="I38" s="315">
        <v>1778</v>
      </c>
      <c r="J38" s="315">
        <v>1567</v>
      </c>
      <c r="K38" s="316">
        <v>7080</v>
      </c>
      <c r="L38" s="317">
        <v>7080</v>
      </c>
      <c r="M38" s="311">
        <v>0</v>
      </c>
      <c r="N38" s="315">
        <v>0</v>
      </c>
      <c r="O38" s="312">
        <v>0</v>
      </c>
      <c r="P38" s="314">
        <v>0</v>
      </c>
      <c r="Q38" s="315">
        <v>18</v>
      </c>
      <c r="R38" s="315">
        <v>31</v>
      </c>
      <c r="S38" s="315">
        <v>8</v>
      </c>
      <c r="T38" s="315">
        <v>45</v>
      </c>
      <c r="U38" s="315">
        <v>55</v>
      </c>
      <c r="V38" s="312">
        <v>157</v>
      </c>
      <c r="W38" s="317">
        <v>157</v>
      </c>
      <c r="X38" s="311">
        <v>85</v>
      </c>
      <c r="Y38" s="315">
        <v>125</v>
      </c>
      <c r="Z38" s="312">
        <v>210</v>
      </c>
      <c r="AA38" s="314">
        <v>0</v>
      </c>
      <c r="AB38" s="315">
        <v>555</v>
      </c>
      <c r="AC38" s="315">
        <v>562</v>
      </c>
      <c r="AD38" s="315">
        <v>340</v>
      </c>
      <c r="AE38" s="315">
        <v>298</v>
      </c>
      <c r="AF38" s="315">
        <v>325</v>
      </c>
      <c r="AG38" s="312">
        <v>2080</v>
      </c>
      <c r="AH38" s="317">
        <v>2290</v>
      </c>
      <c r="AI38" s="311">
        <v>24</v>
      </c>
      <c r="AJ38" s="315">
        <v>0</v>
      </c>
      <c r="AK38" s="312">
        <v>24</v>
      </c>
      <c r="AL38" s="314">
        <v>0</v>
      </c>
      <c r="AM38" s="315">
        <v>8</v>
      </c>
      <c r="AN38" s="315">
        <v>12</v>
      </c>
      <c r="AO38" s="315">
        <v>6</v>
      </c>
      <c r="AP38" s="315">
        <v>20</v>
      </c>
      <c r="AQ38" s="315">
        <v>24</v>
      </c>
      <c r="AR38" s="312">
        <v>70</v>
      </c>
      <c r="AS38" s="317">
        <v>94</v>
      </c>
      <c r="AT38" s="311">
        <v>0</v>
      </c>
      <c r="AU38" s="315">
        <v>0</v>
      </c>
      <c r="AV38" s="312">
        <v>0</v>
      </c>
      <c r="AW38" s="314">
        <v>0</v>
      </c>
      <c r="AX38" s="315">
        <v>651</v>
      </c>
      <c r="AY38" s="315">
        <v>792</v>
      </c>
      <c r="AZ38" s="315">
        <v>510</v>
      </c>
      <c r="BA38" s="315">
        <v>271</v>
      </c>
      <c r="BB38" s="315">
        <v>123</v>
      </c>
      <c r="BC38" s="316">
        <v>2347</v>
      </c>
      <c r="BD38" s="317">
        <v>2347</v>
      </c>
      <c r="BE38" s="311">
        <v>0</v>
      </c>
      <c r="BF38" s="315">
        <v>0</v>
      </c>
      <c r="BG38" s="312">
        <v>0</v>
      </c>
      <c r="BH38" s="314">
        <v>0</v>
      </c>
      <c r="BI38" s="315">
        <v>182</v>
      </c>
      <c r="BJ38" s="315">
        <v>141</v>
      </c>
      <c r="BK38" s="315">
        <v>127</v>
      </c>
      <c r="BL38" s="315">
        <v>23</v>
      </c>
      <c r="BM38" s="315">
        <v>3</v>
      </c>
      <c r="BN38" s="312">
        <v>476</v>
      </c>
      <c r="BO38" s="317">
        <v>476</v>
      </c>
      <c r="BP38" s="311">
        <v>0</v>
      </c>
      <c r="BQ38" s="315">
        <v>2</v>
      </c>
      <c r="BR38" s="312">
        <v>2</v>
      </c>
      <c r="BS38" s="314">
        <v>0</v>
      </c>
      <c r="BT38" s="315">
        <v>160</v>
      </c>
      <c r="BU38" s="315">
        <v>154</v>
      </c>
      <c r="BV38" s="315">
        <v>265</v>
      </c>
      <c r="BW38" s="315">
        <v>67</v>
      </c>
      <c r="BX38" s="315">
        <v>165</v>
      </c>
      <c r="BY38" s="312">
        <v>811</v>
      </c>
      <c r="BZ38" s="317">
        <v>813</v>
      </c>
      <c r="CA38" s="311">
        <v>0</v>
      </c>
      <c r="CB38" s="315">
        <v>0</v>
      </c>
      <c r="CC38" s="312">
        <v>0</v>
      </c>
      <c r="CD38" s="314">
        <v>0</v>
      </c>
      <c r="CE38" s="315">
        <v>0</v>
      </c>
      <c r="CF38" s="315">
        <v>3</v>
      </c>
      <c r="CG38" s="315">
        <v>25</v>
      </c>
      <c r="CH38" s="315">
        <v>0</v>
      </c>
      <c r="CI38" s="315">
        <v>0</v>
      </c>
      <c r="CJ38" s="312">
        <v>28</v>
      </c>
      <c r="CK38" s="317">
        <v>28</v>
      </c>
      <c r="CL38" s="311">
        <v>0</v>
      </c>
      <c r="CM38" s="315">
        <v>0</v>
      </c>
      <c r="CN38" s="312">
        <v>0</v>
      </c>
      <c r="CO38" s="314">
        <v>0</v>
      </c>
      <c r="CP38" s="315">
        <v>0</v>
      </c>
      <c r="CQ38" s="315">
        <v>0</v>
      </c>
      <c r="CR38" s="315">
        <v>0</v>
      </c>
      <c r="CS38" s="315">
        <v>0</v>
      </c>
      <c r="CT38" s="315">
        <v>0</v>
      </c>
      <c r="CU38" s="312">
        <v>0</v>
      </c>
      <c r="CV38" s="317">
        <v>0</v>
      </c>
      <c r="CW38" s="311">
        <v>0</v>
      </c>
      <c r="CX38" s="315">
        <v>0</v>
      </c>
      <c r="CY38" s="312">
        <v>0</v>
      </c>
      <c r="CZ38" s="314">
        <v>0</v>
      </c>
      <c r="DA38" s="315">
        <v>0</v>
      </c>
      <c r="DB38" s="315">
        <v>0</v>
      </c>
      <c r="DC38" s="315">
        <v>0</v>
      </c>
      <c r="DD38" s="315">
        <v>0</v>
      </c>
      <c r="DE38" s="315">
        <v>0</v>
      </c>
      <c r="DF38" s="312">
        <v>0</v>
      </c>
      <c r="DG38" s="317">
        <v>0</v>
      </c>
    </row>
    <row r="39" spans="1:111" ht="18.75" customHeight="1" thickBot="1" x14ac:dyDescent="0.25">
      <c r="A39" s="297" t="s">
        <v>37</v>
      </c>
      <c r="B39" s="318">
        <v>0</v>
      </c>
      <c r="C39" s="322">
        <v>0</v>
      </c>
      <c r="D39" s="438">
        <v>0</v>
      </c>
      <c r="E39" s="321">
        <v>0</v>
      </c>
      <c r="F39" s="322">
        <v>23</v>
      </c>
      <c r="G39" s="322">
        <v>64</v>
      </c>
      <c r="H39" s="322">
        <v>37</v>
      </c>
      <c r="I39" s="322">
        <v>12</v>
      </c>
      <c r="J39" s="322">
        <v>160</v>
      </c>
      <c r="K39" s="323">
        <v>296</v>
      </c>
      <c r="L39" s="324">
        <v>296</v>
      </c>
      <c r="M39" s="318">
        <v>0</v>
      </c>
      <c r="N39" s="322">
        <v>0</v>
      </c>
      <c r="O39" s="319">
        <v>0</v>
      </c>
      <c r="P39" s="321">
        <v>0</v>
      </c>
      <c r="Q39" s="322">
        <v>0</v>
      </c>
      <c r="R39" s="322">
        <v>0</v>
      </c>
      <c r="S39" s="322">
        <v>0</v>
      </c>
      <c r="T39" s="322">
        <v>0</v>
      </c>
      <c r="U39" s="322">
        <v>0</v>
      </c>
      <c r="V39" s="319">
        <v>0</v>
      </c>
      <c r="W39" s="324">
        <v>0</v>
      </c>
      <c r="X39" s="318">
        <v>0</v>
      </c>
      <c r="Y39" s="322">
        <v>6</v>
      </c>
      <c r="Z39" s="319">
        <v>6</v>
      </c>
      <c r="AA39" s="321">
        <v>0</v>
      </c>
      <c r="AB39" s="322">
        <v>28</v>
      </c>
      <c r="AC39" s="322">
        <v>28</v>
      </c>
      <c r="AD39" s="322">
        <v>6</v>
      </c>
      <c r="AE39" s="322">
        <v>28</v>
      </c>
      <c r="AF39" s="322">
        <v>12</v>
      </c>
      <c r="AG39" s="319">
        <v>102</v>
      </c>
      <c r="AH39" s="324">
        <v>108</v>
      </c>
      <c r="AI39" s="318">
        <v>0</v>
      </c>
      <c r="AJ39" s="322">
        <v>0</v>
      </c>
      <c r="AK39" s="319">
        <v>0</v>
      </c>
      <c r="AL39" s="321">
        <v>0</v>
      </c>
      <c r="AM39" s="322">
        <v>194</v>
      </c>
      <c r="AN39" s="322">
        <v>7</v>
      </c>
      <c r="AO39" s="322">
        <v>12</v>
      </c>
      <c r="AP39" s="322">
        <v>11</v>
      </c>
      <c r="AQ39" s="322">
        <v>0</v>
      </c>
      <c r="AR39" s="319">
        <v>224</v>
      </c>
      <c r="AS39" s="324">
        <v>224</v>
      </c>
      <c r="AT39" s="318">
        <v>0</v>
      </c>
      <c r="AU39" s="322">
        <v>0</v>
      </c>
      <c r="AV39" s="319">
        <v>0</v>
      </c>
      <c r="AW39" s="321">
        <v>0</v>
      </c>
      <c r="AX39" s="322">
        <v>46</v>
      </c>
      <c r="AY39" s="322">
        <v>26</v>
      </c>
      <c r="AZ39" s="322">
        <v>39</v>
      </c>
      <c r="BA39" s="322">
        <v>7</v>
      </c>
      <c r="BB39" s="322">
        <v>5</v>
      </c>
      <c r="BC39" s="323">
        <v>123</v>
      </c>
      <c r="BD39" s="324">
        <v>123</v>
      </c>
      <c r="BE39" s="318">
        <v>0</v>
      </c>
      <c r="BF39" s="322">
        <v>0</v>
      </c>
      <c r="BG39" s="319">
        <v>0</v>
      </c>
      <c r="BH39" s="321">
        <v>0</v>
      </c>
      <c r="BI39" s="322">
        <v>43</v>
      </c>
      <c r="BJ39" s="322">
        <v>21</v>
      </c>
      <c r="BK39" s="322">
        <v>20</v>
      </c>
      <c r="BL39" s="322">
        <v>31</v>
      </c>
      <c r="BM39" s="322">
        <v>0</v>
      </c>
      <c r="BN39" s="319">
        <v>115</v>
      </c>
      <c r="BO39" s="324">
        <v>115</v>
      </c>
      <c r="BP39" s="318">
        <v>0</v>
      </c>
      <c r="BQ39" s="322">
        <v>0</v>
      </c>
      <c r="BR39" s="319">
        <v>0</v>
      </c>
      <c r="BS39" s="321">
        <v>0</v>
      </c>
      <c r="BT39" s="322">
        <v>6</v>
      </c>
      <c r="BU39" s="322">
        <v>0</v>
      </c>
      <c r="BV39" s="322">
        <v>21</v>
      </c>
      <c r="BW39" s="322">
        <v>0</v>
      </c>
      <c r="BX39" s="322">
        <v>8</v>
      </c>
      <c r="BY39" s="319">
        <v>35</v>
      </c>
      <c r="BZ39" s="324">
        <v>35</v>
      </c>
      <c r="CA39" s="318">
        <v>0</v>
      </c>
      <c r="CB39" s="322">
        <v>0</v>
      </c>
      <c r="CC39" s="319">
        <v>0</v>
      </c>
      <c r="CD39" s="321">
        <v>0</v>
      </c>
      <c r="CE39" s="322">
        <v>0</v>
      </c>
      <c r="CF39" s="322">
        <v>0</v>
      </c>
      <c r="CG39" s="322">
        <v>2</v>
      </c>
      <c r="CH39" s="322">
        <v>12</v>
      </c>
      <c r="CI39" s="322">
        <v>0</v>
      </c>
      <c r="CJ39" s="319">
        <v>14</v>
      </c>
      <c r="CK39" s="324">
        <v>14</v>
      </c>
      <c r="CL39" s="318">
        <v>0</v>
      </c>
      <c r="CM39" s="322">
        <v>0</v>
      </c>
      <c r="CN39" s="319">
        <v>0</v>
      </c>
      <c r="CO39" s="321">
        <v>0</v>
      </c>
      <c r="CP39" s="322">
        <v>0</v>
      </c>
      <c r="CQ39" s="322">
        <v>0</v>
      </c>
      <c r="CR39" s="322">
        <v>0</v>
      </c>
      <c r="CS39" s="322">
        <v>0</v>
      </c>
      <c r="CT39" s="322">
        <v>0</v>
      </c>
      <c r="CU39" s="319">
        <v>0</v>
      </c>
      <c r="CV39" s="324">
        <v>0</v>
      </c>
      <c r="CW39" s="318">
        <v>0</v>
      </c>
      <c r="CX39" s="322">
        <v>0</v>
      </c>
      <c r="CY39" s="319">
        <v>0</v>
      </c>
      <c r="CZ39" s="321">
        <v>0</v>
      </c>
      <c r="DA39" s="322">
        <v>0</v>
      </c>
      <c r="DB39" s="322">
        <v>0</v>
      </c>
      <c r="DC39" s="322">
        <v>0</v>
      </c>
      <c r="DD39" s="322">
        <v>0</v>
      </c>
      <c r="DE39" s="322">
        <v>0</v>
      </c>
      <c r="DF39" s="319">
        <v>0</v>
      </c>
      <c r="DG39" s="324">
        <v>0</v>
      </c>
    </row>
    <row r="40" spans="1:111" ht="27" customHeight="1" x14ac:dyDescent="0.2">
      <c r="B40" s="290" t="s">
        <v>127</v>
      </c>
    </row>
  </sheetData>
  <mergeCells count="43">
    <mergeCell ref="I1:J1"/>
    <mergeCell ref="L1:M1"/>
    <mergeCell ref="CA3:CK3"/>
    <mergeCell ref="CL3:CV3"/>
    <mergeCell ref="M3:W3"/>
    <mergeCell ref="X3:AH3"/>
    <mergeCell ref="AI3:AS3"/>
    <mergeCell ref="AT3:BD3"/>
    <mergeCell ref="BE3:BO3"/>
    <mergeCell ref="BP3:BZ3"/>
    <mergeCell ref="CV4:CV5"/>
    <mergeCell ref="BE4:BG4"/>
    <mergeCell ref="BH4:BN4"/>
    <mergeCell ref="BO4:BO5"/>
    <mergeCell ref="BP4:BR4"/>
    <mergeCell ref="BS4:BY4"/>
    <mergeCell ref="BZ4:BZ5"/>
    <mergeCell ref="CA4:CC4"/>
    <mergeCell ref="CD4:CJ4"/>
    <mergeCell ref="CK4:CK5"/>
    <mergeCell ref="CL4:CN4"/>
    <mergeCell ref="CO4:CU4"/>
    <mergeCell ref="AI4:AK4"/>
    <mergeCell ref="AL4:AR4"/>
    <mergeCell ref="AS4:AS5"/>
    <mergeCell ref="AT4:AV4"/>
    <mergeCell ref="AW4:BC4"/>
    <mergeCell ref="CW3:DG3"/>
    <mergeCell ref="CW4:CY4"/>
    <mergeCell ref="CZ4:DF4"/>
    <mergeCell ref="DG4:DG5"/>
    <mergeCell ref="A3:A5"/>
    <mergeCell ref="B3:L3"/>
    <mergeCell ref="B4:D4"/>
    <mergeCell ref="E4:K4"/>
    <mergeCell ref="L4:L5"/>
    <mergeCell ref="BD4:BD5"/>
    <mergeCell ref="M4:O4"/>
    <mergeCell ref="P4:V4"/>
    <mergeCell ref="W4:W5"/>
    <mergeCell ref="X4:Z4"/>
    <mergeCell ref="AA4:AG4"/>
    <mergeCell ref="AH4:AH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3" max="39" man="1"/>
    <brk id="45" max="39" man="1"/>
    <brk id="67" max="1048575" man="1"/>
    <brk id="89"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2-07-15T07:35:05Z</cp:lastPrinted>
  <dcterms:created xsi:type="dcterms:W3CDTF">2008-02-08T04:23:07Z</dcterms:created>
  <dcterms:modified xsi:type="dcterms:W3CDTF">2022-07-20T23:51:30Z</dcterms:modified>
</cp:coreProperties>
</file>